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H21\"/>
    </mc:Choice>
  </mc:AlternateContent>
  <xr:revisionPtr revIDLastSave="0" documentId="13_ncr:1_{5B3CB2F1-946B-43B2-87D3-A9A33BFB33ED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35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0099富山地域）" sheetId="96" r:id="rId51"/>
    <sheet name="年齢別・性別人口(0101下タ)" sheetId="94" r:id="rId52"/>
    <sheet name="年齢別・性別人口(0102小羽)" sheetId="100" r:id="rId53"/>
    <sheet name="年齢別・性別人口(0103船峅)" sheetId="101" r:id="rId54"/>
    <sheet name="年齢別・性別人口(0104大沢野)" sheetId="102" r:id="rId55"/>
    <sheet name="年齢別・性別人口(0105大久保)" sheetId="103" r:id="rId56"/>
    <sheet name="年齢別・性別人口(0199大沢野地域)" sheetId="98" r:id="rId57"/>
    <sheet name="年齢別・性別人口(0201上滝)" sheetId="99" r:id="rId58"/>
    <sheet name="年齢別・性別人口(0202大山)" sheetId="97" r:id="rId59"/>
    <sheet name="年齢別・性別人口(0203大庄)" sheetId="104" r:id="rId60"/>
    <sheet name="年齢別・性別人口(0204福沢)" sheetId="107" r:id="rId61"/>
    <sheet name="年齢別・性別人口(0299大山地域)" sheetId="108" r:id="rId62"/>
    <sheet name="年齢別・性別人口(0301八尾)" sheetId="109" r:id="rId63"/>
    <sheet name="年齢別・性別人口(0302保内)" sheetId="114" r:id="rId64"/>
    <sheet name="年齢別・性別人口(0303杉原)" sheetId="115" r:id="rId65"/>
    <sheet name="年齢別・性別人口(0304卯花)" sheetId="116" r:id="rId66"/>
    <sheet name="年齢別・性別人口(0305室牧)" sheetId="117" r:id="rId67"/>
    <sheet name="年齢別・性別人口(0306黒瀬谷)" sheetId="118" r:id="rId68"/>
    <sheet name="年齢別・性別人口(0307野積)" sheetId="119" r:id="rId69"/>
    <sheet name="年齢別・性別人口(0308仁歩)" sheetId="120" r:id="rId70"/>
    <sheet name="年齢別・性別人口(0309大長谷)" sheetId="121" r:id="rId71"/>
    <sheet name="年齢別・性別人口(0399八尾地域)" sheetId="110" r:id="rId72"/>
    <sheet name="年齢別・性別人口(0401速星)" sheetId="111" r:id="rId73"/>
    <sheet name="年齢別・性別人口(0402鵜坂)" sheetId="112" r:id="rId74"/>
    <sheet name="年齢別・性別人口(0403朝日)" sheetId="113" r:id="rId75"/>
    <sheet name="年齢別・性別人口(0404宮川)" sheetId="123" r:id="rId76"/>
    <sheet name="年齢別・性別人口(0405婦中熊野)" sheetId="125" r:id="rId77"/>
    <sheet name="年齢別・性別人口(0406古里)" sheetId="126" r:id="rId78"/>
    <sheet name="年齢別・性別人口(0407音川)" sheetId="124" r:id="rId79"/>
    <sheet name="年齢別・性別人口(0408神保)" sheetId="122" r:id="rId80"/>
    <sheet name="年齢別・性別人口(0499婦中地域)" sheetId="106" r:id="rId81"/>
    <sheet name="年齢別・性別人口(0501山田南部)" sheetId="127" r:id="rId82"/>
    <sheet name="年齢別・性別人口(0502山田中部)" sheetId="128" r:id="rId83"/>
    <sheet name="年齢別・性別人口(0503山田西部)" sheetId="129" r:id="rId84"/>
    <sheet name="年齢別・性別人口(0504山田東部)" sheetId="130" r:id="rId85"/>
    <sheet name="年齢別・性別人口(0599山田地域)" sheetId="131" r:id="rId86"/>
    <sheet name="年齢別・性別人口(0601細入北部)" sheetId="132" r:id="rId87"/>
    <sheet name="年齢別・性別人口(0602細入南部)" sheetId="133" r:id="rId88"/>
    <sheet name="年齢別・性別人口(0699細入地域)" sheetId="134" r:id="rId89"/>
  </sheets>
  <definedNames>
    <definedName name="_xlnm.Print_Titles" localSheetId="50">'年齢別・性別人口(0099富山地域）'!$4:$4</definedName>
    <definedName name="_xlnm.Print_Titles" localSheetId="51">'年齢別・性別人口(0101下タ)'!$4:$4</definedName>
    <definedName name="_xlnm.Print_Titles" localSheetId="52">'年齢別・性別人口(0102小羽)'!$4:$4</definedName>
    <definedName name="_xlnm.Print_Titles" localSheetId="53">'年齢別・性別人口(0103船峅)'!$4:$4</definedName>
    <definedName name="_xlnm.Print_Titles" localSheetId="54">'年齢別・性別人口(0104大沢野)'!$4:$4</definedName>
    <definedName name="_xlnm.Print_Titles" localSheetId="55">'年齢別・性別人口(0105大久保)'!$4:$4</definedName>
    <definedName name="_xlnm.Print_Titles" localSheetId="56">'年齢別・性別人口(0199大沢野地域)'!$4:$4</definedName>
    <definedName name="_xlnm.Print_Titles" localSheetId="1">'年齢別・性別人口(01総曲輪)'!$4:$4</definedName>
    <definedName name="_xlnm.Print_Titles" localSheetId="57">'年齢別・性別人口(0201上滝)'!$4:$4</definedName>
    <definedName name="_xlnm.Print_Titles" localSheetId="58">'年齢別・性別人口(0202大山)'!$4:$4</definedName>
    <definedName name="_xlnm.Print_Titles" localSheetId="59">'年齢別・性別人口(0203大庄)'!$4:$4</definedName>
    <definedName name="_xlnm.Print_Titles" localSheetId="60">'年齢別・性別人口(0204福沢)'!$4:$4</definedName>
    <definedName name="_xlnm.Print_Titles" localSheetId="61">'年齢別・性別人口(0299大山地域)'!$4:$4</definedName>
    <definedName name="_xlnm.Print_Titles" localSheetId="2">'年齢別・性別人口(02愛宕)'!$4:$4</definedName>
    <definedName name="_xlnm.Print_Titles" localSheetId="62">'年齢別・性別人口(0301八尾)'!$4:$4</definedName>
    <definedName name="_xlnm.Print_Titles" localSheetId="63">'年齢別・性別人口(0302保内)'!$4:$4</definedName>
    <definedName name="_xlnm.Print_Titles" localSheetId="64">'年齢別・性別人口(0303杉原)'!$4:$4</definedName>
    <definedName name="_xlnm.Print_Titles" localSheetId="65">'年齢別・性別人口(0304卯花)'!$4:$4</definedName>
    <definedName name="_xlnm.Print_Titles" localSheetId="66">'年齢別・性別人口(0305室牧)'!$4:$4</definedName>
    <definedName name="_xlnm.Print_Titles" localSheetId="67">'年齢別・性別人口(0306黒瀬谷)'!$4:$4</definedName>
    <definedName name="_xlnm.Print_Titles" localSheetId="68">'年齢別・性別人口(0307野積)'!$4:$4</definedName>
    <definedName name="_xlnm.Print_Titles" localSheetId="69">'年齢別・性別人口(0308仁歩)'!$4:$4</definedName>
    <definedName name="_xlnm.Print_Titles" localSheetId="70">'年齢別・性別人口(0309大長谷)'!$4:$4</definedName>
    <definedName name="_xlnm.Print_Titles" localSheetId="71">'年齢別・性別人口(0399八尾地域)'!$4:$4</definedName>
    <definedName name="_xlnm.Print_Titles" localSheetId="3">'年齢別・性別人口(03安野屋)'!$4:$4</definedName>
    <definedName name="_xlnm.Print_Titles" localSheetId="72">'年齢別・性別人口(0401速星)'!$4:$4</definedName>
    <definedName name="_xlnm.Print_Titles" localSheetId="73">'年齢別・性別人口(0402鵜坂)'!$4:$4</definedName>
    <definedName name="_xlnm.Print_Titles" localSheetId="74">'年齢別・性別人口(0403朝日)'!$4:$4</definedName>
    <definedName name="_xlnm.Print_Titles" localSheetId="75">'年齢別・性別人口(0404宮川)'!$4:$4</definedName>
    <definedName name="_xlnm.Print_Titles" localSheetId="76">'年齢別・性別人口(0405婦中熊野)'!$4:$4</definedName>
    <definedName name="_xlnm.Print_Titles" localSheetId="77">'年齢別・性別人口(0406古里)'!$4:$4</definedName>
    <definedName name="_xlnm.Print_Titles" localSheetId="78">'年齢別・性別人口(0407音川)'!$4:$4</definedName>
    <definedName name="_xlnm.Print_Titles" localSheetId="79">'年齢別・性別人口(0408神保)'!$4:$4</definedName>
    <definedName name="_xlnm.Print_Titles" localSheetId="80">'年齢別・性別人口(0499婦中地域)'!$4:$4</definedName>
    <definedName name="_xlnm.Print_Titles" localSheetId="4">'年齢別・性別人口(04八人町)'!$4:$4</definedName>
    <definedName name="_xlnm.Print_Titles" localSheetId="81">'年齢別・性別人口(0501山田南部)'!$4:$4</definedName>
    <definedName name="_xlnm.Print_Titles" localSheetId="82">'年齢別・性別人口(0502山田中部)'!$4:$4</definedName>
    <definedName name="_xlnm.Print_Titles" localSheetId="83">'年齢別・性別人口(0503山田西部)'!$4:$4</definedName>
    <definedName name="_xlnm.Print_Titles" localSheetId="84">'年齢別・性別人口(0504山田東部)'!$4:$4</definedName>
    <definedName name="_xlnm.Print_Titles" localSheetId="85">'年齢別・性別人口(0599山田地域)'!$4:$4</definedName>
    <definedName name="_xlnm.Print_Titles" localSheetId="5">'年齢別・性別人口(05五番町)'!$4:$4</definedName>
    <definedName name="_xlnm.Print_Titles" localSheetId="86">'年齢別・性別人口(0601細入北部)'!$4:$4</definedName>
    <definedName name="_xlnm.Print_Titles" localSheetId="87">'年齢別・性別人口(0602細入南部)'!$4:$4</definedName>
    <definedName name="_xlnm.Print_Titles" localSheetId="88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913" uniqueCount="244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3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3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3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3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3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3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3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3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3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3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3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3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3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3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3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3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3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3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3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3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3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チク</t>
    </rPh>
    <rPh sb="12" eb="13">
      <t>イキ</t>
    </rPh>
    <phoneticPr fontId="3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3">
      <t>チク</t>
    </rPh>
    <rPh sb="13" eb="14">
      <t>イキ</t>
    </rPh>
    <phoneticPr fontId="3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2">
      <t>チク</t>
    </rPh>
    <rPh sb="12" eb="13">
      <t>イキ</t>
    </rPh>
    <phoneticPr fontId="3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2">
      <t>チク</t>
    </rPh>
    <rPh sb="12" eb="13">
      <t>イキ</t>
    </rPh>
    <phoneticPr fontId="3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2">
      <t>チク</t>
    </rPh>
    <rPh sb="12" eb="13">
      <t>イキ</t>
    </rPh>
    <phoneticPr fontId="3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ク</t>
    </rPh>
    <rPh sb="12" eb="13">
      <t>イキ</t>
    </rPh>
    <phoneticPr fontId="3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チク</t>
    </rPh>
    <rPh sb="12" eb="13">
      <t>イキ</t>
    </rPh>
    <phoneticPr fontId="3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クサワ</t>
    </rPh>
    <phoneticPr fontId="3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ハセ</t>
    </rPh>
    <phoneticPr fontId="3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3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ミナミ</t>
    </rPh>
    <rPh sb="12" eb="13">
      <t>ホクブ</t>
    </rPh>
    <phoneticPr fontId="3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カ</t>
    </rPh>
    <rPh sb="12" eb="13">
      <t>ホクブ</t>
    </rPh>
    <phoneticPr fontId="3"/>
  </si>
  <si>
    <t>101～</t>
    <phoneticPr fontId="3"/>
  </si>
  <si>
    <t>101～</t>
    <phoneticPr fontId="3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3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ヒガシ</t>
    </rPh>
    <rPh sb="12" eb="13">
      <t>ホクブ</t>
    </rPh>
    <phoneticPr fontId="3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シタ</t>
    </rPh>
    <phoneticPr fontId="3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phoneticPr fontId="3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3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3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3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ショウ</t>
    </rPh>
    <phoneticPr fontId="3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3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3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3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3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3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1">
      <t>セ</t>
    </rPh>
    <rPh sb="11" eb="12">
      <t>タニ</t>
    </rPh>
    <phoneticPr fontId="3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3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3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3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3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3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3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3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3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トカワ</t>
    </rPh>
    <phoneticPr fontId="3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ネ</t>
    </rPh>
    <phoneticPr fontId="3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年齢</t>
    <rPh sb="0" eb="2">
      <t>ネンレイ</t>
    </rPh>
    <phoneticPr fontId="3"/>
  </si>
  <si>
    <t>101～</t>
    <phoneticPr fontId="3"/>
  </si>
  <si>
    <t>【合計】</t>
    <rPh sb="1" eb="3">
      <t>ゴウ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3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3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3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3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3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3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3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3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3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3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3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3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3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3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3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3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3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3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3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3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3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3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3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3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3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3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3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ミナミ</t>
    </rPh>
    <rPh sb="12" eb="13">
      <t>ホクブ</t>
    </rPh>
    <phoneticPr fontId="3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ホクブ</t>
    </rPh>
    <phoneticPr fontId="3"/>
  </si>
  <si>
    <t>平成21年9月末</t>
  </si>
  <si>
    <t>目次</t>
    <rPh sb="0" eb="2">
      <t>モクジ</t>
    </rPh>
    <phoneticPr fontId="3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3"/>
  </si>
  <si>
    <t>富山地域</t>
    <rPh sb="0" eb="2">
      <t>トヤマ</t>
    </rPh>
    <rPh sb="2" eb="4">
      <t>チイキ</t>
    </rPh>
    <phoneticPr fontId="3"/>
  </si>
  <si>
    <t>大沢野地域</t>
    <rPh sb="0" eb="3">
      <t>オオサワノ</t>
    </rPh>
    <rPh sb="3" eb="5">
      <t>チイキ</t>
    </rPh>
    <phoneticPr fontId="3"/>
  </si>
  <si>
    <t>総曲輪</t>
    <rPh sb="0" eb="3">
      <t>ソウガワ</t>
    </rPh>
    <phoneticPr fontId="3"/>
  </si>
  <si>
    <t>愛宕</t>
    <rPh sb="0" eb="2">
      <t>アタゴ</t>
    </rPh>
    <phoneticPr fontId="3"/>
  </si>
  <si>
    <t>小羽</t>
    <rPh sb="0" eb="1">
      <t>チイ</t>
    </rPh>
    <rPh sb="1" eb="2">
      <t>ハネ</t>
    </rPh>
    <phoneticPr fontId="3"/>
  </si>
  <si>
    <t>安野屋</t>
    <rPh sb="0" eb="3">
      <t>ヤスノヤ</t>
    </rPh>
    <phoneticPr fontId="3"/>
  </si>
  <si>
    <t>船峅</t>
    <rPh sb="0" eb="2">
      <t>フナクラ</t>
    </rPh>
    <phoneticPr fontId="3"/>
  </si>
  <si>
    <t>八人町</t>
    <rPh sb="0" eb="3">
      <t>ハチニンマチ</t>
    </rPh>
    <phoneticPr fontId="3"/>
  </si>
  <si>
    <t>大沢野</t>
    <rPh sb="0" eb="3">
      <t>オオサワノ</t>
    </rPh>
    <phoneticPr fontId="3"/>
  </si>
  <si>
    <t>五番町</t>
    <rPh sb="0" eb="3">
      <t>ゴバンマチ</t>
    </rPh>
    <phoneticPr fontId="3"/>
  </si>
  <si>
    <t>大久保</t>
    <rPh sb="0" eb="3">
      <t>オオクボ</t>
    </rPh>
    <phoneticPr fontId="3"/>
  </si>
  <si>
    <t>柳町</t>
    <rPh sb="0" eb="2">
      <t>ヤナギマチ</t>
    </rPh>
    <phoneticPr fontId="3"/>
  </si>
  <si>
    <t>大沢野地域（合計）</t>
    <rPh sb="0" eb="3">
      <t>オオサワノ</t>
    </rPh>
    <rPh sb="3" eb="5">
      <t>チイキ</t>
    </rPh>
    <rPh sb="6" eb="8">
      <t>ゴウケイ</t>
    </rPh>
    <phoneticPr fontId="3"/>
  </si>
  <si>
    <t>清水町</t>
    <rPh sb="0" eb="3">
      <t>シミズマチ</t>
    </rPh>
    <phoneticPr fontId="3"/>
  </si>
  <si>
    <t>星井町</t>
    <rPh sb="0" eb="3">
      <t>ホシイマチ</t>
    </rPh>
    <phoneticPr fontId="3"/>
  </si>
  <si>
    <t>大山地域</t>
    <rPh sb="0" eb="2">
      <t>オオヤマ</t>
    </rPh>
    <rPh sb="2" eb="4">
      <t>チイキ</t>
    </rPh>
    <phoneticPr fontId="3"/>
  </si>
  <si>
    <t>西田地方</t>
    <rPh sb="0" eb="4">
      <t>ニシデンジガタ</t>
    </rPh>
    <phoneticPr fontId="3"/>
  </si>
  <si>
    <t>上滝</t>
    <rPh sb="0" eb="2">
      <t>カミダキ</t>
    </rPh>
    <phoneticPr fontId="3"/>
  </si>
  <si>
    <t>堀川</t>
    <rPh sb="0" eb="2">
      <t>ホリカワ</t>
    </rPh>
    <phoneticPr fontId="3"/>
  </si>
  <si>
    <t>大山</t>
    <rPh sb="0" eb="2">
      <t>オオヤマ</t>
    </rPh>
    <phoneticPr fontId="3"/>
  </si>
  <si>
    <t>堀川南</t>
    <rPh sb="0" eb="2">
      <t>ホリカワ</t>
    </rPh>
    <rPh sb="2" eb="3">
      <t>ミナミ</t>
    </rPh>
    <phoneticPr fontId="3"/>
  </si>
  <si>
    <t>大庄</t>
    <rPh sb="0" eb="2">
      <t>ダイショウ</t>
    </rPh>
    <phoneticPr fontId="3"/>
  </si>
  <si>
    <t>東部</t>
    <rPh sb="0" eb="2">
      <t>トウブ</t>
    </rPh>
    <phoneticPr fontId="3"/>
  </si>
  <si>
    <t>福沢</t>
    <rPh sb="0" eb="2">
      <t>フクサワ</t>
    </rPh>
    <phoneticPr fontId="3"/>
  </si>
  <si>
    <t>奥田</t>
    <rPh sb="0" eb="2">
      <t>オクダ</t>
    </rPh>
    <phoneticPr fontId="3"/>
  </si>
  <si>
    <t>大山地域（合計）</t>
    <rPh sb="0" eb="2">
      <t>オオヤマ</t>
    </rPh>
    <rPh sb="2" eb="4">
      <t>チイキ</t>
    </rPh>
    <rPh sb="5" eb="7">
      <t>ゴウケイ</t>
    </rPh>
    <phoneticPr fontId="3"/>
  </si>
  <si>
    <t>奥田北</t>
    <rPh sb="0" eb="3">
      <t>オクダキタ</t>
    </rPh>
    <phoneticPr fontId="3"/>
  </si>
  <si>
    <t>桜谷</t>
    <rPh sb="0" eb="2">
      <t>サクラタニ</t>
    </rPh>
    <phoneticPr fontId="3"/>
  </si>
  <si>
    <t>八尾地域</t>
    <rPh sb="0" eb="4">
      <t>ヤツオチイキ</t>
    </rPh>
    <phoneticPr fontId="3"/>
  </si>
  <si>
    <t>五福</t>
    <rPh sb="0" eb="2">
      <t>ゴフク</t>
    </rPh>
    <phoneticPr fontId="3"/>
  </si>
  <si>
    <t>八尾</t>
    <rPh sb="0" eb="2">
      <t>ヤツオ</t>
    </rPh>
    <phoneticPr fontId="3"/>
  </si>
  <si>
    <t>神明</t>
    <rPh sb="0" eb="2">
      <t>シンメイ</t>
    </rPh>
    <phoneticPr fontId="3"/>
  </si>
  <si>
    <t>保内</t>
    <rPh sb="0" eb="2">
      <t>ヤスウチ</t>
    </rPh>
    <phoneticPr fontId="3"/>
  </si>
  <si>
    <t>岩瀬</t>
    <rPh sb="0" eb="2">
      <t>イワセ</t>
    </rPh>
    <phoneticPr fontId="3"/>
  </si>
  <si>
    <t>杉原</t>
    <rPh sb="0" eb="2">
      <t>スギハラ</t>
    </rPh>
    <phoneticPr fontId="3"/>
  </si>
  <si>
    <t>卯花</t>
    <rPh sb="0" eb="2">
      <t>ウノハナ</t>
    </rPh>
    <phoneticPr fontId="3"/>
  </si>
  <si>
    <t>大広田</t>
    <rPh sb="0" eb="3">
      <t>オオヒロタ</t>
    </rPh>
    <phoneticPr fontId="3"/>
  </si>
  <si>
    <t>室牧</t>
    <rPh sb="0" eb="2">
      <t>ムロマキ</t>
    </rPh>
    <phoneticPr fontId="3"/>
  </si>
  <si>
    <t>浜黒崎</t>
    <rPh sb="0" eb="3">
      <t>ハマクロサキ</t>
    </rPh>
    <phoneticPr fontId="3"/>
  </si>
  <si>
    <t>黒瀬谷</t>
    <rPh sb="0" eb="3">
      <t>クロセタニ</t>
    </rPh>
    <phoneticPr fontId="3"/>
  </si>
  <si>
    <t>針原</t>
    <rPh sb="0" eb="2">
      <t>ハリハラ</t>
    </rPh>
    <phoneticPr fontId="3"/>
  </si>
  <si>
    <t>野積</t>
    <rPh sb="0" eb="2">
      <t>ノヅ</t>
    </rPh>
    <phoneticPr fontId="3"/>
  </si>
  <si>
    <t>豊田</t>
    <rPh sb="0" eb="2">
      <t>トヨタ</t>
    </rPh>
    <phoneticPr fontId="3"/>
  </si>
  <si>
    <t>仁歩</t>
    <rPh sb="0" eb="1">
      <t>ニ</t>
    </rPh>
    <rPh sb="1" eb="2">
      <t>アル</t>
    </rPh>
    <phoneticPr fontId="3"/>
  </si>
  <si>
    <t>広田</t>
    <rPh sb="0" eb="2">
      <t>ヒロタ</t>
    </rPh>
    <phoneticPr fontId="3"/>
  </si>
  <si>
    <t>大長谷</t>
    <rPh sb="0" eb="3">
      <t>オオナガタニ</t>
    </rPh>
    <phoneticPr fontId="3"/>
  </si>
  <si>
    <t>新庄</t>
    <rPh sb="0" eb="2">
      <t>シンジョウ</t>
    </rPh>
    <phoneticPr fontId="3"/>
  </si>
  <si>
    <t>八尾地域（合計）</t>
    <rPh sb="0" eb="4">
      <t>ヤツオチイキ</t>
    </rPh>
    <rPh sb="5" eb="7">
      <t>ゴウケイ</t>
    </rPh>
    <phoneticPr fontId="3"/>
  </si>
  <si>
    <t>藤ノ木</t>
    <rPh sb="0" eb="1">
      <t>フジ</t>
    </rPh>
    <rPh sb="2" eb="3">
      <t>キ</t>
    </rPh>
    <phoneticPr fontId="3"/>
  </si>
  <si>
    <t>山室</t>
    <rPh sb="0" eb="2">
      <t>ヤマムロ</t>
    </rPh>
    <phoneticPr fontId="3"/>
  </si>
  <si>
    <t>婦中地域</t>
    <rPh sb="0" eb="2">
      <t>フチュウ</t>
    </rPh>
    <rPh sb="2" eb="4">
      <t>チイキ</t>
    </rPh>
    <phoneticPr fontId="3"/>
  </si>
  <si>
    <t>山室中部</t>
    <rPh sb="0" eb="4">
      <t>ヤマムロチュウブ</t>
    </rPh>
    <phoneticPr fontId="3"/>
  </si>
  <si>
    <t>速星</t>
    <rPh sb="0" eb="2">
      <t>ハヤホシ</t>
    </rPh>
    <phoneticPr fontId="3"/>
  </si>
  <si>
    <t>太田</t>
    <rPh sb="0" eb="2">
      <t>オオタ</t>
    </rPh>
    <phoneticPr fontId="3"/>
  </si>
  <si>
    <t>鵜坂</t>
    <rPh sb="0" eb="2">
      <t>ウサカ</t>
    </rPh>
    <phoneticPr fontId="3"/>
  </si>
  <si>
    <t>蜷川</t>
    <rPh sb="0" eb="2">
      <t>ニナガワ</t>
    </rPh>
    <phoneticPr fontId="3"/>
  </si>
  <si>
    <t>朝日</t>
    <rPh sb="0" eb="2">
      <t>アサヒ</t>
    </rPh>
    <phoneticPr fontId="3"/>
  </si>
  <si>
    <t>新保</t>
    <rPh sb="0" eb="2">
      <t>シンボ</t>
    </rPh>
    <phoneticPr fontId="3"/>
  </si>
  <si>
    <t>宮川</t>
    <rPh sb="0" eb="2">
      <t>ミヤガワ</t>
    </rPh>
    <phoneticPr fontId="3"/>
  </si>
  <si>
    <t>熊野</t>
    <rPh sb="0" eb="2">
      <t>クマノ</t>
    </rPh>
    <phoneticPr fontId="3"/>
  </si>
  <si>
    <t>婦中熊野</t>
    <rPh sb="0" eb="2">
      <t>フチュウ</t>
    </rPh>
    <rPh sb="2" eb="4">
      <t>クマノ</t>
    </rPh>
    <phoneticPr fontId="3"/>
  </si>
  <si>
    <t>月岡</t>
    <rPh sb="0" eb="2">
      <t>ツキオカ</t>
    </rPh>
    <phoneticPr fontId="3"/>
  </si>
  <si>
    <t>古里</t>
    <rPh sb="0" eb="2">
      <t>フルサト</t>
    </rPh>
    <phoneticPr fontId="3"/>
  </si>
  <si>
    <t>四方</t>
    <rPh sb="0" eb="2">
      <t>ヨカタ</t>
    </rPh>
    <phoneticPr fontId="3"/>
  </si>
  <si>
    <t>音川</t>
    <rPh sb="0" eb="2">
      <t>オトガワ</t>
    </rPh>
    <phoneticPr fontId="3"/>
  </si>
  <si>
    <t>八幡</t>
    <rPh sb="0" eb="2">
      <t>ハチマン</t>
    </rPh>
    <phoneticPr fontId="3"/>
  </si>
  <si>
    <t>神保</t>
    <rPh sb="0" eb="2">
      <t>シンボ</t>
    </rPh>
    <phoneticPr fontId="3"/>
  </si>
  <si>
    <t>草島</t>
    <rPh sb="0" eb="2">
      <t>クサジマ</t>
    </rPh>
    <phoneticPr fontId="3"/>
  </si>
  <si>
    <t>婦中地域（合計）</t>
    <rPh sb="0" eb="2">
      <t>フチュウ</t>
    </rPh>
    <rPh sb="2" eb="4">
      <t>チイキ</t>
    </rPh>
    <rPh sb="5" eb="7">
      <t>ゴウケイ</t>
    </rPh>
    <phoneticPr fontId="3"/>
  </si>
  <si>
    <t>倉垣</t>
    <rPh sb="0" eb="2">
      <t>クラガキ</t>
    </rPh>
    <phoneticPr fontId="3"/>
  </si>
  <si>
    <t>呉羽</t>
    <rPh sb="0" eb="2">
      <t>クレハ</t>
    </rPh>
    <phoneticPr fontId="3"/>
  </si>
  <si>
    <t>山田地域</t>
    <rPh sb="0" eb="4">
      <t>ヤマダチイキ</t>
    </rPh>
    <phoneticPr fontId="3"/>
  </si>
  <si>
    <t>長岡</t>
    <rPh sb="0" eb="2">
      <t>ナガオカ</t>
    </rPh>
    <phoneticPr fontId="3"/>
  </si>
  <si>
    <t>山田南部</t>
    <rPh sb="0" eb="2">
      <t>ヤマダ</t>
    </rPh>
    <rPh sb="2" eb="4">
      <t>ナンブ</t>
    </rPh>
    <phoneticPr fontId="3"/>
  </si>
  <si>
    <t>寒江</t>
    <rPh sb="0" eb="1">
      <t>サム</t>
    </rPh>
    <rPh sb="1" eb="2">
      <t>エ</t>
    </rPh>
    <phoneticPr fontId="3"/>
  </si>
  <si>
    <t>山田中部</t>
    <rPh sb="0" eb="2">
      <t>ヤマダ</t>
    </rPh>
    <rPh sb="2" eb="4">
      <t>チュウブ</t>
    </rPh>
    <phoneticPr fontId="3"/>
  </si>
  <si>
    <t>古沢</t>
    <rPh sb="0" eb="2">
      <t>フルサワ</t>
    </rPh>
    <phoneticPr fontId="3"/>
  </si>
  <si>
    <t>山田西部</t>
    <rPh sb="0" eb="2">
      <t>ヤマダ</t>
    </rPh>
    <rPh sb="2" eb="4">
      <t>セイブ</t>
    </rPh>
    <phoneticPr fontId="3"/>
  </si>
  <si>
    <t>老田</t>
    <rPh sb="0" eb="2">
      <t>オイダ</t>
    </rPh>
    <phoneticPr fontId="3"/>
  </si>
  <si>
    <t>山田東部</t>
    <rPh sb="0" eb="4">
      <t>ヤマダトウブ</t>
    </rPh>
    <phoneticPr fontId="3"/>
  </si>
  <si>
    <t>池多</t>
    <rPh sb="0" eb="2">
      <t>イケダ</t>
    </rPh>
    <phoneticPr fontId="3"/>
  </si>
  <si>
    <t>山田地域（合計）</t>
    <rPh sb="0" eb="4">
      <t>ヤマダチイキ</t>
    </rPh>
    <rPh sb="5" eb="7">
      <t>ゴウケイ</t>
    </rPh>
    <phoneticPr fontId="3"/>
  </si>
  <si>
    <t>水橋中部</t>
    <rPh sb="0" eb="2">
      <t>ミズハシ</t>
    </rPh>
    <rPh sb="2" eb="4">
      <t>チュウブ</t>
    </rPh>
    <phoneticPr fontId="3"/>
  </si>
  <si>
    <t>水橋西部</t>
    <rPh sb="0" eb="2">
      <t>ミズハシ</t>
    </rPh>
    <rPh sb="2" eb="4">
      <t>セイブ</t>
    </rPh>
    <phoneticPr fontId="3"/>
  </si>
  <si>
    <t>細入地域</t>
    <rPh sb="0" eb="2">
      <t>ホソイリ</t>
    </rPh>
    <rPh sb="2" eb="4">
      <t>チイキ</t>
    </rPh>
    <phoneticPr fontId="3"/>
  </si>
  <si>
    <t>水橋東部</t>
    <rPh sb="0" eb="2">
      <t>ミズハシ</t>
    </rPh>
    <rPh sb="2" eb="4">
      <t>トウブ</t>
    </rPh>
    <phoneticPr fontId="3"/>
  </si>
  <si>
    <t>細入北部</t>
    <rPh sb="0" eb="2">
      <t>ホソイリ</t>
    </rPh>
    <rPh sb="2" eb="4">
      <t>ホクブ</t>
    </rPh>
    <phoneticPr fontId="3"/>
  </si>
  <si>
    <t>三郷</t>
    <rPh sb="0" eb="2">
      <t>サンゴウ</t>
    </rPh>
    <phoneticPr fontId="3"/>
  </si>
  <si>
    <t>細入南部</t>
    <rPh sb="0" eb="2">
      <t>ホソイリ</t>
    </rPh>
    <rPh sb="2" eb="4">
      <t>ナンブ</t>
    </rPh>
    <phoneticPr fontId="3"/>
  </si>
  <si>
    <t>上条</t>
    <rPh sb="0" eb="1">
      <t>ウエ</t>
    </rPh>
    <rPh sb="1" eb="2">
      <t>ジョウ</t>
    </rPh>
    <phoneticPr fontId="3"/>
  </si>
  <si>
    <t>細入地域（合計）</t>
    <rPh sb="0" eb="2">
      <t>ホソイリ</t>
    </rPh>
    <rPh sb="2" eb="4">
      <t>チイキ</t>
    </rPh>
    <rPh sb="5" eb="7">
      <t>ゴウケイ</t>
    </rPh>
    <phoneticPr fontId="3"/>
  </si>
  <si>
    <t>光陽</t>
    <rPh sb="0" eb="2">
      <t>コウヨウ</t>
    </rPh>
    <phoneticPr fontId="3"/>
  </si>
  <si>
    <t>富山地域（合計）</t>
    <rPh sb="0" eb="4">
      <t>トヤマチイキ</t>
    </rPh>
    <rPh sb="5" eb="7">
      <t>ゴウケイ</t>
    </rPh>
    <phoneticPr fontId="3"/>
  </si>
  <si>
    <t>下タ</t>
    <rPh sb="0" eb="1">
      <t>シタ</t>
    </rPh>
    <phoneticPr fontId="3"/>
  </si>
  <si>
    <t>萩浦</t>
    <rPh sb="0" eb="1">
      <t>ハギ</t>
    </rPh>
    <rPh sb="1" eb="2">
      <t>ウラ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b/>
      <sz val="11"/>
      <name val="ＭＳ 明朝"/>
      <family val="1"/>
      <charset val="128"/>
    </font>
    <font>
      <u/>
      <sz val="12"/>
      <color indexed="12"/>
      <name val="ＭＳ 明朝"/>
      <family val="1"/>
      <charset val="128"/>
    </font>
    <font>
      <u/>
      <sz val="11"/>
      <color theme="10"/>
      <name val="ＭＳ 明朝"/>
      <family val="1"/>
      <charset val="128"/>
    </font>
    <font>
      <u/>
      <sz val="12"/>
      <color theme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7" fillId="0" borderId="0" applyNumberFormat="0" applyFill="0" applyBorder="0" applyAlignment="0" applyProtection="0">
      <alignment vertical="top"/>
      <protection locked="0"/>
    </xf>
    <xf numFmtId="0" fontId="8" fillId="0" borderId="0" applyNumberFormat="0" applyFill="0" applyBorder="0" applyAlignment="0" applyProtection="0"/>
  </cellStyleXfs>
  <cellXfs count="49">
    <xf numFmtId="0" fontId="0" fillId="0" borderId="0" xfId="0"/>
    <xf numFmtId="0" fontId="4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2" fillId="0" borderId="12" xfId="1" applyBorder="1" applyAlignment="1">
      <alignment horizontal="distributed" vertical="center"/>
    </xf>
    <xf numFmtId="38" fontId="2" fillId="0" borderId="5" xfId="1" applyBorder="1" applyAlignment="1">
      <alignment vertical="center"/>
    </xf>
    <xf numFmtId="38" fontId="2" fillId="0" borderId="6" xfId="1" applyBorder="1" applyAlignment="1">
      <alignment vertical="center"/>
    </xf>
    <xf numFmtId="38" fontId="2" fillId="0" borderId="7" xfId="1" applyBorder="1" applyAlignment="1">
      <alignment vertical="center"/>
    </xf>
    <xf numFmtId="38" fontId="2" fillId="0" borderId="13" xfId="1" applyBorder="1" applyAlignment="1">
      <alignment horizontal="distributed" vertical="center"/>
    </xf>
    <xf numFmtId="38" fontId="2" fillId="0" borderId="8" xfId="1" applyBorder="1" applyAlignment="1">
      <alignment vertical="center"/>
    </xf>
    <xf numFmtId="38" fontId="2" fillId="0" borderId="9" xfId="1" applyBorder="1" applyAlignment="1">
      <alignment vertical="center"/>
    </xf>
    <xf numFmtId="38" fontId="2" fillId="0" borderId="10" xfId="1" applyBorder="1" applyAlignment="1">
      <alignment vertical="center"/>
    </xf>
    <xf numFmtId="38" fontId="2" fillId="0" borderId="13" xfId="1" applyFont="1" applyBorder="1" applyAlignment="1">
      <alignment horizontal="distributed" vertical="center"/>
    </xf>
    <xf numFmtId="38" fontId="2" fillId="0" borderId="13" xfId="1" applyFont="1" applyBorder="1" applyAlignment="1">
      <alignment horizontal="center" vertical="center"/>
    </xf>
    <xf numFmtId="38" fontId="2" fillId="0" borderId="14" xfId="1" applyFont="1" applyBorder="1" applyAlignment="1">
      <alignment horizontal="distributed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2" xfId="1" applyFont="1" applyBorder="1" applyAlignment="1">
      <alignment horizontal="distributed" vertical="center"/>
    </xf>
    <xf numFmtId="38" fontId="1" fillId="0" borderId="13" xfId="1" applyFont="1" applyBorder="1" applyAlignment="1">
      <alignment horizontal="distributed" vertical="center"/>
    </xf>
    <xf numFmtId="38" fontId="1" fillId="0" borderId="13" xfId="1" applyFont="1" applyBorder="1" applyAlignment="1">
      <alignment horizontal="center" vertical="center"/>
    </xf>
    <xf numFmtId="38" fontId="1" fillId="0" borderId="14" xfId="1" applyFont="1" applyBorder="1" applyAlignment="1">
      <alignment horizontal="distributed" vertical="center"/>
    </xf>
    <xf numFmtId="38" fontId="1" fillId="0" borderId="19" xfId="1" applyFont="1" applyBorder="1" applyAlignment="1">
      <alignment vertical="center"/>
    </xf>
    <xf numFmtId="38" fontId="1" fillId="0" borderId="1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38" fontId="1" fillId="0" borderId="21" xfId="1" applyFont="1" applyBorder="1" applyAlignment="1">
      <alignment vertical="center"/>
    </xf>
    <xf numFmtId="38" fontId="1" fillId="0" borderId="22" xfId="1" applyFont="1" applyBorder="1" applyAlignment="1">
      <alignment vertical="center"/>
    </xf>
    <xf numFmtId="38" fontId="1" fillId="0" borderId="23" xfId="1" applyFont="1" applyBorder="1" applyAlignment="1">
      <alignment vertical="center"/>
    </xf>
    <xf numFmtId="38" fontId="1" fillId="0" borderId="18" xfId="1" applyFont="1" applyBorder="1" applyAlignment="1">
      <alignment vertical="center"/>
    </xf>
    <xf numFmtId="0" fontId="6" fillId="0" borderId="0" xfId="0" applyFont="1"/>
    <xf numFmtId="0" fontId="0" fillId="0" borderId="11" xfId="0" applyBorder="1"/>
    <xf numFmtId="0" fontId="7" fillId="0" borderId="11" xfId="2" applyBorder="1" applyAlignment="1" applyProtection="1"/>
    <xf numFmtId="0" fontId="9" fillId="0" borderId="11" xfId="3" applyFont="1" applyBorder="1" applyAlignment="1" applyProtection="1"/>
    <xf numFmtId="0" fontId="0" fillId="0" borderId="11" xfId="0" applyBorder="1" applyAlignment="1">
      <alignment horizont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Alignment="1" applyProtection="1">
      <alignment horizontal="right" vertical="center"/>
      <protection locked="0"/>
    </xf>
  </cellXfs>
  <cellStyles count="4">
    <cellStyle name="ハイパーリンク" xfId="3" builtinId="8"/>
    <cellStyle name="ハイパーリンク 2" xfId="2" xr:uid="{F442429E-0D96-4FE4-B998-2767F8039162}"/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theme" Target="theme/theme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0C1F4D-B118-4605-AA78-AFD45E838C23}">
  <sheetPr codeName="Sheet89"/>
  <dimension ref="A1:E52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41" t="s">
        <v>147</v>
      </c>
      <c r="B1" t="s">
        <v>148</v>
      </c>
    </row>
    <row r="2" spans="1:5" x14ac:dyDescent="0.2">
      <c r="A2" s="45" t="s">
        <v>149</v>
      </c>
      <c r="B2" s="45"/>
      <c r="D2" s="45" t="s">
        <v>150</v>
      </c>
      <c r="E2" s="45"/>
    </row>
    <row r="3" spans="1:5" ht="14.4" x14ac:dyDescent="0.2">
      <c r="A3" s="42">
        <v>1</v>
      </c>
      <c r="B3" s="43" t="s">
        <v>151</v>
      </c>
      <c r="D3" s="42">
        <v>101</v>
      </c>
      <c r="E3" s="44" t="s">
        <v>242</v>
      </c>
    </row>
    <row r="4" spans="1:5" ht="14.4" x14ac:dyDescent="0.2">
      <c r="A4" s="42">
        <v>2</v>
      </c>
      <c r="B4" s="43" t="s">
        <v>152</v>
      </c>
      <c r="D4" s="42">
        <v>102</v>
      </c>
      <c r="E4" s="43" t="s">
        <v>153</v>
      </c>
    </row>
    <row r="5" spans="1:5" ht="14.4" x14ac:dyDescent="0.2">
      <c r="A5" s="42">
        <v>3</v>
      </c>
      <c r="B5" s="43" t="s">
        <v>154</v>
      </c>
      <c r="D5" s="42">
        <v>103</v>
      </c>
      <c r="E5" s="43" t="s">
        <v>155</v>
      </c>
    </row>
    <row r="6" spans="1:5" ht="14.4" x14ac:dyDescent="0.2">
      <c r="A6" s="42">
        <v>4</v>
      </c>
      <c r="B6" s="43" t="s">
        <v>156</v>
      </c>
      <c r="D6" s="42">
        <v>104</v>
      </c>
      <c r="E6" s="43" t="s">
        <v>157</v>
      </c>
    </row>
    <row r="7" spans="1:5" ht="14.4" x14ac:dyDescent="0.2">
      <c r="A7" s="42">
        <v>5</v>
      </c>
      <c r="B7" s="43" t="s">
        <v>158</v>
      </c>
      <c r="D7" s="42">
        <v>105</v>
      </c>
      <c r="E7" s="43" t="s">
        <v>159</v>
      </c>
    </row>
    <row r="8" spans="1:5" ht="14.4" x14ac:dyDescent="0.2">
      <c r="A8" s="42">
        <v>6</v>
      </c>
      <c r="B8" s="43" t="s">
        <v>160</v>
      </c>
      <c r="D8" s="42">
        <v>199</v>
      </c>
      <c r="E8" s="43" t="s">
        <v>161</v>
      </c>
    </row>
    <row r="9" spans="1:5" ht="14.4" x14ac:dyDescent="0.2">
      <c r="A9" s="42">
        <v>7</v>
      </c>
      <c r="B9" s="43" t="s">
        <v>162</v>
      </c>
    </row>
    <row r="10" spans="1:5" ht="14.4" x14ac:dyDescent="0.2">
      <c r="A10" s="42">
        <v>8</v>
      </c>
      <c r="B10" s="43" t="s">
        <v>163</v>
      </c>
      <c r="D10" s="45" t="s">
        <v>164</v>
      </c>
      <c r="E10" s="45"/>
    </row>
    <row r="11" spans="1:5" ht="14.4" x14ac:dyDescent="0.2">
      <c r="A11" s="42">
        <v>9</v>
      </c>
      <c r="B11" s="43" t="s">
        <v>165</v>
      </c>
      <c r="D11" s="42">
        <v>201</v>
      </c>
      <c r="E11" s="43" t="s">
        <v>166</v>
      </c>
    </row>
    <row r="12" spans="1:5" ht="14.4" x14ac:dyDescent="0.2">
      <c r="A12" s="42">
        <v>10</v>
      </c>
      <c r="B12" s="43" t="s">
        <v>167</v>
      </c>
      <c r="D12" s="42">
        <v>202</v>
      </c>
      <c r="E12" s="43" t="s">
        <v>168</v>
      </c>
    </row>
    <row r="13" spans="1:5" ht="14.4" x14ac:dyDescent="0.2">
      <c r="A13" s="42">
        <v>11</v>
      </c>
      <c r="B13" s="43" t="s">
        <v>169</v>
      </c>
      <c r="D13" s="42">
        <v>203</v>
      </c>
      <c r="E13" s="43" t="s">
        <v>170</v>
      </c>
    </row>
    <row r="14" spans="1:5" ht="14.4" x14ac:dyDescent="0.2">
      <c r="A14" s="42">
        <v>12</v>
      </c>
      <c r="B14" s="43" t="s">
        <v>171</v>
      </c>
      <c r="D14" s="42">
        <v>204</v>
      </c>
      <c r="E14" s="43" t="s">
        <v>172</v>
      </c>
    </row>
    <row r="15" spans="1:5" ht="14.4" x14ac:dyDescent="0.2">
      <c r="A15" s="42">
        <v>13</v>
      </c>
      <c r="B15" s="43" t="s">
        <v>173</v>
      </c>
      <c r="D15" s="42">
        <v>299</v>
      </c>
      <c r="E15" s="43" t="s">
        <v>174</v>
      </c>
    </row>
    <row r="16" spans="1:5" ht="14.4" x14ac:dyDescent="0.2">
      <c r="A16" s="42">
        <v>14</v>
      </c>
      <c r="B16" s="43" t="s">
        <v>175</v>
      </c>
    </row>
    <row r="17" spans="1:5" ht="14.4" x14ac:dyDescent="0.2">
      <c r="A17" s="42">
        <v>15</v>
      </c>
      <c r="B17" s="43" t="s">
        <v>176</v>
      </c>
      <c r="D17" s="45" t="s">
        <v>177</v>
      </c>
      <c r="E17" s="45"/>
    </row>
    <row r="18" spans="1:5" ht="14.4" x14ac:dyDescent="0.2">
      <c r="A18" s="42">
        <v>16</v>
      </c>
      <c r="B18" s="43" t="s">
        <v>178</v>
      </c>
      <c r="D18" s="42">
        <v>301</v>
      </c>
      <c r="E18" s="43" t="s">
        <v>179</v>
      </c>
    </row>
    <row r="19" spans="1:5" ht="14.4" x14ac:dyDescent="0.2">
      <c r="A19" s="42">
        <v>17</v>
      </c>
      <c r="B19" s="43" t="s">
        <v>180</v>
      </c>
      <c r="D19" s="42">
        <v>302</v>
      </c>
      <c r="E19" s="43" t="s">
        <v>181</v>
      </c>
    </row>
    <row r="20" spans="1:5" ht="14.4" x14ac:dyDescent="0.2">
      <c r="A20" s="42">
        <v>18</v>
      </c>
      <c r="B20" s="43" t="s">
        <v>182</v>
      </c>
      <c r="D20" s="42">
        <v>303</v>
      </c>
      <c r="E20" s="43" t="s">
        <v>183</v>
      </c>
    </row>
    <row r="21" spans="1:5" ht="14.4" x14ac:dyDescent="0.2">
      <c r="A21" s="42">
        <v>19</v>
      </c>
      <c r="B21" s="43" t="s">
        <v>243</v>
      </c>
      <c r="D21" s="42">
        <v>304</v>
      </c>
      <c r="E21" s="43" t="s">
        <v>184</v>
      </c>
    </row>
    <row r="22" spans="1:5" ht="14.4" x14ac:dyDescent="0.2">
      <c r="A22" s="42">
        <v>20</v>
      </c>
      <c r="B22" s="43" t="s">
        <v>185</v>
      </c>
      <c r="D22" s="42">
        <v>305</v>
      </c>
      <c r="E22" s="43" t="s">
        <v>186</v>
      </c>
    </row>
    <row r="23" spans="1:5" ht="14.4" x14ac:dyDescent="0.2">
      <c r="A23" s="42">
        <v>21</v>
      </c>
      <c r="B23" s="43" t="s">
        <v>187</v>
      </c>
      <c r="D23" s="42">
        <v>306</v>
      </c>
      <c r="E23" s="43" t="s">
        <v>188</v>
      </c>
    </row>
    <row r="24" spans="1:5" ht="14.4" x14ac:dyDescent="0.2">
      <c r="A24" s="42">
        <v>22</v>
      </c>
      <c r="B24" s="43" t="s">
        <v>189</v>
      </c>
      <c r="D24" s="42">
        <v>307</v>
      </c>
      <c r="E24" s="43" t="s">
        <v>190</v>
      </c>
    </row>
    <row r="25" spans="1:5" ht="14.4" x14ac:dyDescent="0.2">
      <c r="A25" s="42">
        <v>23</v>
      </c>
      <c r="B25" s="43" t="s">
        <v>191</v>
      </c>
      <c r="D25" s="42">
        <v>308</v>
      </c>
      <c r="E25" s="43" t="s">
        <v>192</v>
      </c>
    </row>
    <row r="26" spans="1:5" ht="14.4" x14ac:dyDescent="0.2">
      <c r="A26" s="42">
        <v>24</v>
      </c>
      <c r="B26" s="43" t="s">
        <v>193</v>
      </c>
      <c r="D26" s="42">
        <v>309</v>
      </c>
      <c r="E26" s="43" t="s">
        <v>194</v>
      </c>
    </row>
    <row r="27" spans="1:5" ht="14.4" x14ac:dyDescent="0.2">
      <c r="A27" s="42">
        <v>25</v>
      </c>
      <c r="B27" s="43" t="s">
        <v>195</v>
      </c>
      <c r="D27" s="42">
        <v>399</v>
      </c>
      <c r="E27" s="43" t="s">
        <v>196</v>
      </c>
    </row>
    <row r="28" spans="1:5" ht="14.4" x14ac:dyDescent="0.2">
      <c r="A28" s="42">
        <v>26</v>
      </c>
      <c r="B28" s="43" t="s">
        <v>197</v>
      </c>
    </row>
    <row r="29" spans="1:5" ht="14.4" x14ac:dyDescent="0.2">
      <c r="A29" s="42">
        <v>27</v>
      </c>
      <c r="B29" s="43" t="s">
        <v>198</v>
      </c>
      <c r="D29" s="45" t="s">
        <v>199</v>
      </c>
      <c r="E29" s="45"/>
    </row>
    <row r="30" spans="1:5" ht="14.4" x14ac:dyDescent="0.2">
      <c r="A30" s="42">
        <v>28</v>
      </c>
      <c r="B30" s="43" t="s">
        <v>200</v>
      </c>
      <c r="D30" s="42">
        <v>401</v>
      </c>
      <c r="E30" s="43" t="s">
        <v>201</v>
      </c>
    </row>
    <row r="31" spans="1:5" ht="14.4" x14ac:dyDescent="0.2">
      <c r="A31" s="42">
        <v>29</v>
      </c>
      <c r="B31" s="43" t="s">
        <v>202</v>
      </c>
      <c r="D31" s="42">
        <v>402</v>
      </c>
      <c r="E31" s="43" t="s">
        <v>203</v>
      </c>
    </row>
    <row r="32" spans="1:5" ht="14.4" x14ac:dyDescent="0.2">
      <c r="A32" s="42">
        <v>30</v>
      </c>
      <c r="B32" s="43" t="s">
        <v>204</v>
      </c>
      <c r="D32" s="42">
        <v>403</v>
      </c>
      <c r="E32" s="43" t="s">
        <v>205</v>
      </c>
    </row>
    <row r="33" spans="1:5" ht="14.4" x14ac:dyDescent="0.2">
      <c r="A33" s="42">
        <v>31</v>
      </c>
      <c r="B33" s="43" t="s">
        <v>206</v>
      </c>
      <c r="D33" s="42">
        <v>404</v>
      </c>
      <c r="E33" s="43" t="s">
        <v>207</v>
      </c>
    </row>
    <row r="34" spans="1:5" ht="14.4" x14ac:dyDescent="0.2">
      <c r="A34" s="42">
        <v>32</v>
      </c>
      <c r="B34" s="43" t="s">
        <v>208</v>
      </c>
      <c r="D34" s="42">
        <v>405</v>
      </c>
      <c r="E34" s="43" t="s">
        <v>209</v>
      </c>
    </row>
    <row r="35" spans="1:5" ht="14.4" x14ac:dyDescent="0.2">
      <c r="A35" s="42">
        <v>33</v>
      </c>
      <c r="B35" s="43" t="s">
        <v>210</v>
      </c>
      <c r="D35" s="42">
        <v>406</v>
      </c>
      <c r="E35" s="43" t="s">
        <v>211</v>
      </c>
    </row>
    <row r="36" spans="1:5" ht="14.4" x14ac:dyDescent="0.2">
      <c r="A36" s="42">
        <v>34</v>
      </c>
      <c r="B36" s="43" t="s">
        <v>212</v>
      </c>
      <c r="D36" s="42">
        <v>407</v>
      </c>
      <c r="E36" s="43" t="s">
        <v>213</v>
      </c>
    </row>
    <row r="37" spans="1:5" ht="14.4" x14ac:dyDescent="0.2">
      <c r="A37" s="42">
        <v>35</v>
      </c>
      <c r="B37" s="43" t="s">
        <v>214</v>
      </c>
      <c r="D37" s="42">
        <v>408</v>
      </c>
      <c r="E37" s="43" t="s">
        <v>215</v>
      </c>
    </row>
    <row r="38" spans="1:5" ht="14.4" x14ac:dyDescent="0.2">
      <c r="A38" s="42">
        <v>36</v>
      </c>
      <c r="B38" s="43" t="s">
        <v>216</v>
      </c>
      <c r="D38" s="42">
        <v>499</v>
      </c>
      <c r="E38" s="43" t="s">
        <v>217</v>
      </c>
    </row>
    <row r="39" spans="1:5" ht="14.4" x14ac:dyDescent="0.2">
      <c r="A39" s="42">
        <v>37</v>
      </c>
      <c r="B39" s="43" t="s">
        <v>218</v>
      </c>
    </row>
    <row r="40" spans="1:5" ht="14.4" x14ac:dyDescent="0.2">
      <c r="A40" s="42">
        <v>38</v>
      </c>
      <c r="B40" s="43" t="s">
        <v>219</v>
      </c>
      <c r="D40" s="45" t="s">
        <v>220</v>
      </c>
      <c r="E40" s="45"/>
    </row>
    <row r="41" spans="1:5" ht="14.4" x14ac:dyDescent="0.2">
      <c r="A41" s="42">
        <v>39</v>
      </c>
      <c r="B41" s="43" t="s">
        <v>221</v>
      </c>
      <c r="D41" s="42">
        <v>501</v>
      </c>
      <c r="E41" s="43" t="s">
        <v>222</v>
      </c>
    </row>
    <row r="42" spans="1:5" ht="14.4" x14ac:dyDescent="0.2">
      <c r="A42" s="42">
        <v>40</v>
      </c>
      <c r="B42" s="43" t="s">
        <v>223</v>
      </c>
      <c r="D42" s="42">
        <v>502</v>
      </c>
      <c r="E42" s="43" t="s">
        <v>224</v>
      </c>
    </row>
    <row r="43" spans="1:5" ht="14.4" x14ac:dyDescent="0.2">
      <c r="A43" s="42">
        <v>41</v>
      </c>
      <c r="B43" s="43" t="s">
        <v>225</v>
      </c>
      <c r="D43" s="42">
        <v>503</v>
      </c>
      <c r="E43" s="43" t="s">
        <v>226</v>
      </c>
    </row>
    <row r="44" spans="1:5" ht="14.4" x14ac:dyDescent="0.2">
      <c r="A44" s="42">
        <v>42</v>
      </c>
      <c r="B44" s="43" t="s">
        <v>227</v>
      </c>
      <c r="D44" s="42">
        <v>504</v>
      </c>
      <c r="E44" s="43" t="s">
        <v>228</v>
      </c>
    </row>
    <row r="45" spans="1:5" ht="14.4" x14ac:dyDescent="0.2">
      <c r="A45" s="42">
        <v>43</v>
      </c>
      <c r="B45" s="43" t="s">
        <v>229</v>
      </c>
      <c r="D45" s="42">
        <v>599</v>
      </c>
      <c r="E45" s="43" t="s">
        <v>230</v>
      </c>
    </row>
    <row r="46" spans="1:5" ht="14.4" x14ac:dyDescent="0.2">
      <c r="A46" s="42">
        <v>44</v>
      </c>
      <c r="B46" s="43" t="s">
        <v>231</v>
      </c>
    </row>
    <row r="47" spans="1:5" ht="14.4" x14ac:dyDescent="0.2">
      <c r="A47" s="42">
        <v>45</v>
      </c>
      <c r="B47" s="43" t="s">
        <v>232</v>
      </c>
      <c r="D47" s="45" t="s">
        <v>233</v>
      </c>
      <c r="E47" s="45"/>
    </row>
    <row r="48" spans="1:5" ht="14.4" x14ac:dyDescent="0.2">
      <c r="A48" s="42">
        <v>46</v>
      </c>
      <c r="B48" s="43" t="s">
        <v>234</v>
      </c>
      <c r="D48" s="42">
        <v>601</v>
      </c>
      <c r="E48" s="43" t="s">
        <v>235</v>
      </c>
    </row>
    <row r="49" spans="1:5" ht="14.4" x14ac:dyDescent="0.2">
      <c r="A49" s="42">
        <v>47</v>
      </c>
      <c r="B49" s="43" t="s">
        <v>236</v>
      </c>
      <c r="D49" s="42">
        <v>602</v>
      </c>
      <c r="E49" s="43" t="s">
        <v>237</v>
      </c>
    </row>
    <row r="50" spans="1:5" ht="14.4" x14ac:dyDescent="0.2">
      <c r="A50" s="42">
        <v>48</v>
      </c>
      <c r="B50" s="43" t="s">
        <v>238</v>
      </c>
      <c r="D50" s="42">
        <v>699</v>
      </c>
      <c r="E50" s="43" t="s">
        <v>239</v>
      </c>
    </row>
    <row r="51" spans="1:5" ht="14.4" x14ac:dyDescent="0.2">
      <c r="A51" s="42">
        <v>49</v>
      </c>
      <c r="B51" s="43" t="s">
        <v>240</v>
      </c>
    </row>
    <row r="52" spans="1:5" ht="14.4" x14ac:dyDescent="0.2">
      <c r="A52" s="42">
        <v>99</v>
      </c>
      <c r="B52" s="43" t="s">
        <v>241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3"/>
  <hyperlinks>
    <hyperlink ref="B3" location="'年齢別・性別人口(01総曲輪)'!A1" display="総曲輪" xr:uid="{1C988342-5086-44F7-A334-CCC4734E3770}"/>
    <hyperlink ref="B4" location="'年齢別・性別人口(02愛宕)'!A1" display="愛宕" xr:uid="{AE940989-EFE6-481A-A468-230191943BAB}"/>
    <hyperlink ref="B5" location="'年齢別・性別人口(03安野屋)'!A1" display="安野屋" xr:uid="{C315A937-2E63-4E70-987C-D9E0B466BAD1}"/>
    <hyperlink ref="B6" location="'年齢別・性別人口(04八人町)'!A1" display="八人町" xr:uid="{F4534D20-64EE-4FE7-8FF9-9DA93A1A8717}"/>
    <hyperlink ref="B7" location="'年齢別・性別人口(05五番町)'!A1" display="五番町" xr:uid="{F8A3C03A-312D-4871-A25A-42302E7C0280}"/>
    <hyperlink ref="B8" location="'年齢別・性別人口(06柳町)'!A1" display="柳町" xr:uid="{921683A2-E19B-493E-A637-4253A8AD7002}"/>
    <hyperlink ref="B9" location="'年齢別・性別人口(07清水町)'!A1" display="清水町" xr:uid="{6CF7ECB1-9D8B-442C-A8CD-A859F7396AD4}"/>
    <hyperlink ref="B10" location="'年齢別・性別人口(08星井町)'!A1" display="星井町" xr:uid="{EA19E47A-790E-480B-A12A-70A1D2FEBE1B}"/>
    <hyperlink ref="B11" location="'年齢別・性別人口(09西田地方)'!A1" display="西田地方" xr:uid="{96E1D749-FE61-48AC-B288-B0EDD46AB79D}"/>
    <hyperlink ref="B12" location="'年齢別・性別人口(10堀川)'!A1" display="堀川" xr:uid="{1C56F8A2-4BEB-41CC-9D74-471522DD5732}"/>
    <hyperlink ref="B13" location="'年齢別・性別人口(11堀川南)'!A1" display="堀川南" xr:uid="{EEC52FC1-5B50-4E10-8657-07AB1E92E163}"/>
    <hyperlink ref="B14" location="'年齢別・性別人口(12東部)'!A1" display="東部" xr:uid="{2673E1B0-E259-418F-A2B9-8FF8E2AD62F6}"/>
    <hyperlink ref="B15" location="'年齢別・性別人口(13奥田)'!A1" display="奥田" xr:uid="{16D2A5DC-14EC-4312-AD0C-C6E5E2745B65}"/>
    <hyperlink ref="B16" location="'年齢別・性別人口(14奥田北)'!A1" display="奥田北" xr:uid="{1EA9D78F-763D-408A-8D93-8590DF1F90D2}"/>
    <hyperlink ref="B18" location="'年齢別・性別人口(16五福)'!A1" display="五福" xr:uid="{FA663DDC-F332-4067-A059-0AE0F7691050}"/>
    <hyperlink ref="B19" location="'年齢別・性別人口(17神明)'!A1" display="神明" xr:uid="{757FF37E-ADF7-431B-BF18-862FF3D6D000}"/>
    <hyperlink ref="B20" location="'年齢別・性別人口(18岩瀬)'!A1" display="岩瀬" xr:uid="{A238229A-2C82-4667-A429-F17A7FDCC5F4}"/>
    <hyperlink ref="B21" location="'年齢別・性別人口(19萩浦)'!A1" display="荻浦" xr:uid="{B456C676-1286-4D27-A940-0D2D472D05FC}"/>
    <hyperlink ref="B22" location="'年齢別・性別人口(20大広田)'!A1" display="大広田" xr:uid="{D06899B1-992E-485E-9206-3B16AC35CEBA}"/>
    <hyperlink ref="B23" location="'年齢別・性別人口(21浜黒崎)'!A1" display="浜黒崎" xr:uid="{384725C9-1C98-43E8-972D-0641BDE16AC0}"/>
    <hyperlink ref="B24" location="'年齢別・性別人口(22針原)'!A1" display="針原" xr:uid="{DC4FB4AF-1D9B-4113-9BA4-919909A7F232}"/>
    <hyperlink ref="B25" location="'年齢別・性別人口(23豊田)'!A1" display="豊田" xr:uid="{F5D475A4-D164-451A-B66D-3959ED5F3042}"/>
    <hyperlink ref="B26" location="'年齢別・性別人口(24広田)'!A1" display="広田" xr:uid="{A489FB05-5C45-4ADC-98EB-6847B0B4E433}"/>
    <hyperlink ref="B27" location="'年齢別・性別人口(25新庄)'!A1" display="新庄" xr:uid="{3AB4CADA-B83F-43E3-AE13-B7FDF30C1F89}"/>
    <hyperlink ref="B28" location="'年齢別・性別人口(26藤ノ木)'!A1" display="藤ノ木" xr:uid="{71714244-4122-489C-8B78-3EE5C585BBC4}"/>
    <hyperlink ref="B29" location="'年齢別・性別人口(27山室)'!A1" display="山室" xr:uid="{7ABDAA07-D586-4B8B-8F2C-1A98278233DB}"/>
    <hyperlink ref="B30" location="'年齢別・性別人口(28山室中部)'!A1" display="山室中部" xr:uid="{B018EBAF-033A-4A9B-8CAE-6E859DE859D7}"/>
    <hyperlink ref="B31" location="'年齢別・性別人口(29太田)'!A1" display="太田" xr:uid="{EE3B7BBA-CD14-423C-A4B3-A144B951BABA}"/>
    <hyperlink ref="B32" location="'年齢別・性別人口(30蜷川)'!A1" display="蜷川" xr:uid="{99D61CC5-B3EE-49E6-A95E-B8D5C8F158DF}"/>
    <hyperlink ref="B33" location="'年齢別・性別人口(31新保)'!A1" display="新保" xr:uid="{A61DD81D-15D3-4987-9517-5F29E835A610}"/>
    <hyperlink ref="B34" location="'年齢別・性別人口(32熊野)'!A1" display="熊野" xr:uid="{2D7AB022-45A5-445E-8EE7-8FCC058068A9}"/>
    <hyperlink ref="B35" location="'年齢別・性別人口(33月岡)'!A1" display="月岡" xr:uid="{E4F2938E-09FC-4A6B-BDF9-80924D46936C}"/>
    <hyperlink ref="B36" location="'年齢別・性別人口(34四方)'!A1" display="四方" xr:uid="{0C6FB999-DBD1-4488-9C95-67D90A5647F5}"/>
    <hyperlink ref="B37" location="'年齢別・性別人口(35八幡)'!A1" display="八幡" xr:uid="{05E9C882-79EB-46FD-950A-798F8A923865}"/>
    <hyperlink ref="B38" location="'年齢別・性別人口(36草島)'!A1" display="草島" xr:uid="{F640CBE7-667F-495B-9E11-0EE3AB19ED07}"/>
    <hyperlink ref="B39" location="'年齢別・性別人口(37倉垣)'!A1" display="倉垣" xr:uid="{51E47946-BE22-4063-9613-1CF0EA97B389}"/>
    <hyperlink ref="B40" location="'年齢別・性別人口(38呉羽)'!A1" display="呉羽" xr:uid="{437FFBAC-B7CF-4095-8547-9FBC0F9A806F}"/>
    <hyperlink ref="B41" location="'年齢別・性別人口(39長岡)'!A1" display="長岡" xr:uid="{A0512EE5-89D5-4A9E-8248-3DBB8D124997}"/>
    <hyperlink ref="B42" location="'年齢別・性別人口(40寒江)'!A1" display="寒江" xr:uid="{9663C5FB-CCF9-4FFE-8B53-1716159EC210}"/>
    <hyperlink ref="B43" location="'年齢別・性別人口(41古沢)'!A1" display="古沢" xr:uid="{F27B7CEC-0864-434E-84BA-F07467C2472A}"/>
    <hyperlink ref="B44" location="'年齢別・性別人口(42老田)'!A1" display="老田" xr:uid="{96BDABFE-3C8D-42B9-8807-AA5EB6428859}"/>
    <hyperlink ref="B45" location="'年齢別・性別人口(43池多)'!A1" display="池多" xr:uid="{58134B7D-D48F-44CB-817B-A83FA38F8679}"/>
    <hyperlink ref="B46" location="'年齢別・性別人口(44水橋中部)'!A1" display="水橋中部" xr:uid="{CB5D5E69-3543-43C2-A65D-5CC9BAB6BC72}"/>
    <hyperlink ref="B47" location="'年齢別・性別人口(45水橋西部)'!A1" display="水橋西部" xr:uid="{99183014-68B9-4AA8-B124-7E323AEC64E3}"/>
    <hyperlink ref="B48" location="'年齢別・性別人口(46水橋東部)'!A1" display="水橋東部" xr:uid="{C944EDFD-25DB-4FE3-B1FE-8FBA01A638BF}"/>
    <hyperlink ref="B49" location="'年齢別・性別人口(47三郷)'!A1" display="三郷" xr:uid="{FD642AC9-1BDD-44F9-A33B-6EB0D2F14DA6}"/>
    <hyperlink ref="B50" location="'年齢別・性別人口(48上条)'!A1" display="上条" xr:uid="{A22F8886-46F0-4CB2-953C-34171C9DDBE2}"/>
    <hyperlink ref="B51" location="'年齢別・性別人口(49光陽)'!A1" display="光陽" xr:uid="{3D3C9432-B80B-4E12-9CA2-559C5FE3B1AE}"/>
    <hyperlink ref="B52" location="'年齢別・性別人口(0099富山地域）'!A1" display="富山地域（合計）" xr:uid="{C0A30A1B-E3F4-45BE-9241-B9C8984DB047}"/>
    <hyperlink ref="E3" location="'年齢別・性別人口(0101下タ)'!A1" display="下夕" xr:uid="{3748EF06-ED66-4A75-B269-D4883652EB3C}"/>
    <hyperlink ref="E4" location="'年齢別・性別人口(0102小羽)'!A1" display="小羽" xr:uid="{F25D2567-FB43-4126-9625-E770E4C6BA2B}"/>
    <hyperlink ref="E5" location="'年齢別・性別人口(0103船峅)'!A1" display="船峅" xr:uid="{D8B18CC2-AC03-4837-A63E-038C513FAF94}"/>
    <hyperlink ref="E6" location="'年齢別・性別人口(0104大沢野)'!A1" display="大沢野" xr:uid="{C2B02F70-12B0-468E-AC85-D4E13F79C94C}"/>
    <hyperlink ref="E7" location="'年齢別・性別人口(0105大久保)'!A1" display="大久保" xr:uid="{C512731A-3FD1-4912-AEEC-F1BC2D7C3F5B}"/>
    <hyperlink ref="E8" location="'年齢別・性別人口(0199大沢野地域)'!A1" display="大沢野地域（合計）" xr:uid="{D659E2C7-77AD-4F73-AB6A-97891BBB99E9}"/>
    <hyperlink ref="E11" location="'年齢別・性別人口(0201上滝)'!A1" display="上滝" xr:uid="{7C64552B-64DB-4379-B128-5AF13ECBB3A7}"/>
    <hyperlink ref="E12" location="'年齢別・性別人口(0202大山)'!A1" display="大山" xr:uid="{586300A3-4D34-481B-BEF5-5102731EA367}"/>
    <hyperlink ref="E13" location="'年齢別・性別人口(0203大庄)'!A1" display="大庄" xr:uid="{6B474459-18D1-49DA-9A95-97A990311F09}"/>
    <hyperlink ref="E14" location="'年齢別・性別人口(0204福沢)'!A1" display="福沢" xr:uid="{B272204C-D235-415E-8C0D-AB249C33B958}"/>
    <hyperlink ref="E15" location="'年齢別・性別人口(0299大山地域)'!A1" display="大山地域（合計）" xr:uid="{5869C383-484C-48D6-88DB-A74986815E15}"/>
    <hyperlink ref="E18" location="'年齢別・性別人口(0301八尾)'!A1" display="八尾" xr:uid="{EC5D7B19-D0BC-45E2-91AA-6664B68CBB37}"/>
    <hyperlink ref="E19" location="'年齢別・性別人口(0302保内)'!A1" display="保内" xr:uid="{65D4B9EE-5AB4-4FE6-86C0-FC148846D48E}"/>
    <hyperlink ref="E20" location="'年齢別・性別人口(0303杉原)'!A1" display="杉原" xr:uid="{168E5B43-D63E-4BA6-9185-C85384975456}"/>
    <hyperlink ref="E21" location="'年齢別・性別人口(0304卯花)'!A1" display="卯花" xr:uid="{39EDE139-146F-4C8E-A480-B1B87A90D24F}"/>
    <hyperlink ref="E22" location="'年齢別・性別人口(0305室牧)'!A1" display="室牧" xr:uid="{6A26C409-0A2A-4DA3-B969-5CBCA88FC0A6}"/>
    <hyperlink ref="E23" location="'年齢別・性別人口(0306黒瀬谷)'!A1" display="黒瀬谷" xr:uid="{9978A1EA-233B-4D91-A424-99C2421383D2}"/>
    <hyperlink ref="E24" location="'年齢別・性別人口(0307野積)'!A1" display="野積" xr:uid="{573D37AB-9572-42D7-851B-2FD680D481DB}"/>
    <hyperlink ref="E25" location="'年齢別・性別人口(0308仁歩)'!A1" display="仁歩" xr:uid="{E5C86595-B4B3-4F1F-8908-04AB7744DBEF}"/>
    <hyperlink ref="E26" location="'年齢別・性別人口(0309大長谷)'!A1" display="大長谷" xr:uid="{8616B982-948F-4A8D-BE66-FDBECDBD7543}"/>
    <hyperlink ref="E27" location="'年齢別・性別人口(0399八尾地域)'!A1" display="八尾地域（合計）" xr:uid="{9A6D3A78-23E6-451D-864F-7C408C2204C1}"/>
    <hyperlink ref="E30" location="'年齢別・性別人口(0401速星)'!A1" display="速星" xr:uid="{1573E68D-9835-421D-AEEE-9BC8CA66F02D}"/>
    <hyperlink ref="E31" location="'年齢別・性別人口(0402鵜坂)'!A1" display="鵜坂" xr:uid="{A1075A1B-DD70-4D0E-AB86-8F069E9188E9}"/>
    <hyperlink ref="E32" location="'年齢別・性別人口(0403朝日)'!A1" display="朝日" xr:uid="{A8CA4BE6-552E-4160-8280-CE7B4ABB0132}"/>
    <hyperlink ref="E33" location="'年齢別・性別人口(0404宮川)'!A1" display="宮川" xr:uid="{916861DE-FD1C-43CF-B5A2-745F473E43AB}"/>
    <hyperlink ref="E34" location="'年齢別・性別人口(0405婦中熊野)'!A1" display="婦中熊野" xr:uid="{597C4E59-209C-49C5-8CA2-5AE660ED126B}"/>
    <hyperlink ref="E35" location="'年齢別・性別人口(0406古里)'!A1" display="古里" xr:uid="{E9CE61A1-BB23-4694-8BE1-7EF7E968E72B}"/>
    <hyperlink ref="E36" location="'年齢別・性別人口(0407音川)'!A1" display="音川" xr:uid="{69AA2058-3D12-4867-8742-CB3CEE4F2284}"/>
    <hyperlink ref="E37" location="'年齢別・性別人口(0408神保)'!A1" display="神保" xr:uid="{08246329-AA4D-4628-AD56-F244D03D39F1}"/>
    <hyperlink ref="E38" location="'年齢別・性別人口(0499婦中地域)'!A1" display="婦中地域（合計）" xr:uid="{9CA69162-EED0-4563-BD06-FE3C599EC80A}"/>
    <hyperlink ref="E41" location="'年齢別・性別人口(0501山田南部)'!A1" display="山田南部" xr:uid="{8A9B4205-EE41-49DF-8926-67A863C9F9C9}"/>
    <hyperlink ref="E42" location="'年齢別・性別人口(0502山田中部)'!A1" display="山田中部" xr:uid="{D0451DF9-D90E-47F0-AD3B-4E09EC537B70}"/>
    <hyperlink ref="E43" location="'年齢別・性別人口(0503山田西部)'!A1" display="山田西部" xr:uid="{279E4B95-D410-4FC6-9B68-6AE27312AB97}"/>
    <hyperlink ref="E44" location="'年齢別・性別人口(0504山田東部)'!A1" display="山田東部" xr:uid="{D6F69ED0-D0AF-4E05-A688-2B21C564DD11}"/>
    <hyperlink ref="E45" location="'年齢別・性別人口(0599山田地域)'!A1" display="山田地域（合計）" xr:uid="{8DEE0FCE-3BB0-420B-92FB-9F498166FBC6}"/>
    <hyperlink ref="E48" location="'年齢別・性別人口(0601細入北部)'!A1" display="細入北部" xr:uid="{06CE99B6-64D2-4D6F-BCA7-5EB1BA3C62D3}"/>
    <hyperlink ref="E49" location="'年齢別・性別人口(0602細入南部)'!A1" display="細入南部" xr:uid="{2A8C4286-6FAD-4C64-BBA8-53081662D82F}"/>
    <hyperlink ref="E50" location="'年齢別・性別人口(0699細入地域)'!A1" display="細入地域（合計）" xr:uid="{6AF5D887-09AD-452D-939F-3D463BC45B1F}"/>
    <hyperlink ref="B17" location="'年齢別・性別人口(15桜谷)'!A1" display="桜谷" xr:uid="{1955B6E8-FE2D-4C1D-9CEC-0A7AA37C82C1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9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5</v>
      </c>
      <c r="C5" s="12">
        <v>16</v>
      </c>
      <c r="D5" s="13">
        <v>51</v>
      </c>
    </row>
    <row r="6" spans="1:4" ht="18" customHeight="1" x14ac:dyDescent="0.2">
      <c r="A6" s="14">
        <v>1</v>
      </c>
      <c r="B6" s="15">
        <v>25</v>
      </c>
      <c r="C6" s="16">
        <v>30</v>
      </c>
      <c r="D6" s="17">
        <v>55</v>
      </c>
    </row>
    <row r="7" spans="1:4" ht="18" customHeight="1" x14ac:dyDescent="0.2">
      <c r="A7" s="14">
        <v>2</v>
      </c>
      <c r="B7" s="15">
        <v>30</v>
      </c>
      <c r="C7" s="16">
        <v>22</v>
      </c>
      <c r="D7" s="17">
        <v>52</v>
      </c>
    </row>
    <row r="8" spans="1:4" ht="18" customHeight="1" x14ac:dyDescent="0.2">
      <c r="A8" s="14">
        <v>3</v>
      </c>
      <c r="B8" s="15">
        <v>20</v>
      </c>
      <c r="C8" s="16">
        <v>25</v>
      </c>
      <c r="D8" s="17">
        <v>45</v>
      </c>
    </row>
    <row r="9" spans="1:4" ht="18" customHeight="1" x14ac:dyDescent="0.2">
      <c r="A9" s="14">
        <v>4</v>
      </c>
      <c r="B9" s="15">
        <v>19</v>
      </c>
      <c r="C9" s="16">
        <v>26</v>
      </c>
      <c r="D9" s="17">
        <v>45</v>
      </c>
    </row>
    <row r="10" spans="1:4" ht="18" customHeight="1" x14ac:dyDescent="0.2">
      <c r="A10" s="18" t="s">
        <v>66</v>
      </c>
      <c r="B10" s="15">
        <v>129</v>
      </c>
      <c r="C10" s="16">
        <v>119</v>
      </c>
      <c r="D10" s="17">
        <v>248</v>
      </c>
    </row>
    <row r="11" spans="1:4" ht="18" customHeight="1" x14ac:dyDescent="0.2">
      <c r="A11" s="14">
        <v>5</v>
      </c>
      <c r="B11" s="15">
        <v>23</v>
      </c>
      <c r="C11" s="16">
        <v>35</v>
      </c>
      <c r="D11" s="17">
        <v>58</v>
      </c>
    </row>
    <row r="12" spans="1:4" ht="18" customHeight="1" x14ac:dyDescent="0.2">
      <c r="A12" s="14">
        <v>6</v>
      </c>
      <c r="B12" s="15">
        <v>27</v>
      </c>
      <c r="C12" s="16">
        <v>32</v>
      </c>
      <c r="D12" s="17">
        <v>59</v>
      </c>
    </row>
    <row r="13" spans="1:4" ht="18" customHeight="1" x14ac:dyDescent="0.2">
      <c r="A13" s="14">
        <v>7</v>
      </c>
      <c r="B13" s="15">
        <v>29</v>
      </c>
      <c r="C13" s="16">
        <v>19</v>
      </c>
      <c r="D13" s="17">
        <v>48</v>
      </c>
    </row>
    <row r="14" spans="1:4" ht="18" customHeight="1" x14ac:dyDescent="0.2">
      <c r="A14" s="14">
        <v>8</v>
      </c>
      <c r="B14" s="15">
        <v>27</v>
      </c>
      <c r="C14" s="16">
        <v>25</v>
      </c>
      <c r="D14" s="17">
        <v>52</v>
      </c>
    </row>
    <row r="15" spans="1:4" ht="18" customHeight="1" x14ac:dyDescent="0.2">
      <c r="A15" s="14">
        <v>9</v>
      </c>
      <c r="B15" s="15">
        <v>34</v>
      </c>
      <c r="C15" s="16">
        <v>23</v>
      </c>
      <c r="D15" s="17">
        <v>57</v>
      </c>
    </row>
    <row r="16" spans="1:4" ht="18" customHeight="1" x14ac:dyDescent="0.2">
      <c r="A16" s="18" t="s">
        <v>67</v>
      </c>
      <c r="B16" s="15">
        <v>140</v>
      </c>
      <c r="C16" s="16">
        <v>134</v>
      </c>
      <c r="D16" s="17">
        <v>274</v>
      </c>
    </row>
    <row r="17" spans="1:4" ht="18" customHeight="1" x14ac:dyDescent="0.2">
      <c r="A17" s="14">
        <v>10</v>
      </c>
      <c r="B17" s="15">
        <v>27</v>
      </c>
      <c r="C17" s="16">
        <v>27</v>
      </c>
      <c r="D17" s="17">
        <v>54</v>
      </c>
    </row>
    <row r="18" spans="1:4" ht="18" customHeight="1" x14ac:dyDescent="0.2">
      <c r="A18" s="14">
        <v>11</v>
      </c>
      <c r="B18" s="15">
        <v>36</v>
      </c>
      <c r="C18" s="16">
        <v>20</v>
      </c>
      <c r="D18" s="17">
        <v>56</v>
      </c>
    </row>
    <row r="19" spans="1:4" ht="18" customHeight="1" x14ac:dyDescent="0.2">
      <c r="A19" s="14">
        <v>12</v>
      </c>
      <c r="B19" s="15">
        <v>30</v>
      </c>
      <c r="C19" s="16">
        <v>28</v>
      </c>
      <c r="D19" s="17">
        <v>58</v>
      </c>
    </row>
    <row r="20" spans="1:4" ht="18" customHeight="1" x14ac:dyDescent="0.2">
      <c r="A20" s="14">
        <v>13</v>
      </c>
      <c r="B20" s="15">
        <v>37</v>
      </c>
      <c r="C20" s="16">
        <v>30</v>
      </c>
      <c r="D20" s="17">
        <v>67</v>
      </c>
    </row>
    <row r="21" spans="1:4" ht="18" customHeight="1" x14ac:dyDescent="0.2">
      <c r="A21" s="14">
        <v>14</v>
      </c>
      <c r="B21" s="15">
        <v>35</v>
      </c>
      <c r="C21" s="16">
        <v>24</v>
      </c>
      <c r="D21" s="17">
        <v>59</v>
      </c>
    </row>
    <row r="22" spans="1:4" ht="18" customHeight="1" x14ac:dyDescent="0.2">
      <c r="A22" s="18" t="s">
        <v>68</v>
      </c>
      <c r="B22" s="15">
        <v>165</v>
      </c>
      <c r="C22" s="16">
        <v>129</v>
      </c>
      <c r="D22" s="17">
        <v>294</v>
      </c>
    </row>
    <row r="23" spans="1:4" ht="18" customHeight="1" x14ac:dyDescent="0.2">
      <c r="A23" s="18" t="s">
        <v>69</v>
      </c>
      <c r="B23" s="15">
        <v>434</v>
      </c>
      <c r="C23" s="16">
        <v>382</v>
      </c>
      <c r="D23" s="17">
        <v>816</v>
      </c>
    </row>
    <row r="24" spans="1:4" ht="18" customHeight="1" x14ac:dyDescent="0.2">
      <c r="A24" s="14">
        <v>15</v>
      </c>
      <c r="B24" s="15">
        <v>30</v>
      </c>
      <c r="C24" s="16">
        <v>23</v>
      </c>
      <c r="D24" s="17">
        <v>53</v>
      </c>
    </row>
    <row r="25" spans="1:4" ht="18" customHeight="1" x14ac:dyDescent="0.2">
      <c r="A25" s="14">
        <v>16</v>
      </c>
      <c r="B25" s="15">
        <v>29</v>
      </c>
      <c r="C25" s="16">
        <v>26</v>
      </c>
      <c r="D25" s="17">
        <v>55</v>
      </c>
    </row>
    <row r="26" spans="1:4" ht="18" customHeight="1" x14ac:dyDescent="0.2">
      <c r="A26" s="14">
        <v>17</v>
      </c>
      <c r="B26" s="15">
        <v>29</v>
      </c>
      <c r="C26" s="16">
        <v>29</v>
      </c>
      <c r="D26" s="17">
        <v>58</v>
      </c>
    </row>
    <row r="27" spans="1:4" ht="18" customHeight="1" x14ac:dyDescent="0.2">
      <c r="A27" s="14">
        <v>18</v>
      </c>
      <c r="B27" s="15">
        <v>18</v>
      </c>
      <c r="C27" s="16">
        <v>32</v>
      </c>
      <c r="D27" s="17">
        <v>50</v>
      </c>
    </row>
    <row r="28" spans="1:4" ht="18" customHeight="1" x14ac:dyDescent="0.2">
      <c r="A28" s="14">
        <v>19</v>
      </c>
      <c r="B28" s="15">
        <v>35</v>
      </c>
      <c r="C28" s="16">
        <v>23</v>
      </c>
      <c r="D28" s="17">
        <v>58</v>
      </c>
    </row>
    <row r="29" spans="1:4" ht="18" customHeight="1" x14ac:dyDescent="0.2">
      <c r="A29" s="18" t="s">
        <v>70</v>
      </c>
      <c r="B29" s="15">
        <v>141</v>
      </c>
      <c r="C29" s="16">
        <v>133</v>
      </c>
      <c r="D29" s="17">
        <v>274</v>
      </c>
    </row>
    <row r="30" spans="1:4" ht="18" customHeight="1" x14ac:dyDescent="0.2">
      <c r="A30" s="14">
        <v>20</v>
      </c>
      <c r="B30" s="15">
        <v>33</v>
      </c>
      <c r="C30" s="16">
        <v>34</v>
      </c>
      <c r="D30" s="17">
        <v>67</v>
      </c>
    </row>
    <row r="31" spans="1:4" ht="18" customHeight="1" x14ac:dyDescent="0.2">
      <c r="A31" s="14">
        <v>21</v>
      </c>
      <c r="B31" s="15">
        <v>17</v>
      </c>
      <c r="C31" s="16">
        <v>21</v>
      </c>
      <c r="D31" s="17">
        <v>38</v>
      </c>
    </row>
    <row r="32" spans="1:4" ht="18" customHeight="1" x14ac:dyDescent="0.2">
      <c r="A32" s="14">
        <v>22</v>
      </c>
      <c r="B32" s="15">
        <v>31</v>
      </c>
      <c r="C32" s="16">
        <v>29</v>
      </c>
      <c r="D32" s="17">
        <v>60</v>
      </c>
    </row>
    <row r="33" spans="1:4" ht="18" customHeight="1" x14ac:dyDescent="0.2">
      <c r="A33" s="14">
        <v>23</v>
      </c>
      <c r="B33" s="15">
        <v>27</v>
      </c>
      <c r="C33" s="16">
        <v>33</v>
      </c>
      <c r="D33" s="17">
        <v>60</v>
      </c>
    </row>
    <row r="34" spans="1:4" ht="18" customHeight="1" x14ac:dyDescent="0.2">
      <c r="A34" s="14">
        <v>24</v>
      </c>
      <c r="B34" s="15">
        <v>29</v>
      </c>
      <c r="C34" s="16">
        <v>31</v>
      </c>
      <c r="D34" s="17">
        <v>60</v>
      </c>
    </row>
    <row r="35" spans="1:4" ht="18" customHeight="1" x14ac:dyDescent="0.2">
      <c r="A35" s="18" t="s">
        <v>71</v>
      </c>
      <c r="B35" s="15">
        <v>137</v>
      </c>
      <c r="C35" s="16">
        <v>148</v>
      </c>
      <c r="D35" s="17">
        <v>285</v>
      </c>
    </row>
    <row r="36" spans="1:4" ht="18" customHeight="1" x14ac:dyDescent="0.2">
      <c r="A36" s="14">
        <v>25</v>
      </c>
      <c r="B36" s="15">
        <v>40</v>
      </c>
      <c r="C36" s="16">
        <v>29</v>
      </c>
      <c r="D36" s="17">
        <v>69</v>
      </c>
    </row>
    <row r="37" spans="1:4" ht="18" customHeight="1" x14ac:dyDescent="0.2">
      <c r="A37" s="14">
        <v>26</v>
      </c>
      <c r="B37" s="15">
        <v>41</v>
      </c>
      <c r="C37" s="16">
        <v>27</v>
      </c>
      <c r="D37" s="17">
        <v>68</v>
      </c>
    </row>
    <row r="38" spans="1:4" ht="18" customHeight="1" x14ac:dyDescent="0.2">
      <c r="A38" s="14">
        <v>27</v>
      </c>
      <c r="B38" s="15">
        <v>35</v>
      </c>
      <c r="C38" s="16">
        <v>23</v>
      </c>
      <c r="D38" s="17">
        <v>58</v>
      </c>
    </row>
    <row r="39" spans="1:4" ht="18" customHeight="1" x14ac:dyDescent="0.2">
      <c r="A39" s="14">
        <v>28</v>
      </c>
      <c r="B39" s="15">
        <v>49</v>
      </c>
      <c r="C39" s="16">
        <v>26</v>
      </c>
      <c r="D39" s="17">
        <v>75</v>
      </c>
    </row>
    <row r="40" spans="1:4" ht="18" customHeight="1" x14ac:dyDescent="0.2">
      <c r="A40" s="14">
        <v>29</v>
      </c>
      <c r="B40" s="15">
        <v>32</v>
      </c>
      <c r="C40" s="16">
        <v>39</v>
      </c>
      <c r="D40" s="17">
        <v>71</v>
      </c>
    </row>
    <row r="41" spans="1:4" ht="18" customHeight="1" x14ac:dyDescent="0.2">
      <c r="A41" s="18" t="s">
        <v>72</v>
      </c>
      <c r="B41" s="15">
        <v>197</v>
      </c>
      <c r="C41" s="16">
        <v>144</v>
      </c>
      <c r="D41" s="17">
        <v>341</v>
      </c>
    </row>
    <row r="42" spans="1:4" ht="18" customHeight="1" x14ac:dyDescent="0.2">
      <c r="A42" s="14">
        <v>30</v>
      </c>
      <c r="B42" s="15">
        <v>28</v>
      </c>
      <c r="C42" s="16">
        <v>38</v>
      </c>
      <c r="D42" s="17">
        <v>66</v>
      </c>
    </row>
    <row r="43" spans="1:4" ht="18" customHeight="1" x14ac:dyDescent="0.2">
      <c r="A43" s="14">
        <v>31</v>
      </c>
      <c r="B43" s="15">
        <v>31</v>
      </c>
      <c r="C43" s="16">
        <v>41</v>
      </c>
      <c r="D43" s="17">
        <v>72</v>
      </c>
    </row>
    <row r="44" spans="1:4" ht="18" customHeight="1" x14ac:dyDescent="0.2">
      <c r="A44" s="14">
        <v>32</v>
      </c>
      <c r="B44" s="15">
        <v>29</v>
      </c>
      <c r="C44" s="16">
        <v>38</v>
      </c>
      <c r="D44" s="17">
        <v>67</v>
      </c>
    </row>
    <row r="45" spans="1:4" ht="18" customHeight="1" x14ac:dyDescent="0.2">
      <c r="A45" s="14">
        <v>33</v>
      </c>
      <c r="B45" s="15">
        <v>39</v>
      </c>
      <c r="C45" s="16">
        <v>43</v>
      </c>
      <c r="D45" s="17">
        <v>82</v>
      </c>
    </row>
    <row r="46" spans="1:4" ht="18" customHeight="1" x14ac:dyDescent="0.2">
      <c r="A46" s="14">
        <v>34</v>
      </c>
      <c r="B46" s="15">
        <v>45</v>
      </c>
      <c r="C46" s="16">
        <v>36</v>
      </c>
      <c r="D46" s="17">
        <v>81</v>
      </c>
    </row>
    <row r="47" spans="1:4" ht="18" customHeight="1" x14ac:dyDescent="0.2">
      <c r="A47" s="18" t="s">
        <v>73</v>
      </c>
      <c r="B47" s="15">
        <v>172</v>
      </c>
      <c r="C47" s="16">
        <v>196</v>
      </c>
      <c r="D47" s="17">
        <v>368</v>
      </c>
    </row>
    <row r="48" spans="1:4" ht="18" customHeight="1" x14ac:dyDescent="0.2">
      <c r="A48" s="14">
        <v>35</v>
      </c>
      <c r="B48" s="15">
        <v>59</v>
      </c>
      <c r="C48" s="16">
        <v>57</v>
      </c>
      <c r="D48" s="17">
        <v>116</v>
      </c>
    </row>
    <row r="49" spans="1:4" ht="18" customHeight="1" x14ac:dyDescent="0.2">
      <c r="A49" s="14">
        <v>36</v>
      </c>
      <c r="B49" s="15">
        <v>65</v>
      </c>
      <c r="C49" s="16">
        <v>39</v>
      </c>
      <c r="D49" s="17">
        <v>104</v>
      </c>
    </row>
    <row r="50" spans="1:4" ht="18" customHeight="1" x14ac:dyDescent="0.2">
      <c r="A50" s="14">
        <v>37</v>
      </c>
      <c r="B50" s="15">
        <v>54</v>
      </c>
      <c r="C50" s="16">
        <v>50</v>
      </c>
      <c r="D50" s="17">
        <v>104</v>
      </c>
    </row>
    <row r="51" spans="1:4" ht="18" customHeight="1" x14ac:dyDescent="0.2">
      <c r="A51" s="14">
        <v>38</v>
      </c>
      <c r="B51" s="15">
        <v>52</v>
      </c>
      <c r="C51" s="16">
        <v>60</v>
      </c>
      <c r="D51" s="17">
        <v>112</v>
      </c>
    </row>
    <row r="52" spans="1:4" ht="18" customHeight="1" x14ac:dyDescent="0.2">
      <c r="A52" s="14">
        <v>39</v>
      </c>
      <c r="B52" s="15">
        <v>55</v>
      </c>
      <c r="C52" s="16">
        <v>42</v>
      </c>
      <c r="D52" s="17">
        <v>97</v>
      </c>
    </row>
    <row r="53" spans="1:4" ht="18" customHeight="1" x14ac:dyDescent="0.2">
      <c r="A53" s="18" t="s">
        <v>74</v>
      </c>
      <c r="B53" s="15">
        <v>285</v>
      </c>
      <c r="C53" s="16">
        <v>248</v>
      </c>
      <c r="D53" s="17">
        <v>533</v>
      </c>
    </row>
    <row r="54" spans="1:4" ht="18" customHeight="1" x14ac:dyDescent="0.2">
      <c r="A54" s="14">
        <v>40</v>
      </c>
      <c r="B54" s="15">
        <v>59</v>
      </c>
      <c r="C54" s="16">
        <v>33</v>
      </c>
      <c r="D54" s="17">
        <v>92</v>
      </c>
    </row>
    <row r="55" spans="1:4" ht="18" customHeight="1" x14ac:dyDescent="0.2">
      <c r="A55" s="14">
        <v>41</v>
      </c>
      <c r="B55" s="15">
        <v>47</v>
      </c>
      <c r="C55" s="16">
        <v>46</v>
      </c>
      <c r="D55" s="17">
        <v>93</v>
      </c>
    </row>
    <row r="56" spans="1:4" ht="18" customHeight="1" x14ac:dyDescent="0.2">
      <c r="A56" s="14">
        <v>42</v>
      </c>
      <c r="B56" s="15">
        <v>54</v>
      </c>
      <c r="C56" s="16">
        <v>53</v>
      </c>
      <c r="D56" s="17">
        <v>107</v>
      </c>
    </row>
    <row r="57" spans="1:4" ht="18" customHeight="1" x14ac:dyDescent="0.2">
      <c r="A57" s="14">
        <v>43</v>
      </c>
      <c r="B57" s="15">
        <v>30</v>
      </c>
      <c r="C57" s="16">
        <v>37</v>
      </c>
      <c r="D57" s="17">
        <v>67</v>
      </c>
    </row>
    <row r="58" spans="1:4" ht="18" customHeight="1" x14ac:dyDescent="0.2">
      <c r="A58" s="14">
        <v>44</v>
      </c>
      <c r="B58" s="15">
        <v>29</v>
      </c>
      <c r="C58" s="16">
        <v>46</v>
      </c>
      <c r="D58" s="17">
        <v>75</v>
      </c>
    </row>
    <row r="59" spans="1:4" ht="18" customHeight="1" x14ac:dyDescent="0.2">
      <c r="A59" s="18" t="s">
        <v>75</v>
      </c>
      <c r="B59" s="15">
        <v>219</v>
      </c>
      <c r="C59" s="16">
        <v>215</v>
      </c>
      <c r="D59" s="17">
        <v>434</v>
      </c>
    </row>
    <row r="60" spans="1:4" ht="18" customHeight="1" x14ac:dyDescent="0.2">
      <c r="A60" s="14">
        <v>45</v>
      </c>
      <c r="B60" s="15">
        <v>49</v>
      </c>
      <c r="C60" s="16">
        <v>39</v>
      </c>
      <c r="D60" s="17">
        <v>88</v>
      </c>
    </row>
    <row r="61" spans="1:4" ht="18" customHeight="1" x14ac:dyDescent="0.2">
      <c r="A61" s="14">
        <v>46</v>
      </c>
      <c r="B61" s="15">
        <v>38</v>
      </c>
      <c r="C61" s="16">
        <v>43</v>
      </c>
      <c r="D61" s="17">
        <v>81</v>
      </c>
    </row>
    <row r="62" spans="1:4" ht="18" customHeight="1" x14ac:dyDescent="0.2">
      <c r="A62" s="14">
        <v>47</v>
      </c>
      <c r="B62" s="15">
        <v>35</v>
      </c>
      <c r="C62" s="16">
        <v>48</v>
      </c>
      <c r="D62" s="17">
        <v>83</v>
      </c>
    </row>
    <row r="63" spans="1:4" ht="18" customHeight="1" x14ac:dyDescent="0.2">
      <c r="A63" s="14">
        <v>48</v>
      </c>
      <c r="B63" s="15">
        <v>45</v>
      </c>
      <c r="C63" s="16">
        <v>46</v>
      </c>
      <c r="D63" s="17">
        <v>91</v>
      </c>
    </row>
    <row r="64" spans="1:4" ht="18" customHeight="1" x14ac:dyDescent="0.2">
      <c r="A64" s="14">
        <v>49</v>
      </c>
      <c r="B64" s="15">
        <v>34</v>
      </c>
      <c r="C64" s="16">
        <v>39</v>
      </c>
      <c r="D64" s="17">
        <v>73</v>
      </c>
    </row>
    <row r="65" spans="1:4" ht="18" customHeight="1" x14ac:dyDescent="0.2">
      <c r="A65" s="18" t="s">
        <v>76</v>
      </c>
      <c r="B65" s="15">
        <v>201</v>
      </c>
      <c r="C65" s="16">
        <v>215</v>
      </c>
      <c r="D65" s="17">
        <v>416</v>
      </c>
    </row>
    <row r="66" spans="1:4" ht="18" customHeight="1" x14ac:dyDescent="0.2">
      <c r="A66" s="14">
        <v>50</v>
      </c>
      <c r="B66" s="15">
        <v>38</v>
      </c>
      <c r="C66" s="16">
        <v>50</v>
      </c>
      <c r="D66" s="17">
        <v>88</v>
      </c>
    </row>
    <row r="67" spans="1:4" ht="18" customHeight="1" x14ac:dyDescent="0.2">
      <c r="A67" s="14">
        <v>51</v>
      </c>
      <c r="B67" s="15">
        <v>47</v>
      </c>
      <c r="C67" s="16">
        <v>38</v>
      </c>
      <c r="D67" s="17">
        <v>85</v>
      </c>
    </row>
    <row r="68" spans="1:4" ht="18" customHeight="1" x14ac:dyDescent="0.2">
      <c r="A68" s="14">
        <v>52</v>
      </c>
      <c r="B68" s="15">
        <v>51</v>
      </c>
      <c r="C68" s="16">
        <v>40</v>
      </c>
      <c r="D68" s="17">
        <v>91</v>
      </c>
    </row>
    <row r="69" spans="1:4" ht="18" customHeight="1" x14ac:dyDescent="0.2">
      <c r="A69" s="14">
        <v>53</v>
      </c>
      <c r="B69" s="15">
        <v>46</v>
      </c>
      <c r="C69" s="16">
        <v>43</v>
      </c>
      <c r="D69" s="17">
        <v>89</v>
      </c>
    </row>
    <row r="70" spans="1:4" ht="18" customHeight="1" x14ac:dyDescent="0.2">
      <c r="A70" s="14">
        <v>54</v>
      </c>
      <c r="B70" s="15">
        <v>40</v>
      </c>
      <c r="C70" s="16">
        <v>34</v>
      </c>
      <c r="D70" s="17">
        <v>74</v>
      </c>
    </row>
    <row r="71" spans="1:4" ht="18" customHeight="1" x14ac:dyDescent="0.2">
      <c r="A71" s="18" t="s">
        <v>77</v>
      </c>
      <c r="B71" s="15">
        <v>222</v>
      </c>
      <c r="C71" s="16">
        <v>205</v>
      </c>
      <c r="D71" s="17">
        <v>427</v>
      </c>
    </row>
    <row r="72" spans="1:4" ht="18" customHeight="1" x14ac:dyDescent="0.2">
      <c r="A72" s="14">
        <v>55</v>
      </c>
      <c r="B72" s="15">
        <v>50</v>
      </c>
      <c r="C72" s="16">
        <v>33</v>
      </c>
      <c r="D72" s="17">
        <v>83</v>
      </c>
    </row>
    <row r="73" spans="1:4" ht="18" customHeight="1" x14ac:dyDescent="0.2">
      <c r="A73" s="14">
        <v>56</v>
      </c>
      <c r="B73" s="15">
        <v>42</v>
      </c>
      <c r="C73" s="16">
        <v>41</v>
      </c>
      <c r="D73" s="17">
        <v>83</v>
      </c>
    </row>
    <row r="74" spans="1:4" ht="18" customHeight="1" x14ac:dyDescent="0.2">
      <c r="A74" s="14">
        <v>57</v>
      </c>
      <c r="B74" s="15">
        <v>42</v>
      </c>
      <c r="C74" s="16">
        <v>39</v>
      </c>
      <c r="D74" s="17">
        <v>81</v>
      </c>
    </row>
    <row r="75" spans="1:4" ht="18" customHeight="1" x14ac:dyDescent="0.2">
      <c r="A75" s="14">
        <v>58</v>
      </c>
      <c r="B75" s="15">
        <v>43</v>
      </c>
      <c r="C75" s="16">
        <v>44</v>
      </c>
      <c r="D75" s="17">
        <v>87</v>
      </c>
    </row>
    <row r="76" spans="1:4" ht="18" customHeight="1" x14ac:dyDescent="0.2">
      <c r="A76" s="14">
        <v>59</v>
      </c>
      <c r="B76" s="15">
        <v>50</v>
      </c>
      <c r="C76" s="16">
        <v>62</v>
      </c>
      <c r="D76" s="17">
        <v>112</v>
      </c>
    </row>
    <row r="77" spans="1:4" ht="18" customHeight="1" x14ac:dyDescent="0.2">
      <c r="A77" s="18" t="s">
        <v>78</v>
      </c>
      <c r="B77" s="15">
        <v>227</v>
      </c>
      <c r="C77" s="16">
        <v>219</v>
      </c>
      <c r="D77" s="17">
        <v>446</v>
      </c>
    </row>
    <row r="78" spans="1:4" ht="18" customHeight="1" x14ac:dyDescent="0.2">
      <c r="A78" s="14">
        <v>60</v>
      </c>
      <c r="B78" s="15">
        <v>51</v>
      </c>
      <c r="C78" s="16">
        <v>47</v>
      </c>
      <c r="D78" s="17">
        <v>98</v>
      </c>
    </row>
    <row r="79" spans="1:4" ht="18" customHeight="1" x14ac:dyDescent="0.2">
      <c r="A79" s="14">
        <v>61</v>
      </c>
      <c r="B79" s="15">
        <v>50</v>
      </c>
      <c r="C79" s="16">
        <v>70</v>
      </c>
      <c r="D79" s="17">
        <v>120</v>
      </c>
    </row>
    <row r="80" spans="1:4" ht="18" customHeight="1" x14ac:dyDescent="0.2">
      <c r="A80" s="14">
        <v>62</v>
      </c>
      <c r="B80" s="15">
        <v>64</v>
      </c>
      <c r="C80" s="16">
        <v>71</v>
      </c>
      <c r="D80" s="17">
        <v>135</v>
      </c>
    </row>
    <row r="81" spans="1:4" ht="18" customHeight="1" x14ac:dyDescent="0.2">
      <c r="A81" s="14">
        <v>63</v>
      </c>
      <c r="B81" s="15">
        <v>24</v>
      </c>
      <c r="C81" s="16">
        <v>25</v>
      </c>
      <c r="D81" s="17">
        <v>49</v>
      </c>
    </row>
    <row r="82" spans="1:4" ht="18" customHeight="1" x14ac:dyDescent="0.2">
      <c r="A82" s="14">
        <v>64</v>
      </c>
      <c r="B82" s="15">
        <v>46</v>
      </c>
      <c r="C82" s="16">
        <v>36</v>
      </c>
      <c r="D82" s="17">
        <v>82</v>
      </c>
    </row>
    <row r="83" spans="1:4" ht="18" customHeight="1" x14ac:dyDescent="0.2">
      <c r="A83" s="18" t="s">
        <v>79</v>
      </c>
      <c r="B83" s="15">
        <v>235</v>
      </c>
      <c r="C83" s="16">
        <v>249</v>
      </c>
      <c r="D83" s="17">
        <v>484</v>
      </c>
    </row>
    <row r="84" spans="1:4" ht="18" customHeight="1" x14ac:dyDescent="0.2">
      <c r="A84" s="18" t="s">
        <v>80</v>
      </c>
      <c r="B84" s="15">
        <v>2036</v>
      </c>
      <c r="C84" s="16">
        <v>1972</v>
      </c>
      <c r="D84" s="17">
        <v>4008</v>
      </c>
    </row>
    <row r="85" spans="1:4" ht="18" customHeight="1" x14ac:dyDescent="0.2">
      <c r="A85" s="14">
        <v>65</v>
      </c>
      <c r="B85" s="15">
        <v>51</v>
      </c>
      <c r="C85" s="16">
        <v>61</v>
      </c>
      <c r="D85" s="17">
        <v>112</v>
      </c>
    </row>
    <row r="86" spans="1:4" ht="18" customHeight="1" x14ac:dyDescent="0.2">
      <c r="A86" s="14">
        <v>66</v>
      </c>
      <c r="B86" s="15">
        <v>36</v>
      </c>
      <c r="C86" s="16">
        <v>36</v>
      </c>
      <c r="D86" s="17">
        <v>72</v>
      </c>
    </row>
    <row r="87" spans="1:4" ht="18" customHeight="1" x14ac:dyDescent="0.2">
      <c r="A87" s="14">
        <v>67</v>
      </c>
      <c r="B87" s="15">
        <v>37</v>
      </c>
      <c r="C87" s="16">
        <v>56</v>
      </c>
      <c r="D87" s="17">
        <v>93</v>
      </c>
    </row>
    <row r="88" spans="1:4" ht="18" customHeight="1" x14ac:dyDescent="0.2">
      <c r="A88" s="14">
        <v>68</v>
      </c>
      <c r="B88" s="15">
        <v>37</v>
      </c>
      <c r="C88" s="16">
        <v>57</v>
      </c>
      <c r="D88" s="17">
        <v>94</v>
      </c>
    </row>
    <row r="89" spans="1:4" ht="18" customHeight="1" x14ac:dyDescent="0.2">
      <c r="A89" s="14">
        <v>69</v>
      </c>
      <c r="B89" s="15">
        <v>41</v>
      </c>
      <c r="C89" s="16">
        <v>43</v>
      </c>
      <c r="D89" s="17">
        <v>84</v>
      </c>
    </row>
    <row r="90" spans="1:4" ht="18" customHeight="1" x14ac:dyDescent="0.2">
      <c r="A90" s="18" t="s">
        <v>81</v>
      </c>
      <c r="B90" s="15">
        <v>202</v>
      </c>
      <c r="C90" s="16">
        <v>253</v>
      </c>
      <c r="D90" s="17">
        <v>455</v>
      </c>
    </row>
    <row r="91" spans="1:4" ht="18" customHeight="1" x14ac:dyDescent="0.2">
      <c r="A91" s="14">
        <v>70</v>
      </c>
      <c r="B91" s="15">
        <v>27</v>
      </c>
      <c r="C91" s="16">
        <v>41</v>
      </c>
      <c r="D91" s="17">
        <v>68</v>
      </c>
    </row>
    <row r="92" spans="1:4" ht="18" customHeight="1" x14ac:dyDescent="0.2">
      <c r="A92" s="14">
        <v>71</v>
      </c>
      <c r="B92" s="15">
        <v>39</v>
      </c>
      <c r="C92" s="16">
        <v>45</v>
      </c>
      <c r="D92" s="17">
        <v>84</v>
      </c>
    </row>
    <row r="93" spans="1:4" ht="18" customHeight="1" x14ac:dyDescent="0.2">
      <c r="A93" s="14">
        <v>72</v>
      </c>
      <c r="B93" s="15">
        <v>31</v>
      </c>
      <c r="C93" s="16">
        <v>51</v>
      </c>
      <c r="D93" s="17">
        <v>82</v>
      </c>
    </row>
    <row r="94" spans="1:4" ht="18" customHeight="1" x14ac:dyDescent="0.2">
      <c r="A94" s="14">
        <v>73</v>
      </c>
      <c r="B94" s="15">
        <v>27</v>
      </c>
      <c r="C94" s="16">
        <v>51</v>
      </c>
      <c r="D94" s="17">
        <v>78</v>
      </c>
    </row>
    <row r="95" spans="1:4" ht="18" customHeight="1" x14ac:dyDescent="0.2">
      <c r="A95" s="14">
        <v>74</v>
      </c>
      <c r="B95" s="15">
        <v>42</v>
      </c>
      <c r="C95" s="16">
        <v>43</v>
      </c>
      <c r="D95" s="17">
        <v>85</v>
      </c>
    </row>
    <row r="96" spans="1:4" ht="18" customHeight="1" x14ac:dyDescent="0.2">
      <c r="A96" s="18" t="s">
        <v>82</v>
      </c>
      <c r="B96" s="15">
        <v>166</v>
      </c>
      <c r="C96" s="16">
        <v>231</v>
      </c>
      <c r="D96" s="17">
        <v>397</v>
      </c>
    </row>
    <row r="97" spans="1:4" ht="18" customHeight="1" x14ac:dyDescent="0.2">
      <c r="A97" s="14">
        <v>75</v>
      </c>
      <c r="B97" s="15">
        <v>36</v>
      </c>
      <c r="C97" s="16">
        <v>42</v>
      </c>
      <c r="D97" s="17">
        <v>78</v>
      </c>
    </row>
    <row r="98" spans="1:4" ht="18" customHeight="1" x14ac:dyDescent="0.2">
      <c r="A98" s="14">
        <v>76</v>
      </c>
      <c r="B98" s="15">
        <v>36</v>
      </c>
      <c r="C98" s="16">
        <v>52</v>
      </c>
      <c r="D98" s="17">
        <v>88</v>
      </c>
    </row>
    <row r="99" spans="1:4" ht="18" customHeight="1" x14ac:dyDescent="0.2">
      <c r="A99" s="14">
        <v>77</v>
      </c>
      <c r="B99" s="15">
        <v>20</v>
      </c>
      <c r="C99" s="16">
        <v>50</v>
      </c>
      <c r="D99" s="17">
        <v>70</v>
      </c>
    </row>
    <row r="100" spans="1:4" ht="18" customHeight="1" x14ac:dyDescent="0.2">
      <c r="A100" s="14">
        <v>78</v>
      </c>
      <c r="B100" s="15">
        <v>33</v>
      </c>
      <c r="C100" s="16">
        <v>57</v>
      </c>
      <c r="D100" s="17">
        <v>90</v>
      </c>
    </row>
    <row r="101" spans="1:4" ht="18" customHeight="1" x14ac:dyDescent="0.2">
      <c r="A101" s="14">
        <v>79</v>
      </c>
      <c r="B101" s="15">
        <v>20</v>
      </c>
      <c r="C101" s="16">
        <v>36</v>
      </c>
      <c r="D101" s="17">
        <v>56</v>
      </c>
    </row>
    <row r="102" spans="1:4" ht="18" customHeight="1" x14ac:dyDescent="0.2">
      <c r="A102" s="18" t="s">
        <v>83</v>
      </c>
      <c r="B102" s="15">
        <v>145</v>
      </c>
      <c r="C102" s="16">
        <v>237</v>
      </c>
      <c r="D102" s="17">
        <v>382</v>
      </c>
    </row>
    <row r="103" spans="1:4" ht="18" customHeight="1" x14ac:dyDescent="0.2">
      <c r="A103" s="14">
        <v>80</v>
      </c>
      <c r="B103" s="15">
        <v>34</v>
      </c>
      <c r="C103" s="16">
        <v>44</v>
      </c>
      <c r="D103" s="17">
        <v>78</v>
      </c>
    </row>
    <row r="104" spans="1:4" ht="18" customHeight="1" x14ac:dyDescent="0.2">
      <c r="A104" s="14">
        <v>81</v>
      </c>
      <c r="B104" s="15">
        <v>24</v>
      </c>
      <c r="C104" s="16">
        <v>41</v>
      </c>
      <c r="D104" s="17">
        <v>65</v>
      </c>
    </row>
    <row r="105" spans="1:4" ht="18" customHeight="1" x14ac:dyDescent="0.2">
      <c r="A105" s="14">
        <v>82</v>
      </c>
      <c r="B105" s="15">
        <v>32</v>
      </c>
      <c r="C105" s="16">
        <v>41</v>
      </c>
      <c r="D105" s="17">
        <v>73</v>
      </c>
    </row>
    <row r="106" spans="1:4" ht="18" customHeight="1" x14ac:dyDescent="0.2">
      <c r="A106" s="14">
        <v>83</v>
      </c>
      <c r="B106" s="15">
        <v>17</v>
      </c>
      <c r="C106" s="16">
        <v>38</v>
      </c>
      <c r="D106" s="17">
        <v>55</v>
      </c>
    </row>
    <row r="107" spans="1:4" ht="18" customHeight="1" x14ac:dyDescent="0.2">
      <c r="A107" s="14">
        <v>84</v>
      </c>
      <c r="B107" s="15">
        <v>20</v>
      </c>
      <c r="C107" s="16">
        <v>37</v>
      </c>
      <c r="D107" s="17">
        <v>57</v>
      </c>
    </row>
    <row r="108" spans="1:4" ht="18" customHeight="1" x14ac:dyDescent="0.2">
      <c r="A108" s="18" t="s">
        <v>84</v>
      </c>
      <c r="B108" s="15">
        <v>127</v>
      </c>
      <c r="C108" s="16">
        <v>201</v>
      </c>
      <c r="D108" s="17">
        <v>328</v>
      </c>
    </row>
    <row r="109" spans="1:4" ht="18" customHeight="1" x14ac:dyDescent="0.2">
      <c r="A109" s="14">
        <v>85</v>
      </c>
      <c r="B109" s="15">
        <v>14</v>
      </c>
      <c r="C109" s="16">
        <v>36</v>
      </c>
      <c r="D109" s="17">
        <v>50</v>
      </c>
    </row>
    <row r="110" spans="1:4" ht="18" customHeight="1" x14ac:dyDescent="0.2">
      <c r="A110" s="14">
        <v>86</v>
      </c>
      <c r="B110" s="15">
        <v>13</v>
      </c>
      <c r="C110" s="16">
        <v>19</v>
      </c>
      <c r="D110" s="17">
        <v>32</v>
      </c>
    </row>
    <row r="111" spans="1:4" ht="18" customHeight="1" x14ac:dyDescent="0.2">
      <c r="A111" s="14">
        <v>87</v>
      </c>
      <c r="B111" s="15">
        <v>13</v>
      </c>
      <c r="C111" s="16">
        <v>20</v>
      </c>
      <c r="D111" s="17">
        <v>33</v>
      </c>
    </row>
    <row r="112" spans="1:4" ht="18" customHeight="1" x14ac:dyDescent="0.2">
      <c r="A112" s="14">
        <v>88</v>
      </c>
      <c r="B112" s="15">
        <v>8</v>
      </c>
      <c r="C112" s="16">
        <v>29</v>
      </c>
      <c r="D112" s="17">
        <v>37</v>
      </c>
    </row>
    <row r="113" spans="1:4" ht="18" customHeight="1" x14ac:dyDescent="0.2">
      <c r="A113" s="14">
        <v>89</v>
      </c>
      <c r="B113" s="15">
        <v>9</v>
      </c>
      <c r="C113" s="16">
        <v>22</v>
      </c>
      <c r="D113" s="17">
        <v>31</v>
      </c>
    </row>
    <row r="114" spans="1:4" ht="18" customHeight="1" x14ac:dyDescent="0.2">
      <c r="A114" s="18" t="s">
        <v>85</v>
      </c>
      <c r="B114" s="15">
        <v>57</v>
      </c>
      <c r="C114" s="16">
        <v>126</v>
      </c>
      <c r="D114" s="17">
        <v>183</v>
      </c>
    </row>
    <row r="115" spans="1:4" ht="18" customHeight="1" x14ac:dyDescent="0.2">
      <c r="A115" s="14">
        <v>90</v>
      </c>
      <c r="B115" s="15">
        <v>8</v>
      </c>
      <c r="C115" s="16">
        <v>15</v>
      </c>
      <c r="D115" s="17">
        <v>23</v>
      </c>
    </row>
    <row r="116" spans="1:4" ht="18" customHeight="1" x14ac:dyDescent="0.2">
      <c r="A116" s="14">
        <v>91</v>
      </c>
      <c r="B116" s="15">
        <v>5</v>
      </c>
      <c r="C116" s="16">
        <v>13</v>
      </c>
      <c r="D116" s="17">
        <v>18</v>
      </c>
    </row>
    <row r="117" spans="1:4" ht="18" customHeight="1" x14ac:dyDescent="0.2">
      <c r="A117" s="14">
        <v>92</v>
      </c>
      <c r="B117" s="15">
        <v>2</v>
      </c>
      <c r="C117" s="16">
        <v>12</v>
      </c>
      <c r="D117" s="17">
        <v>14</v>
      </c>
    </row>
    <row r="118" spans="1:4" ht="18" customHeight="1" x14ac:dyDescent="0.2">
      <c r="A118" s="14">
        <v>93</v>
      </c>
      <c r="B118" s="15">
        <v>2</v>
      </c>
      <c r="C118" s="16">
        <v>15</v>
      </c>
      <c r="D118" s="17">
        <v>17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86</v>
      </c>
      <c r="B120" s="15">
        <v>18</v>
      </c>
      <c r="C120" s="16">
        <v>61</v>
      </c>
      <c r="D120" s="17">
        <v>79</v>
      </c>
    </row>
    <row r="121" spans="1:4" ht="18" customHeight="1" x14ac:dyDescent="0.2">
      <c r="A121" s="14">
        <v>95</v>
      </c>
      <c r="B121" s="15">
        <v>4</v>
      </c>
      <c r="C121" s="16">
        <v>5</v>
      </c>
      <c r="D121" s="17">
        <v>9</v>
      </c>
    </row>
    <row r="122" spans="1:4" ht="18" customHeight="1" x14ac:dyDescent="0.2">
      <c r="A122" s="14">
        <v>96</v>
      </c>
      <c r="B122" s="15">
        <v>2</v>
      </c>
      <c r="C122" s="16">
        <v>2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7</v>
      </c>
      <c r="C126" s="16">
        <v>16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722</v>
      </c>
      <c r="C130" s="5">
        <v>1128</v>
      </c>
      <c r="D130" s="6">
        <v>1850</v>
      </c>
    </row>
    <row r="131" spans="1:4" ht="18" customHeight="1" x14ac:dyDescent="0.2">
      <c r="A131" s="20" t="s">
        <v>65</v>
      </c>
      <c r="B131" s="7">
        <v>3192</v>
      </c>
      <c r="C131" s="8">
        <v>3482</v>
      </c>
      <c r="D131" s="9">
        <v>667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0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1</v>
      </c>
      <c r="C5" s="12">
        <v>44</v>
      </c>
      <c r="D5" s="13">
        <v>95</v>
      </c>
    </row>
    <row r="6" spans="1:4" ht="18" customHeight="1" x14ac:dyDescent="0.2">
      <c r="A6" s="14">
        <v>1</v>
      </c>
      <c r="B6" s="15">
        <v>38</v>
      </c>
      <c r="C6" s="16">
        <v>49</v>
      </c>
      <c r="D6" s="17">
        <v>87</v>
      </c>
    </row>
    <row r="7" spans="1:4" ht="18" customHeight="1" x14ac:dyDescent="0.2">
      <c r="A7" s="14">
        <v>2</v>
      </c>
      <c r="B7" s="15">
        <v>52</v>
      </c>
      <c r="C7" s="16">
        <v>52</v>
      </c>
      <c r="D7" s="17">
        <v>104</v>
      </c>
    </row>
    <row r="8" spans="1:4" ht="18" customHeight="1" x14ac:dyDescent="0.2">
      <c r="A8" s="14">
        <v>3</v>
      </c>
      <c r="B8" s="15">
        <v>47</v>
      </c>
      <c r="C8" s="16">
        <v>35</v>
      </c>
      <c r="D8" s="17">
        <v>82</v>
      </c>
    </row>
    <row r="9" spans="1:4" ht="18" customHeight="1" x14ac:dyDescent="0.2">
      <c r="A9" s="14">
        <v>4</v>
      </c>
      <c r="B9" s="15">
        <v>39</v>
      </c>
      <c r="C9" s="16">
        <v>39</v>
      </c>
      <c r="D9" s="17">
        <v>78</v>
      </c>
    </row>
    <row r="10" spans="1:4" ht="18" customHeight="1" x14ac:dyDescent="0.2">
      <c r="A10" s="18" t="s">
        <v>66</v>
      </c>
      <c r="B10" s="15">
        <v>227</v>
      </c>
      <c r="C10" s="16">
        <v>219</v>
      </c>
      <c r="D10" s="17">
        <v>446</v>
      </c>
    </row>
    <row r="11" spans="1:4" ht="18" customHeight="1" x14ac:dyDescent="0.2">
      <c r="A11" s="14">
        <v>5</v>
      </c>
      <c r="B11" s="15">
        <v>37</v>
      </c>
      <c r="C11" s="16">
        <v>30</v>
      </c>
      <c r="D11" s="17">
        <v>67</v>
      </c>
    </row>
    <row r="12" spans="1:4" ht="18" customHeight="1" x14ac:dyDescent="0.2">
      <c r="A12" s="14">
        <v>6</v>
      </c>
      <c r="B12" s="15">
        <v>55</v>
      </c>
      <c r="C12" s="16">
        <v>47</v>
      </c>
      <c r="D12" s="17">
        <v>102</v>
      </c>
    </row>
    <row r="13" spans="1:4" ht="18" customHeight="1" x14ac:dyDescent="0.2">
      <c r="A13" s="14">
        <v>7</v>
      </c>
      <c r="B13" s="15">
        <v>61</v>
      </c>
      <c r="C13" s="16">
        <v>65</v>
      </c>
      <c r="D13" s="17">
        <v>126</v>
      </c>
    </row>
    <row r="14" spans="1:4" ht="18" customHeight="1" x14ac:dyDescent="0.2">
      <c r="A14" s="14">
        <v>8</v>
      </c>
      <c r="B14" s="15">
        <v>64</v>
      </c>
      <c r="C14" s="16">
        <v>38</v>
      </c>
      <c r="D14" s="17">
        <v>102</v>
      </c>
    </row>
    <row r="15" spans="1:4" ht="18" customHeight="1" x14ac:dyDescent="0.2">
      <c r="A15" s="14">
        <v>9</v>
      </c>
      <c r="B15" s="15">
        <v>57</v>
      </c>
      <c r="C15" s="16">
        <v>56</v>
      </c>
      <c r="D15" s="17">
        <v>113</v>
      </c>
    </row>
    <row r="16" spans="1:4" ht="18" customHeight="1" x14ac:dyDescent="0.2">
      <c r="A16" s="18" t="s">
        <v>67</v>
      </c>
      <c r="B16" s="15">
        <v>274</v>
      </c>
      <c r="C16" s="16">
        <v>236</v>
      </c>
      <c r="D16" s="17">
        <v>510</v>
      </c>
    </row>
    <row r="17" spans="1:4" ht="18" customHeight="1" x14ac:dyDescent="0.2">
      <c r="A17" s="14">
        <v>10</v>
      </c>
      <c r="B17" s="15">
        <v>65</v>
      </c>
      <c r="C17" s="16">
        <v>53</v>
      </c>
      <c r="D17" s="17">
        <v>118</v>
      </c>
    </row>
    <row r="18" spans="1:4" ht="18" customHeight="1" x14ac:dyDescent="0.2">
      <c r="A18" s="14">
        <v>11</v>
      </c>
      <c r="B18" s="15">
        <v>56</v>
      </c>
      <c r="C18" s="16">
        <v>48</v>
      </c>
      <c r="D18" s="17">
        <v>104</v>
      </c>
    </row>
    <row r="19" spans="1:4" ht="18" customHeight="1" x14ac:dyDescent="0.2">
      <c r="A19" s="14">
        <v>12</v>
      </c>
      <c r="B19" s="15">
        <v>55</v>
      </c>
      <c r="C19" s="16">
        <v>50</v>
      </c>
      <c r="D19" s="17">
        <v>105</v>
      </c>
    </row>
    <row r="20" spans="1:4" ht="18" customHeight="1" x14ac:dyDescent="0.2">
      <c r="A20" s="14">
        <v>13</v>
      </c>
      <c r="B20" s="15">
        <v>56</v>
      </c>
      <c r="C20" s="16">
        <v>46</v>
      </c>
      <c r="D20" s="17">
        <v>102</v>
      </c>
    </row>
    <row r="21" spans="1:4" ht="18" customHeight="1" x14ac:dyDescent="0.2">
      <c r="A21" s="14">
        <v>14</v>
      </c>
      <c r="B21" s="15">
        <v>60</v>
      </c>
      <c r="C21" s="16">
        <v>54</v>
      </c>
      <c r="D21" s="17">
        <v>114</v>
      </c>
    </row>
    <row r="22" spans="1:4" ht="18" customHeight="1" x14ac:dyDescent="0.2">
      <c r="A22" s="18" t="s">
        <v>68</v>
      </c>
      <c r="B22" s="15">
        <v>292</v>
      </c>
      <c r="C22" s="16">
        <v>251</v>
      </c>
      <c r="D22" s="17">
        <v>543</v>
      </c>
    </row>
    <row r="23" spans="1:4" ht="18" customHeight="1" x14ac:dyDescent="0.2">
      <c r="A23" s="18" t="s">
        <v>69</v>
      </c>
      <c r="B23" s="15">
        <v>793</v>
      </c>
      <c r="C23" s="16">
        <v>706</v>
      </c>
      <c r="D23" s="17">
        <v>1499</v>
      </c>
    </row>
    <row r="24" spans="1:4" ht="18" customHeight="1" x14ac:dyDescent="0.2">
      <c r="A24" s="14">
        <v>15</v>
      </c>
      <c r="B24" s="15">
        <v>44</v>
      </c>
      <c r="C24" s="16">
        <v>63</v>
      </c>
      <c r="D24" s="17">
        <v>107</v>
      </c>
    </row>
    <row r="25" spans="1:4" ht="18" customHeight="1" x14ac:dyDescent="0.2">
      <c r="A25" s="14">
        <v>16</v>
      </c>
      <c r="B25" s="15">
        <v>46</v>
      </c>
      <c r="C25" s="16">
        <v>59</v>
      </c>
      <c r="D25" s="17">
        <v>105</v>
      </c>
    </row>
    <row r="26" spans="1:4" ht="18" customHeight="1" x14ac:dyDescent="0.2">
      <c r="A26" s="14">
        <v>17</v>
      </c>
      <c r="B26" s="15">
        <v>46</v>
      </c>
      <c r="C26" s="16">
        <v>65</v>
      </c>
      <c r="D26" s="17">
        <v>111</v>
      </c>
    </row>
    <row r="27" spans="1:4" ht="18" customHeight="1" x14ac:dyDescent="0.2">
      <c r="A27" s="14">
        <v>18</v>
      </c>
      <c r="B27" s="15">
        <v>58</v>
      </c>
      <c r="C27" s="16">
        <v>51</v>
      </c>
      <c r="D27" s="17">
        <v>109</v>
      </c>
    </row>
    <row r="28" spans="1:4" ht="18" customHeight="1" x14ac:dyDescent="0.2">
      <c r="A28" s="14">
        <v>19</v>
      </c>
      <c r="B28" s="15">
        <v>56</v>
      </c>
      <c r="C28" s="16">
        <v>37</v>
      </c>
      <c r="D28" s="17">
        <v>93</v>
      </c>
    </row>
    <row r="29" spans="1:4" ht="18" customHeight="1" x14ac:dyDescent="0.2">
      <c r="A29" s="18" t="s">
        <v>70</v>
      </c>
      <c r="B29" s="15">
        <v>250</v>
      </c>
      <c r="C29" s="16">
        <v>275</v>
      </c>
      <c r="D29" s="17">
        <v>525</v>
      </c>
    </row>
    <row r="30" spans="1:4" ht="18" customHeight="1" x14ac:dyDescent="0.2">
      <c r="A30" s="14">
        <v>20</v>
      </c>
      <c r="B30" s="15">
        <v>47</v>
      </c>
      <c r="C30" s="16">
        <v>57</v>
      </c>
      <c r="D30" s="17">
        <v>104</v>
      </c>
    </row>
    <row r="31" spans="1:4" ht="18" customHeight="1" x14ac:dyDescent="0.2">
      <c r="A31" s="14">
        <v>21</v>
      </c>
      <c r="B31" s="15">
        <v>48</v>
      </c>
      <c r="C31" s="16">
        <v>47</v>
      </c>
      <c r="D31" s="17">
        <v>95</v>
      </c>
    </row>
    <row r="32" spans="1:4" ht="18" customHeight="1" x14ac:dyDescent="0.2">
      <c r="A32" s="14">
        <v>22</v>
      </c>
      <c r="B32" s="15">
        <v>49</v>
      </c>
      <c r="C32" s="16">
        <v>47</v>
      </c>
      <c r="D32" s="17">
        <v>96</v>
      </c>
    </row>
    <row r="33" spans="1:4" ht="18" customHeight="1" x14ac:dyDescent="0.2">
      <c r="A33" s="14">
        <v>23</v>
      </c>
      <c r="B33" s="15">
        <v>48</v>
      </c>
      <c r="C33" s="16">
        <v>49</v>
      </c>
      <c r="D33" s="17">
        <v>97</v>
      </c>
    </row>
    <row r="34" spans="1:4" ht="18" customHeight="1" x14ac:dyDescent="0.2">
      <c r="A34" s="14">
        <v>24</v>
      </c>
      <c r="B34" s="15">
        <v>41</v>
      </c>
      <c r="C34" s="16">
        <v>49</v>
      </c>
      <c r="D34" s="17">
        <v>90</v>
      </c>
    </row>
    <row r="35" spans="1:4" ht="18" customHeight="1" x14ac:dyDescent="0.2">
      <c r="A35" s="18" t="s">
        <v>71</v>
      </c>
      <c r="B35" s="15">
        <v>233</v>
      </c>
      <c r="C35" s="16">
        <v>249</v>
      </c>
      <c r="D35" s="17">
        <v>482</v>
      </c>
    </row>
    <row r="36" spans="1:4" ht="18" customHeight="1" x14ac:dyDescent="0.2">
      <c r="A36" s="14">
        <v>25</v>
      </c>
      <c r="B36" s="15">
        <v>46</v>
      </c>
      <c r="C36" s="16">
        <v>43</v>
      </c>
      <c r="D36" s="17">
        <v>89</v>
      </c>
    </row>
    <row r="37" spans="1:4" ht="18" customHeight="1" x14ac:dyDescent="0.2">
      <c r="A37" s="14">
        <v>26</v>
      </c>
      <c r="B37" s="15">
        <v>75</v>
      </c>
      <c r="C37" s="16">
        <v>44</v>
      </c>
      <c r="D37" s="17">
        <v>119</v>
      </c>
    </row>
    <row r="38" spans="1:4" ht="18" customHeight="1" x14ac:dyDescent="0.2">
      <c r="A38" s="14">
        <v>27</v>
      </c>
      <c r="B38" s="15">
        <v>50</v>
      </c>
      <c r="C38" s="16">
        <v>41</v>
      </c>
      <c r="D38" s="17">
        <v>91</v>
      </c>
    </row>
    <row r="39" spans="1:4" ht="18" customHeight="1" x14ac:dyDescent="0.2">
      <c r="A39" s="14">
        <v>28</v>
      </c>
      <c r="B39" s="15">
        <v>50</v>
      </c>
      <c r="C39" s="16">
        <v>63</v>
      </c>
      <c r="D39" s="17">
        <v>113</v>
      </c>
    </row>
    <row r="40" spans="1:4" ht="18" customHeight="1" x14ac:dyDescent="0.2">
      <c r="A40" s="14">
        <v>29</v>
      </c>
      <c r="B40" s="15">
        <v>52</v>
      </c>
      <c r="C40" s="16">
        <v>67</v>
      </c>
      <c r="D40" s="17">
        <v>119</v>
      </c>
    </row>
    <row r="41" spans="1:4" ht="18" customHeight="1" x14ac:dyDescent="0.2">
      <c r="A41" s="18" t="s">
        <v>72</v>
      </c>
      <c r="B41" s="15">
        <v>273</v>
      </c>
      <c r="C41" s="16">
        <v>258</v>
      </c>
      <c r="D41" s="17">
        <v>531</v>
      </c>
    </row>
    <row r="42" spans="1:4" ht="18" customHeight="1" x14ac:dyDescent="0.2">
      <c r="A42" s="14">
        <v>30</v>
      </c>
      <c r="B42" s="15">
        <v>57</v>
      </c>
      <c r="C42" s="16">
        <v>56</v>
      </c>
      <c r="D42" s="17">
        <v>113</v>
      </c>
    </row>
    <row r="43" spans="1:4" ht="18" customHeight="1" x14ac:dyDescent="0.2">
      <c r="A43" s="14">
        <v>31</v>
      </c>
      <c r="B43" s="15">
        <v>63</v>
      </c>
      <c r="C43" s="16">
        <v>68</v>
      </c>
      <c r="D43" s="17">
        <v>131</v>
      </c>
    </row>
    <row r="44" spans="1:4" ht="18" customHeight="1" x14ac:dyDescent="0.2">
      <c r="A44" s="14">
        <v>32</v>
      </c>
      <c r="B44" s="15">
        <v>79</v>
      </c>
      <c r="C44" s="16">
        <v>77</v>
      </c>
      <c r="D44" s="17">
        <v>156</v>
      </c>
    </row>
    <row r="45" spans="1:4" ht="18" customHeight="1" x14ac:dyDescent="0.2">
      <c r="A45" s="14">
        <v>33</v>
      </c>
      <c r="B45" s="15">
        <v>84</v>
      </c>
      <c r="C45" s="16">
        <v>84</v>
      </c>
      <c r="D45" s="17">
        <v>168</v>
      </c>
    </row>
    <row r="46" spans="1:4" ht="18" customHeight="1" x14ac:dyDescent="0.2">
      <c r="A46" s="14">
        <v>34</v>
      </c>
      <c r="B46" s="15">
        <v>81</v>
      </c>
      <c r="C46" s="16">
        <v>84</v>
      </c>
      <c r="D46" s="17">
        <v>165</v>
      </c>
    </row>
    <row r="47" spans="1:4" ht="18" customHeight="1" x14ac:dyDescent="0.2">
      <c r="A47" s="18" t="s">
        <v>73</v>
      </c>
      <c r="B47" s="15">
        <v>364</v>
      </c>
      <c r="C47" s="16">
        <v>369</v>
      </c>
      <c r="D47" s="17">
        <v>733</v>
      </c>
    </row>
    <row r="48" spans="1:4" ht="18" customHeight="1" x14ac:dyDescent="0.2">
      <c r="A48" s="14">
        <v>35</v>
      </c>
      <c r="B48" s="15">
        <v>83</v>
      </c>
      <c r="C48" s="16">
        <v>87</v>
      </c>
      <c r="D48" s="17">
        <v>170</v>
      </c>
    </row>
    <row r="49" spans="1:4" ht="18" customHeight="1" x14ac:dyDescent="0.2">
      <c r="A49" s="14">
        <v>36</v>
      </c>
      <c r="B49" s="15">
        <v>93</v>
      </c>
      <c r="C49" s="16">
        <v>86</v>
      </c>
      <c r="D49" s="17">
        <v>179</v>
      </c>
    </row>
    <row r="50" spans="1:4" ht="18" customHeight="1" x14ac:dyDescent="0.2">
      <c r="A50" s="14">
        <v>37</v>
      </c>
      <c r="B50" s="15">
        <v>102</v>
      </c>
      <c r="C50" s="16">
        <v>104</v>
      </c>
      <c r="D50" s="17">
        <v>206</v>
      </c>
    </row>
    <row r="51" spans="1:4" ht="18" customHeight="1" x14ac:dyDescent="0.2">
      <c r="A51" s="14">
        <v>38</v>
      </c>
      <c r="B51" s="15">
        <v>95</v>
      </c>
      <c r="C51" s="16">
        <v>93</v>
      </c>
      <c r="D51" s="17">
        <v>188</v>
      </c>
    </row>
    <row r="52" spans="1:4" ht="18" customHeight="1" x14ac:dyDescent="0.2">
      <c r="A52" s="14">
        <v>39</v>
      </c>
      <c r="B52" s="15">
        <v>93</v>
      </c>
      <c r="C52" s="16">
        <v>108</v>
      </c>
      <c r="D52" s="17">
        <v>201</v>
      </c>
    </row>
    <row r="53" spans="1:4" ht="18" customHeight="1" x14ac:dyDescent="0.2">
      <c r="A53" s="18" t="s">
        <v>74</v>
      </c>
      <c r="B53" s="15">
        <v>466</v>
      </c>
      <c r="C53" s="16">
        <v>478</v>
      </c>
      <c r="D53" s="17">
        <v>944</v>
      </c>
    </row>
    <row r="54" spans="1:4" ht="18" customHeight="1" x14ac:dyDescent="0.2">
      <c r="A54" s="14">
        <v>40</v>
      </c>
      <c r="B54" s="15">
        <v>85</v>
      </c>
      <c r="C54" s="16">
        <v>87</v>
      </c>
      <c r="D54" s="17">
        <v>172</v>
      </c>
    </row>
    <row r="55" spans="1:4" ht="18" customHeight="1" x14ac:dyDescent="0.2">
      <c r="A55" s="14">
        <v>41</v>
      </c>
      <c r="B55" s="15">
        <v>95</v>
      </c>
      <c r="C55" s="16">
        <v>90</v>
      </c>
      <c r="D55" s="17">
        <v>185</v>
      </c>
    </row>
    <row r="56" spans="1:4" ht="18" customHeight="1" x14ac:dyDescent="0.2">
      <c r="A56" s="14">
        <v>42</v>
      </c>
      <c r="B56" s="15">
        <v>93</v>
      </c>
      <c r="C56" s="16">
        <v>89</v>
      </c>
      <c r="D56" s="17">
        <v>182</v>
      </c>
    </row>
    <row r="57" spans="1:4" ht="18" customHeight="1" x14ac:dyDescent="0.2">
      <c r="A57" s="14">
        <v>43</v>
      </c>
      <c r="B57" s="15">
        <v>72</v>
      </c>
      <c r="C57" s="16">
        <v>67</v>
      </c>
      <c r="D57" s="17">
        <v>139</v>
      </c>
    </row>
    <row r="58" spans="1:4" ht="18" customHeight="1" x14ac:dyDescent="0.2">
      <c r="A58" s="14">
        <v>44</v>
      </c>
      <c r="B58" s="15">
        <v>85</v>
      </c>
      <c r="C58" s="16">
        <v>95</v>
      </c>
      <c r="D58" s="17">
        <v>180</v>
      </c>
    </row>
    <row r="59" spans="1:4" ht="18" customHeight="1" x14ac:dyDescent="0.2">
      <c r="A59" s="18" t="s">
        <v>75</v>
      </c>
      <c r="B59" s="15">
        <v>430</v>
      </c>
      <c r="C59" s="16">
        <v>428</v>
      </c>
      <c r="D59" s="17">
        <v>858</v>
      </c>
    </row>
    <row r="60" spans="1:4" ht="18" customHeight="1" x14ac:dyDescent="0.2">
      <c r="A60" s="14">
        <v>45</v>
      </c>
      <c r="B60" s="15">
        <v>78</v>
      </c>
      <c r="C60" s="16">
        <v>69</v>
      </c>
      <c r="D60" s="17">
        <v>147</v>
      </c>
    </row>
    <row r="61" spans="1:4" ht="18" customHeight="1" x14ac:dyDescent="0.2">
      <c r="A61" s="14">
        <v>46</v>
      </c>
      <c r="B61" s="15">
        <v>93</v>
      </c>
      <c r="C61" s="16">
        <v>80</v>
      </c>
      <c r="D61" s="17">
        <v>173</v>
      </c>
    </row>
    <row r="62" spans="1:4" ht="18" customHeight="1" x14ac:dyDescent="0.2">
      <c r="A62" s="14">
        <v>47</v>
      </c>
      <c r="B62" s="15">
        <v>74</v>
      </c>
      <c r="C62" s="16">
        <v>77</v>
      </c>
      <c r="D62" s="17">
        <v>151</v>
      </c>
    </row>
    <row r="63" spans="1:4" ht="18" customHeight="1" x14ac:dyDescent="0.2">
      <c r="A63" s="14">
        <v>48</v>
      </c>
      <c r="B63" s="15">
        <v>69</v>
      </c>
      <c r="C63" s="16">
        <v>67</v>
      </c>
      <c r="D63" s="17">
        <v>136</v>
      </c>
    </row>
    <row r="64" spans="1:4" ht="18" customHeight="1" x14ac:dyDescent="0.2">
      <c r="A64" s="14">
        <v>49</v>
      </c>
      <c r="B64" s="15">
        <v>84</v>
      </c>
      <c r="C64" s="16">
        <v>73</v>
      </c>
      <c r="D64" s="17">
        <v>157</v>
      </c>
    </row>
    <row r="65" spans="1:4" ht="18" customHeight="1" x14ac:dyDescent="0.2">
      <c r="A65" s="18" t="s">
        <v>76</v>
      </c>
      <c r="B65" s="15">
        <v>398</v>
      </c>
      <c r="C65" s="16">
        <v>366</v>
      </c>
      <c r="D65" s="17">
        <v>764</v>
      </c>
    </row>
    <row r="66" spans="1:4" ht="18" customHeight="1" x14ac:dyDescent="0.2">
      <c r="A66" s="14">
        <v>50</v>
      </c>
      <c r="B66" s="15">
        <v>77</v>
      </c>
      <c r="C66" s="16">
        <v>75</v>
      </c>
      <c r="D66" s="17">
        <v>152</v>
      </c>
    </row>
    <row r="67" spans="1:4" ht="18" customHeight="1" x14ac:dyDescent="0.2">
      <c r="A67" s="14">
        <v>51</v>
      </c>
      <c r="B67" s="15">
        <v>71</v>
      </c>
      <c r="C67" s="16">
        <v>76</v>
      </c>
      <c r="D67" s="17">
        <v>147</v>
      </c>
    </row>
    <row r="68" spans="1:4" ht="18" customHeight="1" x14ac:dyDescent="0.2">
      <c r="A68" s="14">
        <v>52</v>
      </c>
      <c r="B68" s="15">
        <v>65</v>
      </c>
      <c r="C68" s="16">
        <v>66</v>
      </c>
      <c r="D68" s="17">
        <v>131</v>
      </c>
    </row>
    <row r="69" spans="1:4" ht="18" customHeight="1" x14ac:dyDescent="0.2">
      <c r="A69" s="14">
        <v>53</v>
      </c>
      <c r="B69" s="15">
        <v>57</v>
      </c>
      <c r="C69" s="16">
        <v>70</v>
      </c>
      <c r="D69" s="17">
        <v>127</v>
      </c>
    </row>
    <row r="70" spans="1:4" ht="18" customHeight="1" x14ac:dyDescent="0.2">
      <c r="A70" s="14">
        <v>54</v>
      </c>
      <c r="B70" s="15">
        <v>75</v>
      </c>
      <c r="C70" s="16">
        <v>70</v>
      </c>
      <c r="D70" s="17">
        <v>145</v>
      </c>
    </row>
    <row r="71" spans="1:4" ht="18" customHeight="1" x14ac:dyDescent="0.2">
      <c r="A71" s="18" t="s">
        <v>77</v>
      </c>
      <c r="B71" s="15">
        <v>345</v>
      </c>
      <c r="C71" s="16">
        <v>357</v>
      </c>
      <c r="D71" s="17">
        <v>702</v>
      </c>
    </row>
    <row r="72" spans="1:4" ht="18" customHeight="1" x14ac:dyDescent="0.2">
      <c r="A72" s="14">
        <v>55</v>
      </c>
      <c r="B72" s="15">
        <v>68</v>
      </c>
      <c r="C72" s="16">
        <v>67</v>
      </c>
      <c r="D72" s="17">
        <v>135</v>
      </c>
    </row>
    <row r="73" spans="1:4" ht="18" customHeight="1" x14ac:dyDescent="0.2">
      <c r="A73" s="14">
        <v>56</v>
      </c>
      <c r="B73" s="15">
        <v>61</v>
      </c>
      <c r="C73" s="16">
        <v>74</v>
      </c>
      <c r="D73" s="17">
        <v>135</v>
      </c>
    </row>
    <row r="74" spans="1:4" ht="18" customHeight="1" x14ac:dyDescent="0.2">
      <c r="A74" s="14">
        <v>57</v>
      </c>
      <c r="B74" s="15">
        <v>75</v>
      </c>
      <c r="C74" s="16">
        <v>61</v>
      </c>
      <c r="D74" s="17">
        <v>136</v>
      </c>
    </row>
    <row r="75" spans="1:4" ht="18" customHeight="1" x14ac:dyDescent="0.2">
      <c r="A75" s="14">
        <v>58</v>
      </c>
      <c r="B75" s="15">
        <v>78</v>
      </c>
      <c r="C75" s="16">
        <v>77</v>
      </c>
      <c r="D75" s="17">
        <v>155</v>
      </c>
    </row>
    <row r="76" spans="1:4" ht="18" customHeight="1" x14ac:dyDescent="0.2">
      <c r="A76" s="14">
        <v>59</v>
      </c>
      <c r="B76" s="15">
        <v>69</v>
      </c>
      <c r="C76" s="16">
        <v>77</v>
      </c>
      <c r="D76" s="17">
        <v>146</v>
      </c>
    </row>
    <row r="77" spans="1:4" ht="18" customHeight="1" x14ac:dyDescent="0.2">
      <c r="A77" s="18" t="s">
        <v>78</v>
      </c>
      <c r="B77" s="15">
        <v>351</v>
      </c>
      <c r="C77" s="16">
        <v>356</v>
      </c>
      <c r="D77" s="17">
        <v>707</v>
      </c>
    </row>
    <row r="78" spans="1:4" ht="18" customHeight="1" x14ac:dyDescent="0.2">
      <c r="A78" s="14">
        <v>60</v>
      </c>
      <c r="B78" s="15">
        <v>98</v>
      </c>
      <c r="C78" s="16">
        <v>103</v>
      </c>
      <c r="D78" s="17">
        <v>201</v>
      </c>
    </row>
    <row r="79" spans="1:4" ht="18" customHeight="1" x14ac:dyDescent="0.2">
      <c r="A79" s="14">
        <v>61</v>
      </c>
      <c r="B79" s="15">
        <v>99</v>
      </c>
      <c r="C79" s="16">
        <v>88</v>
      </c>
      <c r="D79" s="17">
        <v>187</v>
      </c>
    </row>
    <row r="80" spans="1:4" ht="18" customHeight="1" x14ac:dyDescent="0.2">
      <c r="A80" s="14">
        <v>62</v>
      </c>
      <c r="B80" s="15">
        <v>88</v>
      </c>
      <c r="C80" s="16">
        <v>104</v>
      </c>
      <c r="D80" s="17">
        <v>192</v>
      </c>
    </row>
    <row r="81" spans="1:4" ht="18" customHeight="1" x14ac:dyDescent="0.2">
      <c r="A81" s="14">
        <v>63</v>
      </c>
      <c r="B81" s="15">
        <v>49</v>
      </c>
      <c r="C81" s="16">
        <v>46</v>
      </c>
      <c r="D81" s="17">
        <v>95</v>
      </c>
    </row>
    <row r="82" spans="1:4" ht="18" customHeight="1" x14ac:dyDescent="0.2">
      <c r="A82" s="14">
        <v>64</v>
      </c>
      <c r="B82" s="15">
        <v>40</v>
      </c>
      <c r="C82" s="16">
        <v>67</v>
      </c>
      <c r="D82" s="17">
        <v>107</v>
      </c>
    </row>
    <row r="83" spans="1:4" ht="18" customHeight="1" x14ac:dyDescent="0.2">
      <c r="A83" s="18" t="s">
        <v>79</v>
      </c>
      <c r="B83" s="15">
        <v>374</v>
      </c>
      <c r="C83" s="16">
        <v>408</v>
      </c>
      <c r="D83" s="17">
        <v>782</v>
      </c>
    </row>
    <row r="84" spans="1:4" ht="18" customHeight="1" x14ac:dyDescent="0.2">
      <c r="A84" s="18" t="s">
        <v>80</v>
      </c>
      <c r="B84" s="15">
        <v>3484</v>
      </c>
      <c r="C84" s="16">
        <v>3544</v>
      </c>
      <c r="D84" s="17">
        <v>7028</v>
      </c>
    </row>
    <row r="85" spans="1:4" ht="18" customHeight="1" x14ac:dyDescent="0.2">
      <c r="A85" s="14">
        <v>65</v>
      </c>
      <c r="B85" s="15">
        <v>75</v>
      </c>
      <c r="C85" s="16">
        <v>105</v>
      </c>
      <c r="D85" s="17">
        <v>180</v>
      </c>
    </row>
    <row r="86" spans="1:4" ht="18" customHeight="1" x14ac:dyDescent="0.2">
      <c r="A86" s="14">
        <v>66</v>
      </c>
      <c r="B86" s="15">
        <v>78</v>
      </c>
      <c r="C86" s="16">
        <v>72</v>
      </c>
      <c r="D86" s="17">
        <v>150</v>
      </c>
    </row>
    <row r="87" spans="1:4" ht="18" customHeight="1" x14ac:dyDescent="0.2">
      <c r="A87" s="14">
        <v>67</v>
      </c>
      <c r="B87" s="15">
        <v>82</v>
      </c>
      <c r="C87" s="16">
        <v>106</v>
      </c>
      <c r="D87" s="17">
        <v>188</v>
      </c>
    </row>
    <row r="88" spans="1:4" ht="18" customHeight="1" x14ac:dyDescent="0.2">
      <c r="A88" s="14">
        <v>68</v>
      </c>
      <c r="B88" s="15">
        <v>69</v>
      </c>
      <c r="C88" s="16">
        <v>73</v>
      </c>
      <c r="D88" s="17">
        <v>142</v>
      </c>
    </row>
    <row r="89" spans="1:4" ht="18" customHeight="1" x14ac:dyDescent="0.2">
      <c r="A89" s="14">
        <v>69</v>
      </c>
      <c r="B89" s="15">
        <v>56</v>
      </c>
      <c r="C89" s="16">
        <v>75</v>
      </c>
      <c r="D89" s="17">
        <v>131</v>
      </c>
    </row>
    <row r="90" spans="1:4" ht="18" customHeight="1" x14ac:dyDescent="0.2">
      <c r="A90" s="18" t="s">
        <v>81</v>
      </c>
      <c r="B90" s="15">
        <v>360</v>
      </c>
      <c r="C90" s="16">
        <v>431</v>
      </c>
      <c r="D90" s="17">
        <v>791</v>
      </c>
    </row>
    <row r="91" spans="1:4" ht="18" customHeight="1" x14ac:dyDescent="0.2">
      <c r="A91" s="14">
        <v>70</v>
      </c>
      <c r="B91" s="15">
        <v>51</v>
      </c>
      <c r="C91" s="16">
        <v>68</v>
      </c>
      <c r="D91" s="17">
        <v>119</v>
      </c>
    </row>
    <row r="92" spans="1:4" ht="18" customHeight="1" x14ac:dyDescent="0.2">
      <c r="A92" s="14">
        <v>71</v>
      </c>
      <c r="B92" s="15">
        <v>48</v>
      </c>
      <c r="C92" s="16">
        <v>60</v>
      </c>
      <c r="D92" s="17">
        <v>108</v>
      </c>
    </row>
    <row r="93" spans="1:4" ht="18" customHeight="1" x14ac:dyDescent="0.2">
      <c r="A93" s="14">
        <v>72</v>
      </c>
      <c r="B93" s="15">
        <v>53</v>
      </c>
      <c r="C93" s="16">
        <v>77</v>
      </c>
      <c r="D93" s="17">
        <v>130</v>
      </c>
    </row>
    <row r="94" spans="1:4" ht="18" customHeight="1" x14ac:dyDescent="0.2">
      <c r="A94" s="14">
        <v>73</v>
      </c>
      <c r="B94" s="15">
        <v>67</v>
      </c>
      <c r="C94" s="16">
        <v>110</v>
      </c>
      <c r="D94" s="17">
        <v>177</v>
      </c>
    </row>
    <row r="95" spans="1:4" ht="18" customHeight="1" x14ac:dyDescent="0.2">
      <c r="A95" s="14">
        <v>74</v>
      </c>
      <c r="B95" s="15">
        <v>57</v>
      </c>
      <c r="C95" s="16">
        <v>66</v>
      </c>
      <c r="D95" s="17">
        <v>123</v>
      </c>
    </row>
    <row r="96" spans="1:4" ht="18" customHeight="1" x14ac:dyDescent="0.2">
      <c r="A96" s="18" t="s">
        <v>82</v>
      </c>
      <c r="B96" s="15">
        <v>276</v>
      </c>
      <c r="C96" s="16">
        <v>381</v>
      </c>
      <c r="D96" s="17">
        <v>657</v>
      </c>
    </row>
    <row r="97" spans="1:4" ht="18" customHeight="1" x14ac:dyDescent="0.2">
      <c r="A97" s="14">
        <v>75</v>
      </c>
      <c r="B97" s="15">
        <v>57</v>
      </c>
      <c r="C97" s="16">
        <v>91</v>
      </c>
      <c r="D97" s="17">
        <v>148</v>
      </c>
    </row>
    <row r="98" spans="1:4" ht="18" customHeight="1" x14ac:dyDescent="0.2">
      <c r="A98" s="14">
        <v>76</v>
      </c>
      <c r="B98" s="15">
        <v>49</v>
      </c>
      <c r="C98" s="16">
        <v>80</v>
      </c>
      <c r="D98" s="17">
        <v>129</v>
      </c>
    </row>
    <row r="99" spans="1:4" ht="18" customHeight="1" x14ac:dyDescent="0.2">
      <c r="A99" s="14">
        <v>77</v>
      </c>
      <c r="B99" s="15">
        <v>48</v>
      </c>
      <c r="C99" s="16">
        <v>81</v>
      </c>
      <c r="D99" s="17">
        <v>129</v>
      </c>
    </row>
    <row r="100" spans="1:4" ht="18" customHeight="1" x14ac:dyDescent="0.2">
      <c r="A100" s="14">
        <v>78</v>
      </c>
      <c r="B100" s="15">
        <v>49</v>
      </c>
      <c r="C100" s="16">
        <v>86</v>
      </c>
      <c r="D100" s="17">
        <v>135</v>
      </c>
    </row>
    <row r="101" spans="1:4" ht="18" customHeight="1" x14ac:dyDescent="0.2">
      <c r="A101" s="14">
        <v>79</v>
      </c>
      <c r="B101" s="15">
        <v>51</v>
      </c>
      <c r="C101" s="16">
        <v>101</v>
      </c>
      <c r="D101" s="17">
        <v>152</v>
      </c>
    </row>
    <row r="102" spans="1:4" ht="18" customHeight="1" x14ac:dyDescent="0.2">
      <c r="A102" s="18" t="s">
        <v>83</v>
      </c>
      <c r="B102" s="15">
        <v>254</v>
      </c>
      <c r="C102" s="16">
        <v>439</v>
      </c>
      <c r="D102" s="17">
        <v>693</v>
      </c>
    </row>
    <row r="103" spans="1:4" ht="18" customHeight="1" x14ac:dyDescent="0.2">
      <c r="A103" s="14">
        <v>80</v>
      </c>
      <c r="B103" s="15">
        <v>42</v>
      </c>
      <c r="C103" s="16">
        <v>91</v>
      </c>
      <c r="D103" s="17">
        <v>133</v>
      </c>
    </row>
    <row r="104" spans="1:4" ht="18" customHeight="1" x14ac:dyDescent="0.2">
      <c r="A104" s="14">
        <v>81</v>
      </c>
      <c r="B104" s="15">
        <v>47</v>
      </c>
      <c r="C104" s="16">
        <v>66</v>
      </c>
      <c r="D104" s="17">
        <v>113</v>
      </c>
    </row>
    <row r="105" spans="1:4" ht="18" customHeight="1" x14ac:dyDescent="0.2">
      <c r="A105" s="14">
        <v>82</v>
      </c>
      <c r="B105" s="15">
        <v>54</v>
      </c>
      <c r="C105" s="16">
        <v>75</v>
      </c>
      <c r="D105" s="17">
        <v>129</v>
      </c>
    </row>
    <row r="106" spans="1:4" ht="18" customHeight="1" x14ac:dyDescent="0.2">
      <c r="A106" s="14">
        <v>83</v>
      </c>
      <c r="B106" s="15">
        <v>44</v>
      </c>
      <c r="C106" s="16">
        <v>57</v>
      </c>
      <c r="D106" s="17">
        <v>101</v>
      </c>
    </row>
    <row r="107" spans="1:4" ht="18" customHeight="1" x14ac:dyDescent="0.2">
      <c r="A107" s="14">
        <v>84</v>
      </c>
      <c r="B107" s="15">
        <v>30</v>
      </c>
      <c r="C107" s="16">
        <v>43</v>
      </c>
      <c r="D107" s="17">
        <v>73</v>
      </c>
    </row>
    <row r="108" spans="1:4" ht="18" customHeight="1" x14ac:dyDescent="0.2">
      <c r="A108" s="18" t="s">
        <v>84</v>
      </c>
      <c r="B108" s="15">
        <v>217</v>
      </c>
      <c r="C108" s="16">
        <v>332</v>
      </c>
      <c r="D108" s="17">
        <v>549</v>
      </c>
    </row>
    <row r="109" spans="1:4" ht="18" customHeight="1" x14ac:dyDescent="0.2">
      <c r="A109" s="14">
        <v>85</v>
      </c>
      <c r="B109" s="15">
        <v>27</v>
      </c>
      <c r="C109" s="16">
        <v>47</v>
      </c>
      <c r="D109" s="17">
        <v>74</v>
      </c>
    </row>
    <row r="110" spans="1:4" ht="18" customHeight="1" x14ac:dyDescent="0.2">
      <c r="A110" s="14">
        <v>86</v>
      </c>
      <c r="B110" s="15">
        <v>26</v>
      </c>
      <c r="C110" s="16">
        <v>36</v>
      </c>
      <c r="D110" s="17">
        <v>62</v>
      </c>
    </row>
    <row r="111" spans="1:4" ht="18" customHeight="1" x14ac:dyDescent="0.2">
      <c r="A111" s="14">
        <v>87</v>
      </c>
      <c r="B111" s="15">
        <v>16</v>
      </c>
      <c r="C111" s="16">
        <v>43</v>
      </c>
      <c r="D111" s="17">
        <v>59</v>
      </c>
    </row>
    <row r="112" spans="1:4" ht="18" customHeight="1" x14ac:dyDescent="0.2">
      <c r="A112" s="14">
        <v>88</v>
      </c>
      <c r="B112" s="15">
        <v>15</v>
      </c>
      <c r="C112" s="16">
        <v>37</v>
      </c>
      <c r="D112" s="17">
        <v>52</v>
      </c>
    </row>
    <row r="113" spans="1:4" ht="18" customHeight="1" x14ac:dyDescent="0.2">
      <c r="A113" s="14">
        <v>89</v>
      </c>
      <c r="B113" s="15">
        <v>16</v>
      </c>
      <c r="C113" s="16">
        <v>23</v>
      </c>
      <c r="D113" s="17">
        <v>39</v>
      </c>
    </row>
    <row r="114" spans="1:4" ht="18" customHeight="1" x14ac:dyDescent="0.2">
      <c r="A114" s="18" t="s">
        <v>85</v>
      </c>
      <c r="B114" s="15">
        <v>100</v>
      </c>
      <c r="C114" s="16">
        <v>186</v>
      </c>
      <c r="D114" s="17">
        <v>286</v>
      </c>
    </row>
    <row r="115" spans="1:4" ht="18" customHeight="1" x14ac:dyDescent="0.2">
      <c r="A115" s="14">
        <v>90</v>
      </c>
      <c r="B115" s="15">
        <v>12</v>
      </c>
      <c r="C115" s="16">
        <v>22</v>
      </c>
      <c r="D115" s="17">
        <v>34</v>
      </c>
    </row>
    <row r="116" spans="1:4" ht="18" customHeight="1" x14ac:dyDescent="0.2">
      <c r="A116" s="14">
        <v>91</v>
      </c>
      <c r="B116" s="15">
        <v>8</v>
      </c>
      <c r="C116" s="16">
        <v>25</v>
      </c>
      <c r="D116" s="17">
        <v>33</v>
      </c>
    </row>
    <row r="117" spans="1:4" ht="18" customHeight="1" x14ac:dyDescent="0.2">
      <c r="A117" s="14">
        <v>92</v>
      </c>
      <c r="B117" s="15">
        <v>5</v>
      </c>
      <c r="C117" s="16">
        <v>17</v>
      </c>
      <c r="D117" s="17">
        <v>22</v>
      </c>
    </row>
    <row r="118" spans="1:4" ht="18" customHeight="1" x14ac:dyDescent="0.2">
      <c r="A118" s="14">
        <v>93</v>
      </c>
      <c r="B118" s="15">
        <v>3</v>
      </c>
      <c r="C118" s="16">
        <v>14</v>
      </c>
      <c r="D118" s="17">
        <v>17</v>
      </c>
    </row>
    <row r="119" spans="1:4" ht="18" customHeight="1" x14ac:dyDescent="0.2">
      <c r="A119" s="14">
        <v>94</v>
      </c>
      <c r="B119" s="15">
        <v>3</v>
      </c>
      <c r="C119" s="16">
        <v>16</v>
      </c>
      <c r="D119" s="17">
        <v>19</v>
      </c>
    </row>
    <row r="120" spans="1:4" ht="18" customHeight="1" x14ac:dyDescent="0.2">
      <c r="A120" s="18" t="s">
        <v>86</v>
      </c>
      <c r="B120" s="15">
        <v>31</v>
      </c>
      <c r="C120" s="16">
        <v>94</v>
      </c>
      <c r="D120" s="17">
        <v>125</v>
      </c>
    </row>
    <row r="121" spans="1:4" ht="18" customHeight="1" x14ac:dyDescent="0.2">
      <c r="A121" s="14">
        <v>95</v>
      </c>
      <c r="B121" s="15">
        <v>6</v>
      </c>
      <c r="C121" s="16">
        <v>11</v>
      </c>
      <c r="D121" s="17">
        <v>17</v>
      </c>
    </row>
    <row r="122" spans="1:4" ht="18" customHeight="1" x14ac:dyDescent="0.2">
      <c r="A122" s="14">
        <v>96</v>
      </c>
      <c r="B122" s="15">
        <v>2</v>
      </c>
      <c r="C122" s="16">
        <v>6</v>
      </c>
      <c r="D122" s="17">
        <v>8</v>
      </c>
    </row>
    <row r="123" spans="1:4" ht="18" customHeight="1" x14ac:dyDescent="0.2">
      <c r="A123" s="14">
        <v>97</v>
      </c>
      <c r="B123" s="15">
        <v>3</v>
      </c>
      <c r="C123" s="16">
        <v>4</v>
      </c>
      <c r="D123" s="17">
        <v>7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87</v>
      </c>
      <c r="B126" s="15">
        <v>13</v>
      </c>
      <c r="C126" s="16">
        <v>27</v>
      </c>
      <c r="D126" s="17">
        <v>4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1</v>
      </c>
      <c r="C128" s="16">
        <v>4</v>
      </c>
      <c r="D128" s="17">
        <v>5</v>
      </c>
    </row>
    <row r="129" spans="1:4" ht="18" customHeight="1" x14ac:dyDescent="0.2">
      <c r="A129" s="18" t="s">
        <v>89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90</v>
      </c>
      <c r="B130" s="4">
        <v>1252</v>
      </c>
      <c r="C130" s="5">
        <v>1895</v>
      </c>
      <c r="D130" s="6">
        <v>3147</v>
      </c>
    </row>
    <row r="131" spans="1:4" ht="18" customHeight="1" x14ac:dyDescent="0.2">
      <c r="A131" s="20" t="s">
        <v>65</v>
      </c>
      <c r="B131" s="7">
        <v>5529</v>
      </c>
      <c r="C131" s="8">
        <v>6145</v>
      </c>
      <c r="D131" s="9">
        <v>1167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1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4</v>
      </c>
      <c r="C5" s="12">
        <v>57</v>
      </c>
      <c r="D5" s="13">
        <v>101</v>
      </c>
    </row>
    <row r="6" spans="1:4" ht="18" customHeight="1" x14ac:dyDescent="0.2">
      <c r="A6" s="14">
        <v>1</v>
      </c>
      <c r="B6" s="15">
        <v>60</v>
      </c>
      <c r="C6" s="16">
        <v>69</v>
      </c>
      <c r="D6" s="17">
        <v>129</v>
      </c>
    </row>
    <row r="7" spans="1:4" ht="18" customHeight="1" x14ac:dyDescent="0.2">
      <c r="A7" s="14">
        <v>2</v>
      </c>
      <c r="B7" s="15">
        <v>68</v>
      </c>
      <c r="C7" s="16">
        <v>56</v>
      </c>
      <c r="D7" s="17">
        <v>124</v>
      </c>
    </row>
    <row r="8" spans="1:4" ht="18" customHeight="1" x14ac:dyDescent="0.2">
      <c r="A8" s="14">
        <v>3</v>
      </c>
      <c r="B8" s="15">
        <v>64</v>
      </c>
      <c r="C8" s="16">
        <v>63</v>
      </c>
      <c r="D8" s="17">
        <v>127</v>
      </c>
    </row>
    <row r="9" spans="1:4" ht="18" customHeight="1" x14ac:dyDescent="0.2">
      <c r="A9" s="14">
        <v>4</v>
      </c>
      <c r="B9" s="15">
        <v>55</v>
      </c>
      <c r="C9" s="16">
        <v>52</v>
      </c>
      <c r="D9" s="17">
        <v>107</v>
      </c>
    </row>
    <row r="10" spans="1:4" ht="18" customHeight="1" x14ac:dyDescent="0.2">
      <c r="A10" s="18" t="s">
        <v>66</v>
      </c>
      <c r="B10" s="15">
        <v>291</v>
      </c>
      <c r="C10" s="16">
        <v>297</v>
      </c>
      <c r="D10" s="17">
        <v>588</v>
      </c>
    </row>
    <row r="11" spans="1:4" ht="18" customHeight="1" x14ac:dyDescent="0.2">
      <c r="A11" s="14">
        <v>5</v>
      </c>
      <c r="B11" s="15">
        <v>66</v>
      </c>
      <c r="C11" s="16">
        <v>54</v>
      </c>
      <c r="D11" s="17">
        <v>120</v>
      </c>
    </row>
    <row r="12" spans="1:4" ht="18" customHeight="1" x14ac:dyDescent="0.2">
      <c r="A12" s="14">
        <v>6</v>
      </c>
      <c r="B12" s="15">
        <v>54</v>
      </c>
      <c r="C12" s="16">
        <v>64</v>
      </c>
      <c r="D12" s="17">
        <v>118</v>
      </c>
    </row>
    <row r="13" spans="1:4" ht="18" customHeight="1" x14ac:dyDescent="0.2">
      <c r="A13" s="14">
        <v>7</v>
      </c>
      <c r="B13" s="15">
        <v>71</v>
      </c>
      <c r="C13" s="16">
        <v>69</v>
      </c>
      <c r="D13" s="17">
        <v>140</v>
      </c>
    </row>
    <row r="14" spans="1:4" ht="18" customHeight="1" x14ac:dyDescent="0.2">
      <c r="A14" s="14">
        <v>8</v>
      </c>
      <c r="B14" s="15">
        <v>46</v>
      </c>
      <c r="C14" s="16">
        <v>47</v>
      </c>
      <c r="D14" s="17">
        <v>93</v>
      </c>
    </row>
    <row r="15" spans="1:4" ht="18" customHeight="1" x14ac:dyDescent="0.2">
      <c r="A15" s="14">
        <v>9</v>
      </c>
      <c r="B15" s="15">
        <v>67</v>
      </c>
      <c r="C15" s="16">
        <v>55</v>
      </c>
      <c r="D15" s="17">
        <v>122</v>
      </c>
    </row>
    <row r="16" spans="1:4" ht="18" customHeight="1" x14ac:dyDescent="0.2">
      <c r="A16" s="18" t="s">
        <v>67</v>
      </c>
      <c r="B16" s="15">
        <v>304</v>
      </c>
      <c r="C16" s="16">
        <v>289</v>
      </c>
      <c r="D16" s="17">
        <v>593</v>
      </c>
    </row>
    <row r="17" spans="1:4" ht="18" customHeight="1" x14ac:dyDescent="0.2">
      <c r="A17" s="14">
        <v>10</v>
      </c>
      <c r="B17" s="15">
        <v>52</v>
      </c>
      <c r="C17" s="16">
        <v>71</v>
      </c>
      <c r="D17" s="17">
        <v>123</v>
      </c>
    </row>
    <row r="18" spans="1:4" ht="18" customHeight="1" x14ac:dyDescent="0.2">
      <c r="A18" s="14">
        <v>11</v>
      </c>
      <c r="B18" s="15">
        <v>61</v>
      </c>
      <c r="C18" s="16">
        <v>59</v>
      </c>
      <c r="D18" s="17">
        <v>120</v>
      </c>
    </row>
    <row r="19" spans="1:4" ht="18" customHeight="1" x14ac:dyDescent="0.2">
      <c r="A19" s="14">
        <v>12</v>
      </c>
      <c r="B19" s="15">
        <v>56</v>
      </c>
      <c r="C19" s="16">
        <v>63</v>
      </c>
      <c r="D19" s="17">
        <v>119</v>
      </c>
    </row>
    <row r="20" spans="1:4" ht="18" customHeight="1" x14ac:dyDescent="0.2">
      <c r="A20" s="14">
        <v>13</v>
      </c>
      <c r="B20" s="15">
        <v>63</v>
      </c>
      <c r="C20" s="16">
        <v>48</v>
      </c>
      <c r="D20" s="17">
        <v>111</v>
      </c>
    </row>
    <row r="21" spans="1:4" ht="18" customHeight="1" x14ac:dyDescent="0.2">
      <c r="A21" s="14">
        <v>14</v>
      </c>
      <c r="B21" s="15">
        <v>67</v>
      </c>
      <c r="C21" s="16">
        <v>57</v>
      </c>
      <c r="D21" s="17">
        <v>124</v>
      </c>
    </row>
    <row r="22" spans="1:4" ht="18" customHeight="1" x14ac:dyDescent="0.2">
      <c r="A22" s="18" t="s">
        <v>68</v>
      </c>
      <c r="B22" s="15">
        <v>299</v>
      </c>
      <c r="C22" s="16">
        <v>298</v>
      </c>
      <c r="D22" s="17">
        <v>597</v>
      </c>
    </row>
    <row r="23" spans="1:4" ht="18" customHeight="1" x14ac:dyDescent="0.2">
      <c r="A23" s="18" t="s">
        <v>69</v>
      </c>
      <c r="B23" s="15">
        <v>894</v>
      </c>
      <c r="C23" s="16">
        <v>884</v>
      </c>
      <c r="D23" s="17">
        <v>1778</v>
      </c>
    </row>
    <row r="24" spans="1:4" ht="18" customHeight="1" x14ac:dyDescent="0.2">
      <c r="A24" s="14">
        <v>15</v>
      </c>
      <c r="B24" s="15">
        <v>93</v>
      </c>
      <c r="C24" s="16">
        <v>67</v>
      </c>
      <c r="D24" s="17">
        <v>160</v>
      </c>
    </row>
    <row r="25" spans="1:4" ht="18" customHeight="1" x14ac:dyDescent="0.2">
      <c r="A25" s="14">
        <v>16</v>
      </c>
      <c r="B25" s="15">
        <v>67</v>
      </c>
      <c r="C25" s="16">
        <v>44</v>
      </c>
      <c r="D25" s="17">
        <v>111</v>
      </c>
    </row>
    <row r="26" spans="1:4" ht="18" customHeight="1" x14ac:dyDescent="0.2">
      <c r="A26" s="14">
        <v>17</v>
      </c>
      <c r="B26" s="15">
        <v>87</v>
      </c>
      <c r="C26" s="16">
        <v>68</v>
      </c>
      <c r="D26" s="17">
        <v>155</v>
      </c>
    </row>
    <row r="27" spans="1:4" ht="18" customHeight="1" x14ac:dyDescent="0.2">
      <c r="A27" s="14">
        <v>18</v>
      </c>
      <c r="B27" s="15">
        <v>66</v>
      </c>
      <c r="C27" s="16">
        <v>49</v>
      </c>
      <c r="D27" s="17">
        <v>115</v>
      </c>
    </row>
    <row r="28" spans="1:4" ht="18" customHeight="1" x14ac:dyDescent="0.2">
      <c r="A28" s="14">
        <v>19</v>
      </c>
      <c r="B28" s="15">
        <v>68</v>
      </c>
      <c r="C28" s="16">
        <v>57</v>
      </c>
      <c r="D28" s="17">
        <v>125</v>
      </c>
    </row>
    <row r="29" spans="1:4" ht="18" customHeight="1" x14ac:dyDescent="0.2">
      <c r="A29" s="18" t="s">
        <v>70</v>
      </c>
      <c r="B29" s="15">
        <v>381</v>
      </c>
      <c r="C29" s="16">
        <v>285</v>
      </c>
      <c r="D29" s="17">
        <v>666</v>
      </c>
    </row>
    <row r="30" spans="1:4" ht="18" customHeight="1" x14ac:dyDescent="0.2">
      <c r="A30" s="14">
        <v>20</v>
      </c>
      <c r="B30" s="15">
        <v>68</v>
      </c>
      <c r="C30" s="16">
        <v>61</v>
      </c>
      <c r="D30" s="17">
        <v>129</v>
      </c>
    </row>
    <row r="31" spans="1:4" ht="18" customHeight="1" x14ac:dyDescent="0.2">
      <c r="A31" s="14">
        <v>21</v>
      </c>
      <c r="B31" s="15">
        <v>63</v>
      </c>
      <c r="C31" s="16">
        <v>61</v>
      </c>
      <c r="D31" s="17">
        <v>124</v>
      </c>
    </row>
    <row r="32" spans="1:4" ht="18" customHeight="1" x14ac:dyDescent="0.2">
      <c r="A32" s="14">
        <v>22</v>
      </c>
      <c r="B32" s="15">
        <v>62</v>
      </c>
      <c r="C32" s="16">
        <v>60</v>
      </c>
      <c r="D32" s="17">
        <v>122</v>
      </c>
    </row>
    <row r="33" spans="1:4" ht="18" customHeight="1" x14ac:dyDescent="0.2">
      <c r="A33" s="14">
        <v>23</v>
      </c>
      <c r="B33" s="15">
        <v>52</v>
      </c>
      <c r="C33" s="16">
        <v>60</v>
      </c>
      <c r="D33" s="17">
        <v>112</v>
      </c>
    </row>
    <row r="34" spans="1:4" ht="18" customHeight="1" x14ac:dyDescent="0.2">
      <c r="A34" s="14">
        <v>24</v>
      </c>
      <c r="B34" s="15">
        <v>70</v>
      </c>
      <c r="C34" s="16">
        <v>65</v>
      </c>
      <c r="D34" s="17">
        <v>135</v>
      </c>
    </row>
    <row r="35" spans="1:4" ht="18" customHeight="1" x14ac:dyDescent="0.2">
      <c r="A35" s="18" t="s">
        <v>71</v>
      </c>
      <c r="B35" s="15">
        <v>315</v>
      </c>
      <c r="C35" s="16">
        <v>307</v>
      </c>
      <c r="D35" s="17">
        <v>622</v>
      </c>
    </row>
    <row r="36" spans="1:4" ht="18" customHeight="1" x14ac:dyDescent="0.2">
      <c r="A36" s="14">
        <v>25</v>
      </c>
      <c r="B36" s="15">
        <v>60</v>
      </c>
      <c r="C36" s="16">
        <v>65</v>
      </c>
      <c r="D36" s="17">
        <v>125</v>
      </c>
    </row>
    <row r="37" spans="1:4" ht="18" customHeight="1" x14ac:dyDescent="0.2">
      <c r="A37" s="14">
        <v>26</v>
      </c>
      <c r="B37" s="15">
        <v>66</v>
      </c>
      <c r="C37" s="16">
        <v>73</v>
      </c>
      <c r="D37" s="17">
        <v>139</v>
      </c>
    </row>
    <row r="38" spans="1:4" ht="18" customHeight="1" x14ac:dyDescent="0.2">
      <c r="A38" s="14">
        <v>27</v>
      </c>
      <c r="B38" s="15">
        <v>72</v>
      </c>
      <c r="C38" s="16">
        <v>66</v>
      </c>
      <c r="D38" s="17">
        <v>138</v>
      </c>
    </row>
    <row r="39" spans="1:4" ht="18" customHeight="1" x14ac:dyDescent="0.2">
      <c r="A39" s="14">
        <v>28</v>
      </c>
      <c r="B39" s="15">
        <v>72</v>
      </c>
      <c r="C39" s="16">
        <v>68</v>
      </c>
      <c r="D39" s="17">
        <v>140</v>
      </c>
    </row>
    <row r="40" spans="1:4" ht="18" customHeight="1" x14ac:dyDescent="0.2">
      <c r="A40" s="14">
        <v>29</v>
      </c>
      <c r="B40" s="15">
        <v>67</v>
      </c>
      <c r="C40" s="16">
        <v>75</v>
      </c>
      <c r="D40" s="17">
        <v>142</v>
      </c>
    </row>
    <row r="41" spans="1:4" ht="18" customHeight="1" x14ac:dyDescent="0.2">
      <c r="A41" s="18" t="s">
        <v>72</v>
      </c>
      <c r="B41" s="15">
        <v>337</v>
      </c>
      <c r="C41" s="16">
        <v>347</v>
      </c>
      <c r="D41" s="17">
        <v>684</v>
      </c>
    </row>
    <row r="42" spans="1:4" ht="18" customHeight="1" x14ac:dyDescent="0.2">
      <c r="A42" s="14">
        <v>30</v>
      </c>
      <c r="B42" s="15">
        <v>73</v>
      </c>
      <c r="C42" s="16">
        <v>94</v>
      </c>
      <c r="D42" s="17">
        <v>167</v>
      </c>
    </row>
    <row r="43" spans="1:4" ht="18" customHeight="1" x14ac:dyDescent="0.2">
      <c r="A43" s="14">
        <v>31</v>
      </c>
      <c r="B43" s="15">
        <v>101</v>
      </c>
      <c r="C43" s="16">
        <v>64</v>
      </c>
      <c r="D43" s="17">
        <v>165</v>
      </c>
    </row>
    <row r="44" spans="1:4" ht="18" customHeight="1" x14ac:dyDescent="0.2">
      <c r="A44" s="14">
        <v>32</v>
      </c>
      <c r="B44" s="15">
        <v>98</v>
      </c>
      <c r="C44" s="16">
        <v>80</v>
      </c>
      <c r="D44" s="17">
        <v>178</v>
      </c>
    </row>
    <row r="45" spans="1:4" ht="18" customHeight="1" x14ac:dyDescent="0.2">
      <c r="A45" s="14">
        <v>33</v>
      </c>
      <c r="B45" s="15">
        <v>103</v>
      </c>
      <c r="C45" s="16">
        <v>100</v>
      </c>
      <c r="D45" s="17">
        <v>203</v>
      </c>
    </row>
    <row r="46" spans="1:4" ht="18" customHeight="1" x14ac:dyDescent="0.2">
      <c r="A46" s="14">
        <v>34</v>
      </c>
      <c r="B46" s="15">
        <v>104</v>
      </c>
      <c r="C46" s="16">
        <v>107</v>
      </c>
      <c r="D46" s="17">
        <v>211</v>
      </c>
    </row>
    <row r="47" spans="1:4" ht="18" customHeight="1" x14ac:dyDescent="0.2">
      <c r="A47" s="18" t="s">
        <v>73</v>
      </c>
      <c r="B47" s="15">
        <v>479</v>
      </c>
      <c r="C47" s="16">
        <v>445</v>
      </c>
      <c r="D47" s="17">
        <v>924</v>
      </c>
    </row>
    <row r="48" spans="1:4" ht="18" customHeight="1" x14ac:dyDescent="0.2">
      <c r="A48" s="14">
        <v>35</v>
      </c>
      <c r="B48" s="15">
        <v>115</v>
      </c>
      <c r="C48" s="16">
        <v>101</v>
      </c>
      <c r="D48" s="17">
        <v>216</v>
      </c>
    </row>
    <row r="49" spans="1:4" ht="18" customHeight="1" x14ac:dyDescent="0.2">
      <c r="A49" s="14">
        <v>36</v>
      </c>
      <c r="B49" s="15">
        <v>92</v>
      </c>
      <c r="C49" s="16">
        <v>96</v>
      </c>
      <c r="D49" s="17">
        <v>188</v>
      </c>
    </row>
    <row r="50" spans="1:4" ht="18" customHeight="1" x14ac:dyDescent="0.2">
      <c r="A50" s="14">
        <v>37</v>
      </c>
      <c r="B50" s="15">
        <v>112</v>
      </c>
      <c r="C50" s="16">
        <v>117</v>
      </c>
      <c r="D50" s="17">
        <v>229</v>
      </c>
    </row>
    <row r="51" spans="1:4" ht="18" customHeight="1" x14ac:dyDescent="0.2">
      <c r="A51" s="14">
        <v>38</v>
      </c>
      <c r="B51" s="15">
        <v>111</v>
      </c>
      <c r="C51" s="16">
        <v>107</v>
      </c>
      <c r="D51" s="17">
        <v>218</v>
      </c>
    </row>
    <row r="52" spans="1:4" ht="18" customHeight="1" x14ac:dyDescent="0.2">
      <c r="A52" s="14">
        <v>39</v>
      </c>
      <c r="B52" s="15">
        <v>89</v>
      </c>
      <c r="C52" s="16">
        <v>98</v>
      </c>
      <c r="D52" s="17">
        <v>187</v>
      </c>
    </row>
    <row r="53" spans="1:4" ht="18" customHeight="1" x14ac:dyDescent="0.2">
      <c r="A53" s="18" t="s">
        <v>74</v>
      </c>
      <c r="B53" s="15">
        <v>519</v>
      </c>
      <c r="C53" s="16">
        <v>519</v>
      </c>
      <c r="D53" s="17">
        <v>1038</v>
      </c>
    </row>
    <row r="54" spans="1:4" ht="18" customHeight="1" x14ac:dyDescent="0.2">
      <c r="A54" s="14">
        <v>40</v>
      </c>
      <c r="B54" s="15">
        <v>96</v>
      </c>
      <c r="C54" s="16">
        <v>81</v>
      </c>
      <c r="D54" s="17">
        <v>177</v>
      </c>
    </row>
    <row r="55" spans="1:4" ht="18" customHeight="1" x14ac:dyDescent="0.2">
      <c r="A55" s="14">
        <v>41</v>
      </c>
      <c r="B55" s="15">
        <v>95</v>
      </c>
      <c r="C55" s="16">
        <v>93</v>
      </c>
      <c r="D55" s="17">
        <v>188</v>
      </c>
    </row>
    <row r="56" spans="1:4" ht="18" customHeight="1" x14ac:dyDescent="0.2">
      <c r="A56" s="14">
        <v>42</v>
      </c>
      <c r="B56" s="15">
        <v>87</v>
      </c>
      <c r="C56" s="16">
        <v>82</v>
      </c>
      <c r="D56" s="17">
        <v>169</v>
      </c>
    </row>
    <row r="57" spans="1:4" ht="18" customHeight="1" x14ac:dyDescent="0.2">
      <c r="A57" s="14">
        <v>43</v>
      </c>
      <c r="B57" s="15">
        <v>69</v>
      </c>
      <c r="C57" s="16">
        <v>81</v>
      </c>
      <c r="D57" s="17">
        <v>150</v>
      </c>
    </row>
    <row r="58" spans="1:4" ht="18" customHeight="1" x14ac:dyDescent="0.2">
      <c r="A58" s="14">
        <v>44</v>
      </c>
      <c r="B58" s="15">
        <v>90</v>
      </c>
      <c r="C58" s="16">
        <v>92</v>
      </c>
      <c r="D58" s="17">
        <v>182</v>
      </c>
    </row>
    <row r="59" spans="1:4" ht="18" customHeight="1" x14ac:dyDescent="0.2">
      <c r="A59" s="18" t="s">
        <v>75</v>
      </c>
      <c r="B59" s="15">
        <v>437</v>
      </c>
      <c r="C59" s="16">
        <v>429</v>
      </c>
      <c r="D59" s="17">
        <v>866</v>
      </c>
    </row>
    <row r="60" spans="1:4" ht="18" customHeight="1" x14ac:dyDescent="0.2">
      <c r="A60" s="14">
        <v>45</v>
      </c>
      <c r="B60" s="15">
        <v>76</v>
      </c>
      <c r="C60" s="16">
        <v>90</v>
      </c>
      <c r="D60" s="17">
        <v>166</v>
      </c>
    </row>
    <row r="61" spans="1:4" ht="18" customHeight="1" x14ac:dyDescent="0.2">
      <c r="A61" s="14">
        <v>46</v>
      </c>
      <c r="B61" s="15">
        <v>83</v>
      </c>
      <c r="C61" s="16">
        <v>82</v>
      </c>
      <c r="D61" s="17">
        <v>165</v>
      </c>
    </row>
    <row r="62" spans="1:4" ht="18" customHeight="1" x14ac:dyDescent="0.2">
      <c r="A62" s="14">
        <v>47</v>
      </c>
      <c r="B62" s="15">
        <v>75</v>
      </c>
      <c r="C62" s="16">
        <v>65</v>
      </c>
      <c r="D62" s="17">
        <v>140</v>
      </c>
    </row>
    <row r="63" spans="1:4" ht="18" customHeight="1" x14ac:dyDescent="0.2">
      <c r="A63" s="14">
        <v>48</v>
      </c>
      <c r="B63" s="15">
        <v>66</v>
      </c>
      <c r="C63" s="16">
        <v>92</v>
      </c>
      <c r="D63" s="17">
        <v>158</v>
      </c>
    </row>
    <row r="64" spans="1:4" ht="18" customHeight="1" x14ac:dyDescent="0.2">
      <c r="A64" s="14">
        <v>49</v>
      </c>
      <c r="B64" s="15">
        <v>80</v>
      </c>
      <c r="C64" s="16">
        <v>93</v>
      </c>
      <c r="D64" s="17">
        <v>173</v>
      </c>
    </row>
    <row r="65" spans="1:4" ht="18" customHeight="1" x14ac:dyDescent="0.2">
      <c r="A65" s="18" t="s">
        <v>76</v>
      </c>
      <c r="B65" s="15">
        <v>380</v>
      </c>
      <c r="C65" s="16">
        <v>422</v>
      </c>
      <c r="D65" s="17">
        <v>802</v>
      </c>
    </row>
    <row r="66" spans="1:4" ht="18" customHeight="1" x14ac:dyDescent="0.2">
      <c r="A66" s="14">
        <v>50</v>
      </c>
      <c r="B66" s="15">
        <v>83</v>
      </c>
      <c r="C66" s="16">
        <v>84</v>
      </c>
      <c r="D66" s="17">
        <v>167</v>
      </c>
    </row>
    <row r="67" spans="1:4" ht="18" customHeight="1" x14ac:dyDescent="0.2">
      <c r="A67" s="14">
        <v>51</v>
      </c>
      <c r="B67" s="15">
        <v>61</v>
      </c>
      <c r="C67" s="16">
        <v>68</v>
      </c>
      <c r="D67" s="17">
        <v>129</v>
      </c>
    </row>
    <row r="68" spans="1:4" ht="18" customHeight="1" x14ac:dyDescent="0.2">
      <c r="A68" s="14">
        <v>52</v>
      </c>
      <c r="B68" s="15">
        <v>71</v>
      </c>
      <c r="C68" s="16">
        <v>65</v>
      </c>
      <c r="D68" s="17">
        <v>136</v>
      </c>
    </row>
    <row r="69" spans="1:4" ht="18" customHeight="1" x14ac:dyDescent="0.2">
      <c r="A69" s="14">
        <v>53</v>
      </c>
      <c r="B69" s="15">
        <v>82</v>
      </c>
      <c r="C69" s="16">
        <v>75</v>
      </c>
      <c r="D69" s="17">
        <v>157</v>
      </c>
    </row>
    <row r="70" spans="1:4" ht="18" customHeight="1" x14ac:dyDescent="0.2">
      <c r="A70" s="14">
        <v>54</v>
      </c>
      <c r="B70" s="15">
        <v>76</v>
      </c>
      <c r="C70" s="16">
        <v>78</v>
      </c>
      <c r="D70" s="17">
        <v>154</v>
      </c>
    </row>
    <row r="71" spans="1:4" ht="18" customHeight="1" x14ac:dyDescent="0.2">
      <c r="A71" s="18" t="s">
        <v>77</v>
      </c>
      <c r="B71" s="15">
        <v>373</v>
      </c>
      <c r="C71" s="16">
        <v>370</v>
      </c>
      <c r="D71" s="17">
        <v>743</v>
      </c>
    </row>
    <row r="72" spans="1:4" ht="18" customHeight="1" x14ac:dyDescent="0.2">
      <c r="A72" s="14">
        <v>55</v>
      </c>
      <c r="B72" s="15">
        <v>85</v>
      </c>
      <c r="C72" s="16">
        <v>81</v>
      </c>
      <c r="D72" s="17">
        <v>166</v>
      </c>
    </row>
    <row r="73" spans="1:4" ht="18" customHeight="1" x14ac:dyDescent="0.2">
      <c r="A73" s="14">
        <v>56</v>
      </c>
      <c r="B73" s="15">
        <v>90</v>
      </c>
      <c r="C73" s="16">
        <v>91</v>
      </c>
      <c r="D73" s="17">
        <v>181</v>
      </c>
    </row>
    <row r="74" spans="1:4" ht="18" customHeight="1" x14ac:dyDescent="0.2">
      <c r="A74" s="14">
        <v>57</v>
      </c>
      <c r="B74" s="15">
        <v>97</v>
      </c>
      <c r="C74" s="16">
        <v>83</v>
      </c>
      <c r="D74" s="17">
        <v>180</v>
      </c>
    </row>
    <row r="75" spans="1:4" ht="18" customHeight="1" x14ac:dyDescent="0.2">
      <c r="A75" s="14">
        <v>58</v>
      </c>
      <c r="B75" s="15">
        <v>74</v>
      </c>
      <c r="C75" s="16">
        <v>110</v>
      </c>
      <c r="D75" s="17">
        <v>184</v>
      </c>
    </row>
    <row r="76" spans="1:4" ht="18" customHeight="1" x14ac:dyDescent="0.2">
      <c r="A76" s="14">
        <v>59</v>
      </c>
      <c r="B76" s="15">
        <v>100</v>
      </c>
      <c r="C76" s="16">
        <v>104</v>
      </c>
      <c r="D76" s="17">
        <v>204</v>
      </c>
    </row>
    <row r="77" spans="1:4" ht="18" customHeight="1" x14ac:dyDescent="0.2">
      <c r="A77" s="18" t="s">
        <v>78</v>
      </c>
      <c r="B77" s="15">
        <v>446</v>
      </c>
      <c r="C77" s="16">
        <v>469</v>
      </c>
      <c r="D77" s="17">
        <v>915</v>
      </c>
    </row>
    <row r="78" spans="1:4" ht="18" customHeight="1" x14ac:dyDescent="0.2">
      <c r="A78" s="14">
        <v>60</v>
      </c>
      <c r="B78" s="15">
        <v>116</v>
      </c>
      <c r="C78" s="16">
        <v>131</v>
      </c>
      <c r="D78" s="17">
        <v>247</v>
      </c>
    </row>
    <row r="79" spans="1:4" ht="18" customHeight="1" x14ac:dyDescent="0.2">
      <c r="A79" s="14">
        <v>61</v>
      </c>
      <c r="B79" s="15">
        <v>128</v>
      </c>
      <c r="C79" s="16">
        <v>115</v>
      </c>
      <c r="D79" s="17">
        <v>243</v>
      </c>
    </row>
    <row r="80" spans="1:4" ht="18" customHeight="1" x14ac:dyDescent="0.2">
      <c r="A80" s="14">
        <v>62</v>
      </c>
      <c r="B80" s="15">
        <v>134</v>
      </c>
      <c r="C80" s="16">
        <v>123</v>
      </c>
      <c r="D80" s="17">
        <v>257</v>
      </c>
    </row>
    <row r="81" spans="1:4" ht="18" customHeight="1" x14ac:dyDescent="0.2">
      <c r="A81" s="14">
        <v>63</v>
      </c>
      <c r="B81" s="15">
        <v>68</v>
      </c>
      <c r="C81" s="16">
        <v>72</v>
      </c>
      <c r="D81" s="17">
        <v>140</v>
      </c>
    </row>
    <row r="82" spans="1:4" ht="18" customHeight="1" x14ac:dyDescent="0.2">
      <c r="A82" s="14">
        <v>64</v>
      </c>
      <c r="B82" s="15">
        <v>65</v>
      </c>
      <c r="C82" s="16">
        <v>80</v>
      </c>
      <c r="D82" s="17">
        <v>145</v>
      </c>
    </row>
    <row r="83" spans="1:4" ht="18" customHeight="1" x14ac:dyDescent="0.2">
      <c r="A83" s="18" t="s">
        <v>79</v>
      </c>
      <c r="B83" s="15">
        <v>511</v>
      </c>
      <c r="C83" s="16">
        <v>521</v>
      </c>
      <c r="D83" s="17">
        <v>1032</v>
      </c>
    </row>
    <row r="84" spans="1:4" ht="18" customHeight="1" x14ac:dyDescent="0.2">
      <c r="A84" s="18" t="s">
        <v>80</v>
      </c>
      <c r="B84" s="15">
        <v>4178</v>
      </c>
      <c r="C84" s="16">
        <v>4114</v>
      </c>
      <c r="D84" s="17">
        <v>8292</v>
      </c>
    </row>
    <row r="85" spans="1:4" ht="18" customHeight="1" x14ac:dyDescent="0.2">
      <c r="A85" s="14">
        <v>65</v>
      </c>
      <c r="B85" s="15">
        <v>101</v>
      </c>
      <c r="C85" s="16">
        <v>112</v>
      </c>
      <c r="D85" s="17">
        <v>213</v>
      </c>
    </row>
    <row r="86" spans="1:4" ht="18" customHeight="1" x14ac:dyDescent="0.2">
      <c r="A86" s="14">
        <v>66</v>
      </c>
      <c r="B86" s="15">
        <v>82</v>
      </c>
      <c r="C86" s="16">
        <v>101</v>
      </c>
      <c r="D86" s="17">
        <v>183</v>
      </c>
    </row>
    <row r="87" spans="1:4" ht="18" customHeight="1" x14ac:dyDescent="0.2">
      <c r="A87" s="14">
        <v>67</v>
      </c>
      <c r="B87" s="15">
        <v>81</v>
      </c>
      <c r="C87" s="16">
        <v>100</v>
      </c>
      <c r="D87" s="17">
        <v>181</v>
      </c>
    </row>
    <row r="88" spans="1:4" ht="18" customHeight="1" x14ac:dyDescent="0.2">
      <c r="A88" s="14">
        <v>68</v>
      </c>
      <c r="B88" s="15">
        <v>82</v>
      </c>
      <c r="C88" s="16">
        <v>96</v>
      </c>
      <c r="D88" s="17">
        <v>178</v>
      </c>
    </row>
    <row r="89" spans="1:4" ht="18" customHeight="1" x14ac:dyDescent="0.2">
      <c r="A89" s="14">
        <v>69</v>
      </c>
      <c r="B89" s="15">
        <v>83</v>
      </c>
      <c r="C89" s="16">
        <v>71</v>
      </c>
      <c r="D89" s="17">
        <v>154</v>
      </c>
    </row>
    <row r="90" spans="1:4" ht="18" customHeight="1" x14ac:dyDescent="0.2">
      <c r="A90" s="18" t="s">
        <v>81</v>
      </c>
      <c r="B90" s="15">
        <v>429</v>
      </c>
      <c r="C90" s="16">
        <v>480</v>
      </c>
      <c r="D90" s="17">
        <v>909</v>
      </c>
    </row>
    <row r="91" spans="1:4" ht="18" customHeight="1" x14ac:dyDescent="0.2">
      <c r="A91" s="14">
        <v>70</v>
      </c>
      <c r="B91" s="15">
        <v>64</v>
      </c>
      <c r="C91" s="16">
        <v>62</v>
      </c>
      <c r="D91" s="17">
        <v>126</v>
      </c>
    </row>
    <row r="92" spans="1:4" ht="18" customHeight="1" x14ac:dyDescent="0.2">
      <c r="A92" s="14">
        <v>71</v>
      </c>
      <c r="B92" s="15">
        <v>59</v>
      </c>
      <c r="C92" s="16">
        <v>63</v>
      </c>
      <c r="D92" s="17">
        <v>122</v>
      </c>
    </row>
    <row r="93" spans="1:4" ht="18" customHeight="1" x14ac:dyDescent="0.2">
      <c r="A93" s="14">
        <v>72</v>
      </c>
      <c r="B93" s="15">
        <v>71</v>
      </c>
      <c r="C93" s="16">
        <v>78</v>
      </c>
      <c r="D93" s="17">
        <v>149</v>
      </c>
    </row>
    <row r="94" spans="1:4" ht="18" customHeight="1" x14ac:dyDescent="0.2">
      <c r="A94" s="14">
        <v>73</v>
      </c>
      <c r="B94" s="15">
        <v>57</v>
      </c>
      <c r="C94" s="16">
        <v>83</v>
      </c>
      <c r="D94" s="17">
        <v>140</v>
      </c>
    </row>
    <row r="95" spans="1:4" ht="18" customHeight="1" x14ac:dyDescent="0.2">
      <c r="A95" s="14">
        <v>74</v>
      </c>
      <c r="B95" s="15">
        <v>63</v>
      </c>
      <c r="C95" s="16">
        <v>80</v>
      </c>
      <c r="D95" s="17">
        <v>143</v>
      </c>
    </row>
    <row r="96" spans="1:4" ht="18" customHeight="1" x14ac:dyDescent="0.2">
      <c r="A96" s="18" t="s">
        <v>82</v>
      </c>
      <c r="B96" s="15">
        <v>314</v>
      </c>
      <c r="C96" s="16">
        <v>366</v>
      </c>
      <c r="D96" s="17">
        <v>680</v>
      </c>
    </row>
    <row r="97" spans="1:4" ht="18" customHeight="1" x14ac:dyDescent="0.2">
      <c r="A97" s="14">
        <v>75</v>
      </c>
      <c r="B97" s="15">
        <v>54</v>
      </c>
      <c r="C97" s="16">
        <v>66</v>
      </c>
      <c r="D97" s="17">
        <v>120</v>
      </c>
    </row>
    <row r="98" spans="1:4" ht="18" customHeight="1" x14ac:dyDescent="0.2">
      <c r="A98" s="14">
        <v>76</v>
      </c>
      <c r="B98" s="15">
        <v>65</v>
      </c>
      <c r="C98" s="16">
        <v>78</v>
      </c>
      <c r="D98" s="17">
        <v>143</v>
      </c>
    </row>
    <row r="99" spans="1:4" ht="18" customHeight="1" x14ac:dyDescent="0.2">
      <c r="A99" s="14">
        <v>77</v>
      </c>
      <c r="B99" s="15">
        <v>57</v>
      </c>
      <c r="C99" s="16">
        <v>81</v>
      </c>
      <c r="D99" s="17">
        <v>138</v>
      </c>
    </row>
    <row r="100" spans="1:4" ht="18" customHeight="1" x14ac:dyDescent="0.2">
      <c r="A100" s="14">
        <v>78</v>
      </c>
      <c r="B100" s="15">
        <v>44</v>
      </c>
      <c r="C100" s="16">
        <v>66</v>
      </c>
      <c r="D100" s="17">
        <v>110</v>
      </c>
    </row>
    <row r="101" spans="1:4" ht="18" customHeight="1" x14ac:dyDescent="0.2">
      <c r="A101" s="14">
        <v>79</v>
      </c>
      <c r="B101" s="15">
        <v>47</v>
      </c>
      <c r="C101" s="16">
        <v>58</v>
      </c>
      <c r="D101" s="17">
        <v>105</v>
      </c>
    </row>
    <row r="102" spans="1:4" ht="18" customHeight="1" x14ac:dyDescent="0.2">
      <c r="A102" s="18" t="s">
        <v>83</v>
      </c>
      <c r="B102" s="15">
        <v>267</v>
      </c>
      <c r="C102" s="16">
        <v>349</v>
      </c>
      <c r="D102" s="17">
        <v>616</v>
      </c>
    </row>
    <row r="103" spans="1:4" ht="18" customHeight="1" x14ac:dyDescent="0.2">
      <c r="A103" s="14">
        <v>80</v>
      </c>
      <c r="B103" s="15">
        <v>37</v>
      </c>
      <c r="C103" s="16">
        <v>45</v>
      </c>
      <c r="D103" s="17">
        <v>82</v>
      </c>
    </row>
    <row r="104" spans="1:4" ht="18" customHeight="1" x14ac:dyDescent="0.2">
      <c r="A104" s="14">
        <v>81</v>
      </c>
      <c r="B104" s="15">
        <v>37</v>
      </c>
      <c r="C104" s="16">
        <v>51</v>
      </c>
      <c r="D104" s="17">
        <v>88</v>
      </c>
    </row>
    <row r="105" spans="1:4" ht="18" customHeight="1" x14ac:dyDescent="0.2">
      <c r="A105" s="14">
        <v>82</v>
      </c>
      <c r="B105" s="15">
        <v>38</v>
      </c>
      <c r="C105" s="16">
        <v>43</v>
      </c>
      <c r="D105" s="17">
        <v>81</v>
      </c>
    </row>
    <row r="106" spans="1:4" ht="18" customHeight="1" x14ac:dyDescent="0.2">
      <c r="A106" s="14">
        <v>83</v>
      </c>
      <c r="B106" s="15">
        <v>35</v>
      </c>
      <c r="C106" s="16">
        <v>48</v>
      </c>
      <c r="D106" s="17">
        <v>83</v>
      </c>
    </row>
    <row r="107" spans="1:4" ht="18" customHeight="1" x14ac:dyDescent="0.2">
      <c r="A107" s="14">
        <v>84</v>
      </c>
      <c r="B107" s="15">
        <v>23</v>
      </c>
      <c r="C107" s="16">
        <v>43</v>
      </c>
      <c r="D107" s="17">
        <v>66</v>
      </c>
    </row>
    <row r="108" spans="1:4" ht="18" customHeight="1" x14ac:dyDescent="0.2">
      <c r="A108" s="18" t="s">
        <v>84</v>
      </c>
      <c r="B108" s="15">
        <v>170</v>
      </c>
      <c r="C108" s="16">
        <v>230</v>
      </c>
      <c r="D108" s="17">
        <v>400</v>
      </c>
    </row>
    <row r="109" spans="1:4" ht="18" customHeight="1" x14ac:dyDescent="0.2">
      <c r="A109" s="14">
        <v>85</v>
      </c>
      <c r="B109" s="15">
        <v>17</v>
      </c>
      <c r="C109" s="16">
        <v>29</v>
      </c>
      <c r="D109" s="17">
        <v>46</v>
      </c>
    </row>
    <row r="110" spans="1:4" ht="18" customHeight="1" x14ac:dyDescent="0.2">
      <c r="A110" s="14">
        <v>86</v>
      </c>
      <c r="B110" s="15">
        <v>14</v>
      </c>
      <c r="C110" s="16">
        <v>26</v>
      </c>
      <c r="D110" s="17">
        <v>40</v>
      </c>
    </row>
    <row r="111" spans="1:4" ht="18" customHeight="1" x14ac:dyDescent="0.2">
      <c r="A111" s="14">
        <v>87</v>
      </c>
      <c r="B111" s="15">
        <v>9</v>
      </c>
      <c r="C111" s="16">
        <v>33</v>
      </c>
      <c r="D111" s="17">
        <v>42</v>
      </c>
    </row>
    <row r="112" spans="1:4" ht="18" customHeight="1" x14ac:dyDescent="0.2">
      <c r="A112" s="14">
        <v>88</v>
      </c>
      <c r="B112" s="15">
        <v>13</v>
      </c>
      <c r="C112" s="16">
        <v>17</v>
      </c>
      <c r="D112" s="17">
        <v>30</v>
      </c>
    </row>
    <row r="113" spans="1:4" ht="18" customHeight="1" x14ac:dyDescent="0.2">
      <c r="A113" s="14">
        <v>89</v>
      </c>
      <c r="B113" s="15">
        <v>8</v>
      </c>
      <c r="C113" s="16">
        <v>19</v>
      </c>
      <c r="D113" s="17">
        <v>27</v>
      </c>
    </row>
    <row r="114" spans="1:4" ht="18" customHeight="1" x14ac:dyDescent="0.2">
      <c r="A114" s="18" t="s">
        <v>85</v>
      </c>
      <c r="B114" s="15">
        <v>61</v>
      </c>
      <c r="C114" s="16">
        <v>124</v>
      </c>
      <c r="D114" s="17">
        <v>185</v>
      </c>
    </row>
    <row r="115" spans="1:4" ht="18" customHeight="1" x14ac:dyDescent="0.2">
      <c r="A115" s="14">
        <v>90</v>
      </c>
      <c r="B115" s="15">
        <v>3</v>
      </c>
      <c r="C115" s="16">
        <v>16</v>
      </c>
      <c r="D115" s="17">
        <v>19</v>
      </c>
    </row>
    <row r="116" spans="1:4" ht="18" customHeight="1" x14ac:dyDescent="0.2">
      <c r="A116" s="14">
        <v>91</v>
      </c>
      <c r="B116" s="15">
        <v>3</v>
      </c>
      <c r="C116" s="16">
        <v>13</v>
      </c>
      <c r="D116" s="17">
        <v>16</v>
      </c>
    </row>
    <row r="117" spans="1:4" ht="18" customHeight="1" x14ac:dyDescent="0.2">
      <c r="A117" s="14">
        <v>92</v>
      </c>
      <c r="B117" s="15">
        <v>3</v>
      </c>
      <c r="C117" s="16">
        <v>10</v>
      </c>
      <c r="D117" s="17">
        <v>13</v>
      </c>
    </row>
    <row r="118" spans="1:4" ht="18" customHeight="1" x14ac:dyDescent="0.2">
      <c r="A118" s="14">
        <v>93</v>
      </c>
      <c r="B118" s="15">
        <v>3</v>
      </c>
      <c r="C118" s="16">
        <v>8</v>
      </c>
      <c r="D118" s="17">
        <v>11</v>
      </c>
    </row>
    <row r="119" spans="1:4" ht="18" customHeight="1" x14ac:dyDescent="0.2">
      <c r="A119" s="14">
        <v>94</v>
      </c>
      <c r="B119" s="15">
        <v>6</v>
      </c>
      <c r="C119" s="16">
        <v>7</v>
      </c>
      <c r="D119" s="17">
        <v>13</v>
      </c>
    </row>
    <row r="120" spans="1:4" ht="18" customHeight="1" x14ac:dyDescent="0.2">
      <c r="A120" s="18" t="s">
        <v>86</v>
      </c>
      <c r="B120" s="15">
        <v>18</v>
      </c>
      <c r="C120" s="16">
        <v>54</v>
      </c>
      <c r="D120" s="17">
        <v>72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10</v>
      </c>
      <c r="D122" s="17">
        <v>11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87</v>
      </c>
      <c r="B126" s="15">
        <v>5</v>
      </c>
      <c r="C126" s="16">
        <v>22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1264</v>
      </c>
      <c r="C130" s="5">
        <v>1626</v>
      </c>
      <c r="D130" s="6">
        <v>2890</v>
      </c>
    </row>
    <row r="131" spans="1:4" ht="18" customHeight="1" x14ac:dyDescent="0.2">
      <c r="A131" s="20" t="s">
        <v>65</v>
      </c>
      <c r="B131" s="7">
        <v>6336</v>
      </c>
      <c r="C131" s="8">
        <v>6624</v>
      </c>
      <c r="D131" s="9">
        <v>1296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2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6</v>
      </c>
      <c r="C5" s="12">
        <v>35</v>
      </c>
      <c r="D5" s="13">
        <v>61</v>
      </c>
    </row>
    <row r="6" spans="1:4" ht="18" customHeight="1" x14ac:dyDescent="0.2">
      <c r="A6" s="14">
        <v>1</v>
      </c>
      <c r="B6" s="15">
        <v>26</v>
      </c>
      <c r="C6" s="16">
        <v>26</v>
      </c>
      <c r="D6" s="17">
        <v>52</v>
      </c>
    </row>
    <row r="7" spans="1:4" ht="18" customHeight="1" x14ac:dyDescent="0.2">
      <c r="A7" s="14">
        <v>2</v>
      </c>
      <c r="B7" s="15">
        <v>29</v>
      </c>
      <c r="C7" s="16">
        <v>30</v>
      </c>
      <c r="D7" s="17">
        <v>59</v>
      </c>
    </row>
    <row r="8" spans="1:4" ht="18" customHeight="1" x14ac:dyDescent="0.2">
      <c r="A8" s="14">
        <v>3</v>
      </c>
      <c r="B8" s="15">
        <v>41</v>
      </c>
      <c r="C8" s="16">
        <v>27</v>
      </c>
      <c r="D8" s="17">
        <v>68</v>
      </c>
    </row>
    <row r="9" spans="1:4" ht="18" customHeight="1" x14ac:dyDescent="0.2">
      <c r="A9" s="14">
        <v>4</v>
      </c>
      <c r="B9" s="15">
        <v>36</v>
      </c>
      <c r="C9" s="16">
        <v>33</v>
      </c>
      <c r="D9" s="17">
        <v>69</v>
      </c>
    </row>
    <row r="10" spans="1:4" ht="18" customHeight="1" x14ac:dyDescent="0.2">
      <c r="A10" s="18" t="s">
        <v>66</v>
      </c>
      <c r="B10" s="15">
        <v>158</v>
      </c>
      <c r="C10" s="16">
        <v>151</v>
      </c>
      <c r="D10" s="17">
        <v>309</v>
      </c>
    </row>
    <row r="11" spans="1:4" ht="18" customHeight="1" x14ac:dyDescent="0.2">
      <c r="A11" s="14">
        <v>5</v>
      </c>
      <c r="B11" s="15">
        <v>34</v>
      </c>
      <c r="C11" s="16">
        <v>39</v>
      </c>
      <c r="D11" s="17">
        <v>73</v>
      </c>
    </row>
    <row r="12" spans="1:4" ht="18" customHeight="1" x14ac:dyDescent="0.2">
      <c r="A12" s="14">
        <v>6</v>
      </c>
      <c r="B12" s="15">
        <v>33</v>
      </c>
      <c r="C12" s="16">
        <v>40</v>
      </c>
      <c r="D12" s="17">
        <v>73</v>
      </c>
    </row>
    <row r="13" spans="1:4" ht="18" customHeight="1" x14ac:dyDescent="0.2">
      <c r="A13" s="14">
        <v>7</v>
      </c>
      <c r="B13" s="15">
        <v>29</v>
      </c>
      <c r="C13" s="16">
        <v>26</v>
      </c>
      <c r="D13" s="17">
        <v>55</v>
      </c>
    </row>
    <row r="14" spans="1:4" ht="18" customHeight="1" x14ac:dyDescent="0.2">
      <c r="A14" s="14">
        <v>8</v>
      </c>
      <c r="B14" s="15">
        <v>33</v>
      </c>
      <c r="C14" s="16">
        <v>45</v>
      </c>
      <c r="D14" s="17">
        <v>78</v>
      </c>
    </row>
    <row r="15" spans="1:4" ht="18" customHeight="1" x14ac:dyDescent="0.2">
      <c r="A15" s="14">
        <v>9</v>
      </c>
      <c r="B15" s="15">
        <v>40</v>
      </c>
      <c r="C15" s="16">
        <v>38</v>
      </c>
      <c r="D15" s="17">
        <v>78</v>
      </c>
    </row>
    <row r="16" spans="1:4" ht="18" customHeight="1" x14ac:dyDescent="0.2">
      <c r="A16" s="18" t="s">
        <v>67</v>
      </c>
      <c r="B16" s="15">
        <v>169</v>
      </c>
      <c r="C16" s="16">
        <v>188</v>
      </c>
      <c r="D16" s="17">
        <v>357</v>
      </c>
    </row>
    <row r="17" spans="1:4" ht="18" customHeight="1" x14ac:dyDescent="0.2">
      <c r="A17" s="14">
        <v>10</v>
      </c>
      <c r="B17" s="15">
        <v>39</v>
      </c>
      <c r="C17" s="16">
        <v>32</v>
      </c>
      <c r="D17" s="17">
        <v>71</v>
      </c>
    </row>
    <row r="18" spans="1:4" ht="18" customHeight="1" x14ac:dyDescent="0.2">
      <c r="A18" s="14">
        <v>11</v>
      </c>
      <c r="B18" s="15">
        <v>37</v>
      </c>
      <c r="C18" s="16">
        <v>34</v>
      </c>
      <c r="D18" s="17">
        <v>71</v>
      </c>
    </row>
    <row r="19" spans="1:4" ht="18" customHeight="1" x14ac:dyDescent="0.2">
      <c r="A19" s="14">
        <v>12</v>
      </c>
      <c r="B19" s="15">
        <v>43</v>
      </c>
      <c r="C19" s="16">
        <v>40</v>
      </c>
      <c r="D19" s="17">
        <v>83</v>
      </c>
    </row>
    <row r="20" spans="1:4" ht="18" customHeight="1" x14ac:dyDescent="0.2">
      <c r="A20" s="14">
        <v>13</v>
      </c>
      <c r="B20" s="15">
        <v>39</v>
      </c>
      <c r="C20" s="16">
        <v>30</v>
      </c>
      <c r="D20" s="17">
        <v>69</v>
      </c>
    </row>
    <row r="21" spans="1:4" ht="18" customHeight="1" x14ac:dyDescent="0.2">
      <c r="A21" s="14">
        <v>14</v>
      </c>
      <c r="B21" s="15">
        <v>27</v>
      </c>
      <c r="C21" s="16">
        <v>39</v>
      </c>
      <c r="D21" s="17">
        <v>66</v>
      </c>
    </row>
    <row r="22" spans="1:4" ht="18" customHeight="1" x14ac:dyDescent="0.2">
      <c r="A22" s="18" t="s">
        <v>68</v>
      </c>
      <c r="B22" s="15">
        <v>185</v>
      </c>
      <c r="C22" s="16">
        <v>175</v>
      </c>
      <c r="D22" s="17">
        <v>360</v>
      </c>
    </row>
    <row r="23" spans="1:4" ht="18" customHeight="1" x14ac:dyDescent="0.2">
      <c r="A23" s="18" t="s">
        <v>69</v>
      </c>
      <c r="B23" s="15">
        <v>512</v>
      </c>
      <c r="C23" s="16">
        <v>514</v>
      </c>
      <c r="D23" s="17">
        <v>1026</v>
      </c>
    </row>
    <row r="24" spans="1:4" ht="18" customHeight="1" x14ac:dyDescent="0.2">
      <c r="A24" s="14">
        <v>15</v>
      </c>
      <c r="B24" s="15">
        <v>39</v>
      </c>
      <c r="C24" s="16">
        <v>43</v>
      </c>
      <c r="D24" s="17">
        <v>82</v>
      </c>
    </row>
    <row r="25" spans="1:4" ht="18" customHeight="1" x14ac:dyDescent="0.2">
      <c r="A25" s="14">
        <v>16</v>
      </c>
      <c r="B25" s="15">
        <v>42</v>
      </c>
      <c r="C25" s="16">
        <v>44</v>
      </c>
      <c r="D25" s="17">
        <v>86</v>
      </c>
    </row>
    <row r="26" spans="1:4" ht="18" customHeight="1" x14ac:dyDescent="0.2">
      <c r="A26" s="14">
        <v>17</v>
      </c>
      <c r="B26" s="15">
        <v>44</v>
      </c>
      <c r="C26" s="16">
        <v>50</v>
      </c>
      <c r="D26" s="17">
        <v>94</v>
      </c>
    </row>
    <row r="27" spans="1:4" ht="18" customHeight="1" x14ac:dyDescent="0.2">
      <c r="A27" s="14">
        <v>18</v>
      </c>
      <c r="B27" s="15">
        <v>39</v>
      </c>
      <c r="C27" s="16">
        <v>40</v>
      </c>
      <c r="D27" s="17">
        <v>79</v>
      </c>
    </row>
    <row r="28" spans="1:4" ht="18" customHeight="1" x14ac:dyDescent="0.2">
      <c r="A28" s="14">
        <v>19</v>
      </c>
      <c r="B28" s="15">
        <v>40</v>
      </c>
      <c r="C28" s="16">
        <v>37</v>
      </c>
      <c r="D28" s="17">
        <v>77</v>
      </c>
    </row>
    <row r="29" spans="1:4" ht="18" customHeight="1" x14ac:dyDescent="0.2">
      <c r="A29" s="18" t="s">
        <v>70</v>
      </c>
      <c r="B29" s="15">
        <v>204</v>
      </c>
      <c r="C29" s="16">
        <v>214</v>
      </c>
      <c r="D29" s="17">
        <v>418</v>
      </c>
    </row>
    <row r="30" spans="1:4" ht="18" customHeight="1" x14ac:dyDescent="0.2">
      <c r="A30" s="14">
        <v>20</v>
      </c>
      <c r="B30" s="15">
        <v>38</v>
      </c>
      <c r="C30" s="16">
        <v>34</v>
      </c>
      <c r="D30" s="17">
        <v>72</v>
      </c>
    </row>
    <row r="31" spans="1:4" ht="18" customHeight="1" x14ac:dyDescent="0.2">
      <c r="A31" s="14">
        <v>21</v>
      </c>
      <c r="B31" s="15">
        <v>40</v>
      </c>
      <c r="C31" s="16">
        <v>32</v>
      </c>
      <c r="D31" s="17">
        <v>72</v>
      </c>
    </row>
    <row r="32" spans="1:4" ht="18" customHeight="1" x14ac:dyDescent="0.2">
      <c r="A32" s="14">
        <v>22</v>
      </c>
      <c r="B32" s="15">
        <v>51</v>
      </c>
      <c r="C32" s="16">
        <v>31</v>
      </c>
      <c r="D32" s="17">
        <v>82</v>
      </c>
    </row>
    <row r="33" spans="1:4" ht="18" customHeight="1" x14ac:dyDescent="0.2">
      <c r="A33" s="14">
        <v>23</v>
      </c>
      <c r="B33" s="15">
        <v>46</v>
      </c>
      <c r="C33" s="16">
        <v>34</v>
      </c>
      <c r="D33" s="17">
        <v>80</v>
      </c>
    </row>
    <row r="34" spans="1:4" ht="18" customHeight="1" x14ac:dyDescent="0.2">
      <c r="A34" s="14">
        <v>24</v>
      </c>
      <c r="B34" s="15">
        <v>45</v>
      </c>
      <c r="C34" s="16">
        <v>45</v>
      </c>
      <c r="D34" s="17">
        <v>90</v>
      </c>
    </row>
    <row r="35" spans="1:4" ht="18" customHeight="1" x14ac:dyDescent="0.2">
      <c r="A35" s="18" t="s">
        <v>71</v>
      </c>
      <c r="B35" s="15">
        <v>220</v>
      </c>
      <c r="C35" s="16">
        <v>176</v>
      </c>
      <c r="D35" s="17">
        <v>396</v>
      </c>
    </row>
    <row r="36" spans="1:4" ht="18" customHeight="1" x14ac:dyDescent="0.2">
      <c r="A36" s="14">
        <v>25</v>
      </c>
      <c r="B36" s="15">
        <v>51</v>
      </c>
      <c r="C36" s="16">
        <v>41</v>
      </c>
      <c r="D36" s="17">
        <v>92</v>
      </c>
    </row>
    <row r="37" spans="1:4" ht="18" customHeight="1" x14ac:dyDescent="0.2">
      <c r="A37" s="14">
        <v>26</v>
      </c>
      <c r="B37" s="15">
        <v>48</v>
      </c>
      <c r="C37" s="16">
        <v>37</v>
      </c>
      <c r="D37" s="17">
        <v>85</v>
      </c>
    </row>
    <row r="38" spans="1:4" ht="18" customHeight="1" x14ac:dyDescent="0.2">
      <c r="A38" s="14">
        <v>27</v>
      </c>
      <c r="B38" s="15">
        <v>49</v>
      </c>
      <c r="C38" s="16">
        <v>45</v>
      </c>
      <c r="D38" s="17">
        <v>94</v>
      </c>
    </row>
    <row r="39" spans="1:4" ht="18" customHeight="1" x14ac:dyDescent="0.2">
      <c r="A39" s="14">
        <v>28</v>
      </c>
      <c r="B39" s="15">
        <v>36</v>
      </c>
      <c r="C39" s="16">
        <v>48</v>
      </c>
      <c r="D39" s="17">
        <v>84</v>
      </c>
    </row>
    <row r="40" spans="1:4" ht="18" customHeight="1" x14ac:dyDescent="0.2">
      <c r="A40" s="14">
        <v>29</v>
      </c>
      <c r="B40" s="15">
        <v>50</v>
      </c>
      <c r="C40" s="16">
        <v>49</v>
      </c>
      <c r="D40" s="17">
        <v>99</v>
      </c>
    </row>
    <row r="41" spans="1:4" ht="18" customHeight="1" x14ac:dyDescent="0.2">
      <c r="A41" s="18" t="s">
        <v>72</v>
      </c>
      <c r="B41" s="15">
        <v>234</v>
      </c>
      <c r="C41" s="16">
        <v>220</v>
      </c>
      <c r="D41" s="17">
        <v>454</v>
      </c>
    </row>
    <row r="42" spans="1:4" ht="18" customHeight="1" x14ac:dyDescent="0.2">
      <c r="A42" s="14">
        <v>30</v>
      </c>
      <c r="B42" s="15">
        <v>53</v>
      </c>
      <c r="C42" s="16">
        <v>50</v>
      </c>
      <c r="D42" s="17">
        <v>103</v>
      </c>
    </row>
    <row r="43" spans="1:4" ht="18" customHeight="1" x14ac:dyDescent="0.2">
      <c r="A43" s="14">
        <v>31</v>
      </c>
      <c r="B43" s="15">
        <v>49</v>
      </c>
      <c r="C43" s="16">
        <v>47</v>
      </c>
      <c r="D43" s="17">
        <v>96</v>
      </c>
    </row>
    <row r="44" spans="1:4" ht="18" customHeight="1" x14ac:dyDescent="0.2">
      <c r="A44" s="14">
        <v>32</v>
      </c>
      <c r="B44" s="15">
        <v>64</v>
      </c>
      <c r="C44" s="16">
        <v>52</v>
      </c>
      <c r="D44" s="17">
        <v>116</v>
      </c>
    </row>
    <row r="45" spans="1:4" ht="18" customHeight="1" x14ac:dyDescent="0.2">
      <c r="A45" s="14">
        <v>33</v>
      </c>
      <c r="B45" s="15">
        <v>46</v>
      </c>
      <c r="C45" s="16">
        <v>45</v>
      </c>
      <c r="D45" s="17">
        <v>91</v>
      </c>
    </row>
    <row r="46" spans="1:4" ht="18" customHeight="1" x14ac:dyDescent="0.2">
      <c r="A46" s="14">
        <v>34</v>
      </c>
      <c r="B46" s="15">
        <v>58</v>
      </c>
      <c r="C46" s="16">
        <v>70</v>
      </c>
      <c r="D46" s="17">
        <v>128</v>
      </c>
    </row>
    <row r="47" spans="1:4" ht="18" customHeight="1" x14ac:dyDescent="0.2">
      <c r="A47" s="18" t="s">
        <v>73</v>
      </c>
      <c r="B47" s="15">
        <v>270</v>
      </c>
      <c r="C47" s="16">
        <v>264</v>
      </c>
      <c r="D47" s="17">
        <v>534</v>
      </c>
    </row>
    <row r="48" spans="1:4" ht="18" customHeight="1" x14ac:dyDescent="0.2">
      <c r="A48" s="14">
        <v>35</v>
      </c>
      <c r="B48" s="15">
        <v>65</v>
      </c>
      <c r="C48" s="16">
        <v>62</v>
      </c>
      <c r="D48" s="17">
        <v>127</v>
      </c>
    </row>
    <row r="49" spans="1:4" ht="18" customHeight="1" x14ac:dyDescent="0.2">
      <c r="A49" s="14">
        <v>36</v>
      </c>
      <c r="B49" s="15">
        <v>85</v>
      </c>
      <c r="C49" s="16">
        <v>71</v>
      </c>
      <c r="D49" s="17">
        <v>156</v>
      </c>
    </row>
    <row r="50" spans="1:4" ht="18" customHeight="1" x14ac:dyDescent="0.2">
      <c r="A50" s="14">
        <v>37</v>
      </c>
      <c r="B50" s="15">
        <v>60</v>
      </c>
      <c r="C50" s="16">
        <v>59</v>
      </c>
      <c r="D50" s="17">
        <v>119</v>
      </c>
    </row>
    <row r="51" spans="1:4" ht="18" customHeight="1" x14ac:dyDescent="0.2">
      <c r="A51" s="14">
        <v>38</v>
      </c>
      <c r="B51" s="15">
        <v>62</v>
      </c>
      <c r="C51" s="16">
        <v>61</v>
      </c>
      <c r="D51" s="17">
        <v>123</v>
      </c>
    </row>
    <row r="52" spans="1:4" ht="18" customHeight="1" x14ac:dyDescent="0.2">
      <c r="A52" s="14">
        <v>39</v>
      </c>
      <c r="B52" s="15">
        <v>70</v>
      </c>
      <c r="C52" s="16">
        <v>55</v>
      </c>
      <c r="D52" s="17">
        <v>125</v>
      </c>
    </row>
    <row r="53" spans="1:4" ht="18" customHeight="1" x14ac:dyDescent="0.2">
      <c r="A53" s="18" t="s">
        <v>74</v>
      </c>
      <c r="B53" s="15">
        <v>342</v>
      </c>
      <c r="C53" s="16">
        <v>308</v>
      </c>
      <c r="D53" s="17">
        <v>650</v>
      </c>
    </row>
    <row r="54" spans="1:4" ht="18" customHeight="1" x14ac:dyDescent="0.2">
      <c r="A54" s="14">
        <v>40</v>
      </c>
      <c r="B54" s="15">
        <v>73</v>
      </c>
      <c r="C54" s="16">
        <v>46</v>
      </c>
      <c r="D54" s="17">
        <v>119</v>
      </c>
    </row>
    <row r="55" spans="1:4" ht="18" customHeight="1" x14ac:dyDescent="0.2">
      <c r="A55" s="14">
        <v>41</v>
      </c>
      <c r="B55" s="15">
        <v>63</v>
      </c>
      <c r="C55" s="16">
        <v>49</v>
      </c>
      <c r="D55" s="17">
        <v>112</v>
      </c>
    </row>
    <row r="56" spans="1:4" ht="18" customHeight="1" x14ac:dyDescent="0.2">
      <c r="A56" s="14">
        <v>42</v>
      </c>
      <c r="B56" s="15">
        <v>59</v>
      </c>
      <c r="C56" s="16">
        <v>56</v>
      </c>
      <c r="D56" s="17">
        <v>115</v>
      </c>
    </row>
    <row r="57" spans="1:4" ht="18" customHeight="1" x14ac:dyDescent="0.2">
      <c r="A57" s="14">
        <v>43</v>
      </c>
      <c r="B57" s="15">
        <v>44</v>
      </c>
      <c r="C57" s="16">
        <v>49</v>
      </c>
      <c r="D57" s="17">
        <v>93</v>
      </c>
    </row>
    <row r="58" spans="1:4" ht="18" customHeight="1" x14ac:dyDescent="0.2">
      <c r="A58" s="14">
        <v>44</v>
      </c>
      <c r="B58" s="15">
        <v>67</v>
      </c>
      <c r="C58" s="16">
        <v>60</v>
      </c>
      <c r="D58" s="17">
        <v>127</v>
      </c>
    </row>
    <row r="59" spans="1:4" ht="18" customHeight="1" x14ac:dyDescent="0.2">
      <c r="A59" s="18" t="s">
        <v>75</v>
      </c>
      <c r="B59" s="15">
        <v>306</v>
      </c>
      <c r="C59" s="16">
        <v>260</v>
      </c>
      <c r="D59" s="17">
        <v>566</v>
      </c>
    </row>
    <row r="60" spans="1:4" ht="18" customHeight="1" x14ac:dyDescent="0.2">
      <c r="A60" s="14">
        <v>45</v>
      </c>
      <c r="B60" s="15">
        <v>52</v>
      </c>
      <c r="C60" s="16">
        <v>39</v>
      </c>
      <c r="D60" s="17">
        <v>91</v>
      </c>
    </row>
    <row r="61" spans="1:4" ht="18" customHeight="1" x14ac:dyDescent="0.2">
      <c r="A61" s="14">
        <v>46</v>
      </c>
      <c r="B61" s="15">
        <v>60</v>
      </c>
      <c r="C61" s="16">
        <v>60</v>
      </c>
      <c r="D61" s="17">
        <v>120</v>
      </c>
    </row>
    <row r="62" spans="1:4" ht="18" customHeight="1" x14ac:dyDescent="0.2">
      <c r="A62" s="14">
        <v>47</v>
      </c>
      <c r="B62" s="15">
        <v>39</v>
      </c>
      <c r="C62" s="16">
        <v>47</v>
      </c>
      <c r="D62" s="17">
        <v>86</v>
      </c>
    </row>
    <row r="63" spans="1:4" ht="18" customHeight="1" x14ac:dyDescent="0.2">
      <c r="A63" s="14">
        <v>48</v>
      </c>
      <c r="B63" s="15">
        <v>56</v>
      </c>
      <c r="C63" s="16">
        <v>54</v>
      </c>
      <c r="D63" s="17">
        <v>110</v>
      </c>
    </row>
    <row r="64" spans="1:4" ht="18" customHeight="1" x14ac:dyDescent="0.2">
      <c r="A64" s="14">
        <v>49</v>
      </c>
      <c r="B64" s="15">
        <v>48</v>
      </c>
      <c r="C64" s="16">
        <v>57</v>
      </c>
      <c r="D64" s="17">
        <v>105</v>
      </c>
    </row>
    <row r="65" spans="1:4" ht="18" customHeight="1" x14ac:dyDescent="0.2">
      <c r="A65" s="18" t="s">
        <v>76</v>
      </c>
      <c r="B65" s="15">
        <v>255</v>
      </c>
      <c r="C65" s="16">
        <v>257</v>
      </c>
      <c r="D65" s="17">
        <v>512</v>
      </c>
    </row>
    <row r="66" spans="1:4" ht="18" customHeight="1" x14ac:dyDescent="0.2">
      <c r="A66" s="14">
        <v>50</v>
      </c>
      <c r="B66" s="15">
        <v>72</v>
      </c>
      <c r="C66" s="16">
        <v>52</v>
      </c>
      <c r="D66" s="17">
        <v>124</v>
      </c>
    </row>
    <row r="67" spans="1:4" ht="18" customHeight="1" x14ac:dyDescent="0.2">
      <c r="A67" s="14">
        <v>51</v>
      </c>
      <c r="B67" s="15">
        <v>53</v>
      </c>
      <c r="C67" s="16">
        <v>46</v>
      </c>
      <c r="D67" s="17">
        <v>99</v>
      </c>
    </row>
    <row r="68" spans="1:4" ht="18" customHeight="1" x14ac:dyDescent="0.2">
      <c r="A68" s="14">
        <v>52</v>
      </c>
      <c r="B68" s="15">
        <v>51</v>
      </c>
      <c r="C68" s="16">
        <v>43</v>
      </c>
      <c r="D68" s="17">
        <v>94</v>
      </c>
    </row>
    <row r="69" spans="1:4" ht="18" customHeight="1" x14ac:dyDescent="0.2">
      <c r="A69" s="14">
        <v>53</v>
      </c>
      <c r="B69" s="15">
        <v>56</v>
      </c>
      <c r="C69" s="16">
        <v>54</v>
      </c>
      <c r="D69" s="17">
        <v>110</v>
      </c>
    </row>
    <row r="70" spans="1:4" ht="18" customHeight="1" x14ac:dyDescent="0.2">
      <c r="A70" s="14">
        <v>54</v>
      </c>
      <c r="B70" s="15">
        <v>54</v>
      </c>
      <c r="C70" s="16">
        <v>64</v>
      </c>
      <c r="D70" s="17">
        <v>118</v>
      </c>
    </row>
    <row r="71" spans="1:4" ht="18" customHeight="1" x14ac:dyDescent="0.2">
      <c r="A71" s="18" t="s">
        <v>77</v>
      </c>
      <c r="B71" s="15">
        <v>286</v>
      </c>
      <c r="C71" s="16">
        <v>259</v>
      </c>
      <c r="D71" s="17">
        <v>545</v>
      </c>
    </row>
    <row r="72" spans="1:4" ht="18" customHeight="1" x14ac:dyDescent="0.2">
      <c r="A72" s="14">
        <v>55</v>
      </c>
      <c r="B72" s="15">
        <v>54</v>
      </c>
      <c r="C72" s="16">
        <v>53</v>
      </c>
      <c r="D72" s="17">
        <v>107</v>
      </c>
    </row>
    <row r="73" spans="1:4" ht="18" customHeight="1" x14ac:dyDescent="0.2">
      <c r="A73" s="14">
        <v>56</v>
      </c>
      <c r="B73" s="15">
        <v>69</v>
      </c>
      <c r="C73" s="16">
        <v>51</v>
      </c>
      <c r="D73" s="17">
        <v>120</v>
      </c>
    </row>
    <row r="74" spans="1:4" ht="18" customHeight="1" x14ac:dyDescent="0.2">
      <c r="A74" s="14">
        <v>57</v>
      </c>
      <c r="B74" s="15">
        <v>53</v>
      </c>
      <c r="C74" s="16">
        <v>56</v>
      </c>
      <c r="D74" s="17">
        <v>109</v>
      </c>
    </row>
    <row r="75" spans="1:4" ht="18" customHeight="1" x14ac:dyDescent="0.2">
      <c r="A75" s="14">
        <v>58</v>
      </c>
      <c r="B75" s="15">
        <v>65</v>
      </c>
      <c r="C75" s="16">
        <v>72</v>
      </c>
      <c r="D75" s="17">
        <v>137</v>
      </c>
    </row>
    <row r="76" spans="1:4" ht="18" customHeight="1" x14ac:dyDescent="0.2">
      <c r="A76" s="14">
        <v>59</v>
      </c>
      <c r="B76" s="15">
        <v>67</v>
      </c>
      <c r="C76" s="16">
        <v>83</v>
      </c>
      <c r="D76" s="17">
        <v>150</v>
      </c>
    </row>
    <row r="77" spans="1:4" ht="18" customHeight="1" x14ac:dyDescent="0.2">
      <c r="A77" s="18" t="s">
        <v>78</v>
      </c>
      <c r="B77" s="15">
        <v>308</v>
      </c>
      <c r="C77" s="16">
        <v>315</v>
      </c>
      <c r="D77" s="17">
        <v>623</v>
      </c>
    </row>
    <row r="78" spans="1:4" ht="18" customHeight="1" x14ac:dyDescent="0.2">
      <c r="A78" s="14">
        <v>60</v>
      </c>
      <c r="B78" s="15">
        <v>62</v>
      </c>
      <c r="C78" s="16">
        <v>84</v>
      </c>
      <c r="D78" s="17">
        <v>146</v>
      </c>
    </row>
    <row r="79" spans="1:4" ht="18" customHeight="1" x14ac:dyDescent="0.2">
      <c r="A79" s="14">
        <v>61</v>
      </c>
      <c r="B79" s="15">
        <v>86</v>
      </c>
      <c r="C79" s="16">
        <v>83</v>
      </c>
      <c r="D79" s="17">
        <v>169</v>
      </c>
    </row>
    <row r="80" spans="1:4" ht="18" customHeight="1" x14ac:dyDescent="0.2">
      <c r="A80" s="14">
        <v>62</v>
      </c>
      <c r="B80" s="15">
        <v>88</v>
      </c>
      <c r="C80" s="16">
        <v>102</v>
      </c>
      <c r="D80" s="17">
        <v>190</v>
      </c>
    </row>
    <row r="81" spans="1:4" ht="18" customHeight="1" x14ac:dyDescent="0.2">
      <c r="A81" s="14">
        <v>63</v>
      </c>
      <c r="B81" s="15">
        <v>55</v>
      </c>
      <c r="C81" s="16">
        <v>52</v>
      </c>
      <c r="D81" s="17">
        <v>107</v>
      </c>
    </row>
    <row r="82" spans="1:4" ht="18" customHeight="1" x14ac:dyDescent="0.2">
      <c r="A82" s="14">
        <v>64</v>
      </c>
      <c r="B82" s="15">
        <v>58</v>
      </c>
      <c r="C82" s="16">
        <v>44</v>
      </c>
      <c r="D82" s="17">
        <v>102</v>
      </c>
    </row>
    <row r="83" spans="1:4" ht="18" customHeight="1" x14ac:dyDescent="0.2">
      <c r="A83" s="18" t="s">
        <v>79</v>
      </c>
      <c r="B83" s="15">
        <v>349</v>
      </c>
      <c r="C83" s="16">
        <v>365</v>
      </c>
      <c r="D83" s="17">
        <v>714</v>
      </c>
    </row>
    <row r="84" spans="1:4" ht="18" customHeight="1" x14ac:dyDescent="0.2">
      <c r="A84" s="18" t="s">
        <v>80</v>
      </c>
      <c r="B84" s="15">
        <v>2774</v>
      </c>
      <c r="C84" s="16">
        <v>2638</v>
      </c>
      <c r="D84" s="17">
        <v>5412</v>
      </c>
    </row>
    <row r="85" spans="1:4" ht="18" customHeight="1" x14ac:dyDescent="0.2">
      <c r="A85" s="14">
        <v>65</v>
      </c>
      <c r="B85" s="15">
        <v>64</v>
      </c>
      <c r="C85" s="16">
        <v>60</v>
      </c>
      <c r="D85" s="17">
        <v>124</v>
      </c>
    </row>
    <row r="86" spans="1:4" ht="18" customHeight="1" x14ac:dyDescent="0.2">
      <c r="A86" s="14">
        <v>66</v>
      </c>
      <c r="B86" s="15">
        <v>51</v>
      </c>
      <c r="C86" s="16">
        <v>87</v>
      </c>
      <c r="D86" s="17">
        <v>138</v>
      </c>
    </row>
    <row r="87" spans="1:4" ht="18" customHeight="1" x14ac:dyDescent="0.2">
      <c r="A87" s="14">
        <v>67</v>
      </c>
      <c r="B87" s="15">
        <v>82</v>
      </c>
      <c r="C87" s="16">
        <v>75</v>
      </c>
      <c r="D87" s="17">
        <v>157</v>
      </c>
    </row>
    <row r="88" spans="1:4" ht="18" customHeight="1" x14ac:dyDescent="0.2">
      <c r="A88" s="14">
        <v>68</v>
      </c>
      <c r="B88" s="15">
        <v>53</v>
      </c>
      <c r="C88" s="16">
        <v>69</v>
      </c>
      <c r="D88" s="17">
        <v>122</v>
      </c>
    </row>
    <row r="89" spans="1:4" ht="18" customHeight="1" x14ac:dyDescent="0.2">
      <c r="A89" s="14">
        <v>69</v>
      </c>
      <c r="B89" s="15">
        <v>48</v>
      </c>
      <c r="C89" s="16">
        <v>53</v>
      </c>
      <c r="D89" s="17">
        <v>101</v>
      </c>
    </row>
    <row r="90" spans="1:4" ht="18" customHeight="1" x14ac:dyDescent="0.2">
      <c r="A90" s="18" t="s">
        <v>81</v>
      </c>
      <c r="B90" s="15">
        <v>298</v>
      </c>
      <c r="C90" s="16">
        <v>344</v>
      </c>
      <c r="D90" s="17">
        <v>642</v>
      </c>
    </row>
    <row r="91" spans="1:4" ht="18" customHeight="1" x14ac:dyDescent="0.2">
      <c r="A91" s="14">
        <v>70</v>
      </c>
      <c r="B91" s="15">
        <v>44</v>
      </c>
      <c r="C91" s="16">
        <v>47</v>
      </c>
      <c r="D91" s="17">
        <v>91</v>
      </c>
    </row>
    <row r="92" spans="1:4" ht="18" customHeight="1" x14ac:dyDescent="0.2">
      <c r="A92" s="14">
        <v>71</v>
      </c>
      <c r="B92" s="15">
        <v>55</v>
      </c>
      <c r="C92" s="16">
        <v>56</v>
      </c>
      <c r="D92" s="17">
        <v>111</v>
      </c>
    </row>
    <row r="93" spans="1:4" ht="18" customHeight="1" x14ac:dyDescent="0.2">
      <c r="A93" s="14">
        <v>72</v>
      </c>
      <c r="B93" s="15">
        <v>44</v>
      </c>
      <c r="C93" s="16">
        <v>54</v>
      </c>
      <c r="D93" s="17">
        <v>98</v>
      </c>
    </row>
    <row r="94" spans="1:4" ht="18" customHeight="1" x14ac:dyDescent="0.2">
      <c r="A94" s="14">
        <v>73</v>
      </c>
      <c r="B94" s="15">
        <v>47</v>
      </c>
      <c r="C94" s="16">
        <v>73</v>
      </c>
      <c r="D94" s="17">
        <v>120</v>
      </c>
    </row>
    <row r="95" spans="1:4" ht="18" customHeight="1" x14ac:dyDescent="0.2">
      <c r="A95" s="14">
        <v>74</v>
      </c>
      <c r="B95" s="15">
        <v>40</v>
      </c>
      <c r="C95" s="16">
        <v>52</v>
      </c>
      <c r="D95" s="17">
        <v>92</v>
      </c>
    </row>
    <row r="96" spans="1:4" ht="18" customHeight="1" x14ac:dyDescent="0.2">
      <c r="A96" s="18" t="s">
        <v>82</v>
      </c>
      <c r="B96" s="15">
        <v>230</v>
      </c>
      <c r="C96" s="16">
        <v>282</v>
      </c>
      <c r="D96" s="17">
        <v>512</v>
      </c>
    </row>
    <row r="97" spans="1:4" ht="18" customHeight="1" x14ac:dyDescent="0.2">
      <c r="A97" s="14">
        <v>75</v>
      </c>
      <c r="B97" s="15">
        <v>36</v>
      </c>
      <c r="C97" s="16">
        <v>70</v>
      </c>
      <c r="D97" s="17">
        <v>106</v>
      </c>
    </row>
    <row r="98" spans="1:4" ht="18" customHeight="1" x14ac:dyDescent="0.2">
      <c r="A98" s="14">
        <v>76</v>
      </c>
      <c r="B98" s="15">
        <v>50</v>
      </c>
      <c r="C98" s="16">
        <v>51</v>
      </c>
      <c r="D98" s="17">
        <v>101</v>
      </c>
    </row>
    <row r="99" spans="1:4" ht="18" customHeight="1" x14ac:dyDescent="0.2">
      <c r="A99" s="14">
        <v>77</v>
      </c>
      <c r="B99" s="15">
        <v>41</v>
      </c>
      <c r="C99" s="16">
        <v>65</v>
      </c>
      <c r="D99" s="17">
        <v>106</v>
      </c>
    </row>
    <row r="100" spans="1:4" ht="18" customHeight="1" x14ac:dyDescent="0.2">
      <c r="A100" s="14">
        <v>78</v>
      </c>
      <c r="B100" s="15">
        <v>32</v>
      </c>
      <c r="C100" s="16">
        <v>48</v>
      </c>
      <c r="D100" s="17">
        <v>80</v>
      </c>
    </row>
    <row r="101" spans="1:4" ht="18" customHeight="1" x14ac:dyDescent="0.2">
      <c r="A101" s="14">
        <v>79</v>
      </c>
      <c r="B101" s="15">
        <v>29</v>
      </c>
      <c r="C101" s="16">
        <v>48</v>
      </c>
      <c r="D101" s="17">
        <v>77</v>
      </c>
    </row>
    <row r="102" spans="1:4" ht="18" customHeight="1" x14ac:dyDescent="0.2">
      <c r="A102" s="18" t="s">
        <v>83</v>
      </c>
      <c r="B102" s="15">
        <v>188</v>
      </c>
      <c r="C102" s="16">
        <v>282</v>
      </c>
      <c r="D102" s="17">
        <v>470</v>
      </c>
    </row>
    <row r="103" spans="1:4" ht="18" customHeight="1" x14ac:dyDescent="0.2">
      <c r="A103" s="14">
        <v>80</v>
      </c>
      <c r="B103" s="15">
        <v>29</v>
      </c>
      <c r="C103" s="16">
        <v>55</v>
      </c>
      <c r="D103" s="17">
        <v>84</v>
      </c>
    </row>
    <row r="104" spans="1:4" ht="18" customHeight="1" x14ac:dyDescent="0.2">
      <c r="A104" s="14">
        <v>81</v>
      </c>
      <c r="B104" s="15">
        <v>30</v>
      </c>
      <c r="C104" s="16">
        <v>46</v>
      </c>
      <c r="D104" s="17">
        <v>76</v>
      </c>
    </row>
    <row r="105" spans="1:4" ht="18" customHeight="1" x14ac:dyDescent="0.2">
      <c r="A105" s="14">
        <v>82</v>
      </c>
      <c r="B105" s="15">
        <v>21</v>
      </c>
      <c r="C105" s="16">
        <v>42</v>
      </c>
      <c r="D105" s="17">
        <v>63</v>
      </c>
    </row>
    <row r="106" spans="1:4" ht="18" customHeight="1" x14ac:dyDescent="0.2">
      <c r="A106" s="14">
        <v>83</v>
      </c>
      <c r="B106" s="15">
        <v>27</v>
      </c>
      <c r="C106" s="16">
        <v>39</v>
      </c>
      <c r="D106" s="17">
        <v>66</v>
      </c>
    </row>
    <row r="107" spans="1:4" ht="18" customHeight="1" x14ac:dyDescent="0.2">
      <c r="A107" s="14">
        <v>84</v>
      </c>
      <c r="B107" s="15">
        <v>24</v>
      </c>
      <c r="C107" s="16">
        <v>39</v>
      </c>
      <c r="D107" s="17">
        <v>63</v>
      </c>
    </row>
    <row r="108" spans="1:4" ht="18" customHeight="1" x14ac:dyDescent="0.2">
      <c r="A108" s="18" t="s">
        <v>84</v>
      </c>
      <c r="B108" s="15">
        <v>131</v>
      </c>
      <c r="C108" s="16">
        <v>221</v>
      </c>
      <c r="D108" s="17">
        <v>352</v>
      </c>
    </row>
    <row r="109" spans="1:4" ht="18" customHeight="1" x14ac:dyDescent="0.2">
      <c r="A109" s="14">
        <v>85</v>
      </c>
      <c r="B109" s="15">
        <v>19</v>
      </c>
      <c r="C109" s="16">
        <v>31</v>
      </c>
      <c r="D109" s="17">
        <v>50</v>
      </c>
    </row>
    <row r="110" spans="1:4" ht="18" customHeight="1" x14ac:dyDescent="0.2">
      <c r="A110" s="14">
        <v>86</v>
      </c>
      <c r="B110" s="15">
        <v>11</v>
      </c>
      <c r="C110" s="16">
        <v>30</v>
      </c>
      <c r="D110" s="17">
        <v>41</v>
      </c>
    </row>
    <row r="111" spans="1:4" ht="18" customHeight="1" x14ac:dyDescent="0.2">
      <c r="A111" s="14">
        <v>87</v>
      </c>
      <c r="B111" s="15">
        <v>14</v>
      </c>
      <c r="C111" s="16">
        <v>38</v>
      </c>
      <c r="D111" s="17">
        <v>52</v>
      </c>
    </row>
    <row r="112" spans="1:4" ht="18" customHeight="1" x14ac:dyDescent="0.2">
      <c r="A112" s="14">
        <v>88</v>
      </c>
      <c r="B112" s="15">
        <v>13</v>
      </c>
      <c r="C112" s="16">
        <v>34</v>
      </c>
      <c r="D112" s="17">
        <v>47</v>
      </c>
    </row>
    <row r="113" spans="1:4" ht="18" customHeight="1" x14ac:dyDescent="0.2">
      <c r="A113" s="14">
        <v>89</v>
      </c>
      <c r="B113" s="15">
        <v>12</v>
      </c>
      <c r="C113" s="16">
        <v>26</v>
      </c>
      <c r="D113" s="17">
        <v>38</v>
      </c>
    </row>
    <row r="114" spans="1:4" ht="18" customHeight="1" x14ac:dyDescent="0.2">
      <c r="A114" s="18" t="s">
        <v>85</v>
      </c>
      <c r="B114" s="15">
        <v>69</v>
      </c>
      <c r="C114" s="16">
        <v>159</v>
      </c>
      <c r="D114" s="17">
        <v>228</v>
      </c>
    </row>
    <row r="115" spans="1:4" ht="18" customHeight="1" x14ac:dyDescent="0.2">
      <c r="A115" s="14">
        <v>90</v>
      </c>
      <c r="B115" s="15">
        <v>4</v>
      </c>
      <c r="C115" s="16">
        <v>15</v>
      </c>
      <c r="D115" s="17">
        <v>19</v>
      </c>
    </row>
    <row r="116" spans="1:4" ht="18" customHeight="1" x14ac:dyDescent="0.2">
      <c r="A116" s="14">
        <v>91</v>
      </c>
      <c r="B116" s="15">
        <v>3</v>
      </c>
      <c r="C116" s="16">
        <v>8</v>
      </c>
      <c r="D116" s="17">
        <v>11</v>
      </c>
    </row>
    <row r="117" spans="1:4" ht="18" customHeight="1" x14ac:dyDescent="0.2">
      <c r="A117" s="14">
        <v>92</v>
      </c>
      <c r="B117" s="15">
        <v>9</v>
      </c>
      <c r="C117" s="16">
        <v>10</v>
      </c>
      <c r="D117" s="17">
        <v>19</v>
      </c>
    </row>
    <row r="118" spans="1:4" ht="18" customHeight="1" x14ac:dyDescent="0.2">
      <c r="A118" s="14">
        <v>93</v>
      </c>
      <c r="B118" s="15">
        <v>2</v>
      </c>
      <c r="C118" s="16">
        <v>14</v>
      </c>
      <c r="D118" s="17">
        <v>16</v>
      </c>
    </row>
    <row r="119" spans="1:4" ht="18" customHeight="1" x14ac:dyDescent="0.2">
      <c r="A119" s="14">
        <v>94</v>
      </c>
      <c r="B119" s="15">
        <v>0</v>
      </c>
      <c r="C119" s="16">
        <v>7</v>
      </c>
      <c r="D119" s="17">
        <v>7</v>
      </c>
    </row>
    <row r="120" spans="1:4" ht="18" customHeight="1" x14ac:dyDescent="0.2">
      <c r="A120" s="18" t="s">
        <v>86</v>
      </c>
      <c r="B120" s="15">
        <v>18</v>
      </c>
      <c r="C120" s="16">
        <v>54</v>
      </c>
      <c r="D120" s="17">
        <v>72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87</v>
      </c>
      <c r="B126" s="15">
        <v>3</v>
      </c>
      <c r="C126" s="16">
        <v>23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90</v>
      </c>
      <c r="B130" s="4">
        <v>937</v>
      </c>
      <c r="C130" s="5">
        <v>1369</v>
      </c>
      <c r="D130" s="6">
        <v>2306</v>
      </c>
    </row>
    <row r="131" spans="1:4" ht="18" customHeight="1" x14ac:dyDescent="0.2">
      <c r="A131" s="20" t="s">
        <v>65</v>
      </c>
      <c r="B131" s="7">
        <v>4223</v>
      </c>
      <c r="C131" s="8">
        <v>4521</v>
      </c>
      <c r="D131" s="9">
        <v>874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3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7</v>
      </c>
      <c r="C5" s="12">
        <v>47</v>
      </c>
      <c r="D5" s="13">
        <v>104</v>
      </c>
    </row>
    <row r="6" spans="1:4" ht="18" customHeight="1" x14ac:dyDescent="0.2">
      <c r="A6" s="14">
        <v>1</v>
      </c>
      <c r="B6" s="15">
        <v>59</v>
      </c>
      <c r="C6" s="16">
        <v>52</v>
      </c>
      <c r="D6" s="17">
        <v>111</v>
      </c>
    </row>
    <row r="7" spans="1:4" ht="18" customHeight="1" x14ac:dyDescent="0.2">
      <c r="A7" s="14">
        <v>2</v>
      </c>
      <c r="B7" s="15">
        <v>49</v>
      </c>
      <c r="C7" s="16">
        <v>46</v>
      </c>
      <c r="D7" s="17">
        <v>95</v>
      </c>
    </row>
    <row r="8" spans="1:4" ht="18" customHeight="1" x14ac:dyDescent="0.2">
      <c r="A8" s="14">
        <v>3</v>
      </c>
      <c r="B8" s="15">
        <v>47</v>
      </c>
      <c r="C8" s="16">
        <v>59</v>
      </c>
      <c r="D8" s="17">
        <v>106</v>
      </c>
    </row>
    <row r="9" spans="1:4" ht="18" customHeight="1" x14ac:dyDescent="0.2">
      <c r="A9" s="14">
        <v>4</v>
      </c>
      <c r="B9" s="15">
        <v>59</v>
      </c>
      <c r="C9" s="16">
        <v>34</v>
      </c>
      <c r="D9" s="17">
        <v>93</v>
      </c>
    </row>
    <row r="10" spans="1:4" ht="18" customHeight="1" x14ac:dyDescent="0.2">
      <c r="A10" s="18" t="s">
        <v>66</v>
      </c>
      <c r="B10" s="15">
        <v>271</v>
      </c>
      <c r="C10" s="16">
        <v>238</v>
      </c>
      <c r="D10" s="17">
        <v>509</v>
      </c>
    </row>
    <row r="11" spans="1:4" ht="18" customHeight="1" x14ac:dyDescent="0.2">
      <c r="A11" s="14">
        <v>5</v>
      </c>
      <c r="B11" s="15">
        <v>54</v>
      </c>
      <c r="C11" s="16">
        <v>51</v>
      </c>
      <c r="D11" s="17">
        <v>105</v>
      </c>
    </row>
    <row r="12" spans="1:4" ht="18" customHeight="1" x14ac:dyDescent="0.2">
      <c r="A12" s="14">
        <v>6</v>
      </c>
      <c r="B12" s="15">
        <v>35</v>
      </c>
      <c r="C12" s="16">
        <v>45</v>
      </c>
      <c r="D12" s="17">
        <v>80</v>
      </c>
    </row>
    <row r="13" spans="1:4" ht="18" customHeight="1" x14ac:dyDescent="0.2">
      <c r="A13" s="14">
        <v>7</v>
      </c>
      <c r="B13" s="15">
        <v>50</v>
      </c>
      <c r="C13" s="16">
        <v>51</v>
      </c>
      <c r="D13" s="17">
        <v>101</v>
      </c>
    </row>
    <row r="14" spans="1:4" ht="18" customHeight="1" x14ac:dyDescent="0.2">
      <c r="A14" s="14">
        <v>8</v>
      </c>
      <c r="B14" s="15">
        <v>47</v>
      </c>
      <c r="C14" s="16">
        <v>44</v>
      </c>
      <c r="D14" s="17">
        <v>91</v>
      </c>
    </row>
    <row r="15" spans="1:4" ht="18" customHeight="1" x14ac:dyDescent="0.2">
      <c r="A15" s="14">
        <v>9</v>
      </c>
      <c r="B15" s="15">
        <v>39</v>
      </c>
      <c r="C15" s="16">
        <v>56</v>
      </c>
      <c r="D15" s="17">
        <v>95</v>
      </c>
    </row>
    <row r="16" spans="1:4" ht="18" customHeight="1" x14ac:dyDescent="0.2">
      <c r="A16" s="18" t="s">
        <v>67</v>
      </c>
      <c r="B16" s="15">
        <v>225</v>
      </c>
      <c r="C16" s="16">
        <v>247</v>
      </c>
      <c r="D16" s="17">
        <v>472</v>
      </c>
    </row>
    <row r="17" spans="1:4" ht="18" customHeight="1" x14ac:dyDescent="0.2">
      <c r="A17" s="14">
        <v>10</v>
      </c>
      <c r="B17" s="15">
        <v>45</v>
      </c>
      <c r="C17" s="16">
        <v>62</v>
      </c>
      <c r="D17" s="17">
        <v>107</v>
      </c>
    </row>
    <row r="18" spans="1:4" ht="18" customHeight="1" x14ac:dyDescent="0.2">
      <c r="A18" s="14">
        <v>11</v>
      </c>
      <c r="B18" s="15">
        <v>40</v>
      </c>
      <c r="C18" s="16">
        <v>35</v>
      </c>
      <c r="D18" s="17">
        <v>75</v>
      </c>
    </row>
    <row r="19" spans="1:4" ht="18" customHeight="1" x14ac:dyDescent="0.2">
      <c r="A19" s="14">
        <v>12</v>
      </c>
      <c r="B19" s="15">
        <v>51</v>
      </c>
      <c r="C19" s="16">
        <v>44</v>
      </c>
      <c r="D19" s="17">
        <v>95</v>
      </c>
    </row>
    <row r="20" spans="1:4" ht="18" customHeight="1" x14ac:dyDescent="0.2">
      <c r="A20" s="14">
        <v>13</v>
      </c>
      <c r="B20" s="15">
        <v>50</v>
      </c>
      <c r="C20" s="16">
        <v>36</v>
      </c>
      <c r="D20" s="17">
        <v>86</v>
      </c>
    </row>
    <row r="21" spans="1:4" ht="18" customHeight="1" x14ac:dyDescent="0.2">
      <c r="A21" s="14">
        <v>14</v>
      </c>
      <c r="B21" s="15">
        <v>39</v>
      </c>
      <c r="C21" s="16">
        <v>51</v>
      </c>
      <c r="D21" s="17">
        <v>90</v>
      </c>
    </row>
    <row r="22" spans="1:4" ht="18" customHeight="1" x14ac:dyDescent="0.2">
      <c r="A22" s="18" t="s">
        <v>68</v>
      </c>
      <c r="B22" s="15">
        <v>225</v>
      </c>
      <c r="C22" s="16">
        <v>228</v>
      </c>
      <c r="D22" s="17">
        <v>453</v>
      </c>
    </row>
    <row r="23" spans="1:4" ht="18" customHeight="1" x14ac:dyDescent="0.2">
      <c r="A23" s="18" t="s">
        <v>69</v>
      </c>
      <c r="B23" s="15">
        <v>721</v>
      </c>
      <c r="C23" s="16">
        <v>713</v>
      </c>
      <c r="D23" s="17">
        <v>1434</v>
      </c>
    </row>
    <row r="24" spans="1:4" ht="18" customHeight="1" x14ac:dyDescent="0.2">
      <c r="A24" s="14">
        <v>15</v>
      </c>
      <c r="B24" s="15">
        <v>56</v>
      </c>
      <c r="C24" s="16">
        <v>32</v>
      </c>
      <c r="D24" s="17">
        <v>88</v>
      </c>
    </row>
    <row r="25" spans="1:4" ht="18" customHeight="1" x14ac:dyDescent="0.2">
      <c r="A25" s="14">
        <v>16</v>
      </c>
      <c r="B25" s="15">
        <v>27</v>
      </c>
      <c r="C25" s="16">
        <v>39</v>
      </c>
      <c r="D25" s="17">
        <v>66</v>
      </c>
    </row>
    <row r="26" spans="1:4" ht="18" customHeight="1" x14ac:dyDescent="0.2">
      <c r="A26" s="14">
        <v>17</v>
      </c>
      <c r="B26" s="15">
        <v>38</v>
      </c>
      <c r="C26" s="16">
        <v>35</v>
      </c>
      <c r="D26" s="17">
        <v>73</v>
      </c>
    </row>
    <row r="27" spans="1:4" ht="18" customHeight="1" x14ac:dyDescent="0.2">
      <c r="A27" s="14">
        <v>18</v>
      </c>
      <c r="B27" s="15">
        <v>42</v>
      </c>
      <c r="C27" s="16">
        <v>58</v>
      </c>
      <c r="D27" s="17">
        <v>100</v>
      </c>
    </row>
    <row r="28" spans="1:4" ht="18" customHeight="1" x14ac:dyDescent="0.2">
      <c r="A28" s="14">
        <v>19</v>
      </c>
      <c r="B28" s="15">
        <v>39</v>
      </c>
      <c r="C28" s="16">
        <v>36</v>
      </c>
      <c r="D28" s="17">
        <v>75</v>
      </c>
    </row>
    <row r="29" spans="1:4" ht="18" customHeight="1" x14ac:dyDescent="0.2">
      <c r="A29" s="18" t="s">
        <v>70</v>
      </c>
      <c r="B29" s="15">
        <v>202</v>
      </c>
      <c r="C29" s="16">
        <v>200</v>
      </c>
      <c r="D29" s="17">
        <v>402</v>
      </c>
    </row>
    <row r="30" spans="1:4" ht="18" customHeight="1" x14ac:dyDescent="0.2">
      <c r="A30" s="14">
        <v>20</v>
      </c>
      <c r="B30" s="15">
        <v>42</v>
      </c>
      <c r="C30" s="16">
        <v>39</v>
      </c>
      <c r="D30" s="17">
        <v>81</v>
      </c>
    </row>
    <row r="31" spans="1:4" ht="18" customHeight="1" x14ac:dyDescent="0.2">
      <c r="A31" s="14">
        <v>21</v>
      </c>
      <c r="B31" s="15">
        <v>44</v>
      </c>
      <c r="C31" s="16">
        <v>39</v>
      </c>
      <c r="D31" s="17">
        <v>83</v>
      </c>
    </row>
    <row r="32" spans="1:4" ht="18" customHeight="1" x14ac:dyDescent="0.2">
      <c r="A32" s="14">
        <v>22</v>
      </c>
      <c r="B32" s="15">
        <v>41</v>
      </c>
      <c r="C32" s="16">
        <v>48</v>
      </c>
      <c r="D32" s="17">
        <v>89</v>
      </c>
    </row>
    <row r="33" spans="1:4" ht="18" customHeight="1" x14ac:dyDescent="0.2">
      <c r="A33" s="14">
        <v>23</v>
      </c>
      <c r="B33" s="15">
        <v>52</v>
      </c>
      <c r="C33" s="16">
        <v>46</v>
      </c>
      <c r="D33" s="17">
        <v>98</v>
      </c>
    </row>
    <row r="34" spans="1:4" ht="18" customHeight="1" x14ac:dyDescent="0.2">
      <c r="A34" s="14">
        <v>24</v>
      </c>
      <c r="B34" s="15">
        <v>62</v>
      </c>
      <c r="C34" s="16">
        <v>41</v>
      </c>
      <c r="D34" s="17">
        <v>103</v>
      </c>
    </row>
    <row r="35" spans="1:4" ht="18" customHeight="1" x14ac:dyDescent="0.2">
      <c r="A35" s="18" t="s">
        <v>71</v>
      </c>
      <c r="B35" s="15">
        <v>241</v>
      </c>
      <c r="C35" s="16">
        <v>213</v>
      </c>
      <c r="D35" s="17">
        <v>454</v>
      </c>
    </row>
    <row r="36" spans="1:4" ht="18" customHeight="1" x14ac:dyDescent="0.2">
      <c r="A36" s="14">
        <v>25</v>
      </c>
      <c r="B36" s="15">
        <v>76</v>
      </c>
      <c r="C36" s="16">
        <v>48</v>
      </c>
      <c r="D36" s="17">
        <v>124</v>
      </c>
    </row>
    <row r="37" spans="1:4" ht="18" customHeight="1" x14ac:dyDescent="0.2">
      <c r="A37" s="14">
        <v>26</v>
      </c>
      <c r="B37" s="15">
        <v>79</v>
      </c>
      <c r="C37" s="16">
        <v>59</v>
      </c>
      <c r="D37" s="17">
        <v>138</v>
      </c>
    </row>
    <row r="38" spans="1:4" ht="18" customHeight="1" x14ac:dyDescent="0.2">
      <c r="A38" s="14">
        <v>27</v>
      </c>
      <c r="B38" s="15">
        <v>68</v>
      </c>
      <c r="C38" s="16">
        <v>53</v>
      </c>
      <c r="D38" s="17">
        <v>121</v>
      </c>
    </row>
    <row r="39" spans="1:4" ht="18" customHeight="1" x14ac:dyDescent="0.2">
      <c r="A39" s="14">
        <v>28</v>
      </c>
      <c r="B39" s="15">
        <v>57</v>
      </c>
      <c r="C39" s="16">
        <v>65</v>
      </c>
      <c r="D39" s="17">
        <v>122</v>
      </c>
    </row>
    <row r="40" spans="1:4" ht="18" customHeight="1" x14ac:dyDescent="0.2">
      <c r="A40" s="14">
        <v>29</v>
      </c>
      <c r="B40" s="15">
        <v>74</v>
      </c>
      <c r="C40" s="16">
        <v>67</v>
      </c>
      <c r="D40" s="17">
        <v>141</v>
      </c>
    </row>
    <row r="41" spans="1:4" ht="18" customHeight="1" x14ac:dyDescent="0.2">
      <c r="A41" s="18" t="s">
        <v>72</v>
      </c>
      <c r="B41" s="15">
        <v>354</v>
      </c>
      <c r="C41" s="16">
        <v>292</v>
      </c>
      <c r="D41" s="17">
        <v>646</v>
      </c>
    </row>
    <row r="42" spans="1:4" ht="18" customHeight="1" x14ac:dyDescent="0.2">
      <c r="A42" s="14">
        <v>30</v>
      </c>
      <c r="B42" s="15">
        <v>75</v>
      </c>
      <c r="C42" s="16">
        <v>53</v>
      </c>
      <c r="D42" s="17">
        <v>128</v>
      </c>
    </row>
    <row r="43" spans="1:4" ht="18" customHeight="1" x14ac:dyDescent="0.2">
      <c r="A43" s="14">
        <v>31</v>
      </c>
      <c r="B43" s="15">
        <v>76</v>
      </c>
      <c r="C43" s="16">
        <v>53</v>
      </c>
      <c r="D43" s="17">
        <v>129</v>
      </c>
    </row>
    <row r="44" spans="1:4" ht="18" customHeight="1" x14ac:dyDescent="0.2">
      <c r="A44" s="14">
        <v>32</v>
      </c>
      <c r="B44" s="15">
        <v>94</v>
      </c>
      <c r="C44" s="16">
        <v>54</v>
      </c>
      <c r="D44" s="17">
        <v>148</v>
      </c>
    </row>
    <row r="45" spans="1:4" ht="18" customHeight="1" x14ac:dyDescent="0.2">
      <c r="A45" s="14">
        <v>33</v>
      </c>
      <c r="B45" s="15">
        <v>61</v>
      </c>
      <c r="C45" s="16">
        <v>81</v>
      </c>
      <c r="D45" s="17">
        <v>142</v>
      </c>
    </row>
    <row r="46" spans="1:4" ht="18" customHeight="1" x14ac:dyDescent="0.2">
      <c r="A46" s="14">
        <v>34</v>
      </c>
      <c r="B46" s="15">
        <v>93</v>
      </c>
      <c r="C46" s="16">
        <v>99</v>
      </c>
      <c r="D46" s="17">
        <v>192</v>
      </c>
    </row>
    <row r="47" spans="1:4" ht="18" customHeight="1" x14ac:dyDescent="0.2">
      <c r="A47" s="18" t="s">
        <v>73</v>
      </c>
      <c r="B47" s="15">
        <v>399</v>
      </c>
      <c r="C47" s="16">
        <v>340</v>
      </c>
      <c r="D47" s="17">
        <v>739</v>
      </c>
    </row>
    <row r="48" spans="1:4" ht="18" customHeight="1" x14ac:dyDescent="0.2">
      <c r="A48" s="14">
        <v>35</v>
      </c>
      <c r="B48" s="15">
        <v>108</v>
      </c>
      <c r="C48" s="16">
        <v>82</v>
      </c>
      <c r="D48" s="17">
        <v>190</v>
      </c>
    </row>
    <row r="49" spans="1:4" ht="18" customHeight="1" x14ac:dyDescent="0.2">
      <c r="A49" s="14">
        <v>36</v>
      </c>
      <c r="B49" s="15">
        <v>109</v>
      </c>
      <c r="C49" s="16">
        <v>95</v>
      </c>
      <c r="D49" s="17">
        <v>204</v>
      </c>
    </row>
    <row r="50" spans="1:4" ht="18" customHeight="1" x14ac:dyDescent="0.2">
      <c r="A50" s="14">
        <v>37</v>
      </c>
      <c r="B50" s="15">
        <v>96</v>
      </c>
      <c r="C50" s="16">
        <v>105</v>
      </c>
      <c r="D50" s="17">
        <v>201</v>
      </c>
    </row>
    <row r="51" spans="1:4" ht="18" customHeight="1" x14ac:dyDescent="0.2">
      <c r="A51" s="14">
        <v>38</v>
      </c>
      <c r="B51" s="15">
        <v>76</v>
      </c>
      <c r="C51" s="16">
        <v>78</v>
      </c>
      <c r="D51" s="17">
        <v>154</v>
      </c>
    </row>
    <row r="52" spans="1:4" ht="18" customHeight="1" x14ac:dyDescent="0.2">
      <c r="A52" s="14">
        <v>39</v>
      </c>
      <c r="B52" s="15">
        <v>72</v>
      </c>
      <c r="C52" s="16">
        <v>90</v>
      </c>
      <c r="D52" s="17">
        <v>162</v>
      </c>
    </row>
    <row r="53" spans="1:4" ht="18" customHeight="1" x14ac:dyDescent="0.2">
      <c r="A53" s="18" t="s">
        <v>74</v>
      </c>
      <c r="B53" s="15">
        <v>461</v>
      </c>
      <c r="C53" s="16">
        <v>450</v>
      </c>
      <c r="D53" s="17">
        <v>911</v>
      </c>
    </row>
    <row r="54" spans="1:4" ht="18" customHeight="1" x14ac:dyDescent="0.2">
      <c r="A54" s="14">
        <v>40</v>
      </c>
      <c r="B54" s="15">
        <v>105</v>
      </c>
      <c r="C54" s="16">
        <v>81</v>
      </c>
      <c r="D54" s="17">
        <v>186</v>
      </c>
    </row>
    <row r="55" spans="1:4" ht="18" customHeight="1" x14ac:dyDescent="0.2">
      <c r="A55" s="14">
        <v>41</v>
      </c>
      <c r="B55" s="15">
        <v>73</v>
      </c>
      <c r="C55" s="16">
        <v>74</v>
      </c>
      <c r="D55" s="17">
        <v>147</v>
      </c>
    </row>
    <row r="56" spans="1:4" ht="18" customHeight="1" x14ac:dyDescent="0.2">
      <c r="A56" s="14">
        <v>42</v>
      </c>
      <c r="B56" s="15">
        <v>92</v>
      </c>
      <c r="C56" s="16">
        <v>72</v>
      </c>
      <c r="D56" s="17">
        <v>164</v>
      </c>
    </row>
    <row r="57" spans="1:4" ht="18" customHeight="1" x14ac:dyDescent="0.2">
      <c r="A57" s="14">
        <v>43</v>
      </c>
      <c r="B57" s="15">
        <v>62</v>
      </c>
      <c r="C57" s="16">
        <v>56</v>
      </c>
      <c r="D57" s="17">
        <v>118</v>
      </c>
    </row>
    <row r="58" spans="1:4" ht="18" customHeight="1" x14ac:dyDescent="0.2">
      <c r="A58" s="14">
        <v>44</v>
      </c>
      <c r="B58" s="15">
        <v>62</v>
      </c>
      <c r="C58" s="16">
        <v>78</v>
      </c>
      <c r="D58" s="17">
        <v>140</v>
      </c>
    </row>
    <row r="59" spans="1:4" ht="18" customHeight="1" x14ac:dyDescent="0.2">
      <c r="A59" s="18" t="s">
        <v>75</v>
      </c>
      <c r="B59" s="15">
        <v>394</v>
      </c>
      <c r="C59" s="16">
        <v>361</v>
      </c>
      <c r="D59" s="17">
        <v>755</v>
      </c>
    </row>
    <row r="60" spans="1:4" ht="18" customHeight="1" x14ac:dyDescent="0.2">
      <c r="A60" s="14">
        <v>45</v>
      </c>
      <c r="B60" s="15">
        <v>67</v>
      </c>
      <c r="C60" s="16">
        <v>69</v>
      </c>
      <c r="D60" s="17">
        <v>136</v>
      </c>
    </row>
    <row r="61" spans="1:4" ht="18" customHeight="1" x14ac:dyDescent="0.2">
      <c r="A61" s="14">
        <v>46</v>
      </c>
      <c r="B61" s="15">
        <v>68</v>
      </c>
      <c r="C61" s="16">
        <v>66</v>
      </c>
      <c r="D61" s="17">
        <v>134</v>
      </c>
    </row>
    <row r="62" spans="1:4" ht="18" customHeight="1" x14ac:dyDescent="0.2">
      <c r="A62" s="14">
        <v>47</v>
      </c>
      <c r="B62" s="15">
        <v>59</v>
      </c>
      <c r="C62" s="16">
        <v>62</v>
      </c>
      <c r="D62" s="17">
        <v>121</v>
      </c>
    </row>
    <row r="63" spans="1:4" ht="18" customHeight="1" x14ac:dyDescent="0.2">
      <c r="A63" s="14">
        <v>48</v>
      </c>
      <c r="B63" s="15">
        <v>65</v>
      </c>
      <c r="C63" s="16">
        <v>59</v>
      </c>
      <c r="D63" s="17">
        <v>124</v>
      </c>
    </row>
    <row r="64" spans="1:4" ht="18" customHeight="1" x14ac:dyDescent="0.2">
      <c r="A64" s="14">
        <v>49</v>
      </c>
      <c r="B64" s="15">
        <v>62</v>
      </c>
      <c r="C64" s="16">
        <v>73</v>
      </c>
      <c r="D64" s="17">
        <v>135</v>
      </c>
    </row>
    <row r="65" spans="1:4" ht="18" customHeight="1" x14ac:dyDescent="0.2">
      <c r="A65" s="18" t="s">
        <v>76</v>
      </c>
      <c r="B65" s="15">
        <v>321</v>
      </c>
      <c r="C65" s="16">
        <v>329</v>
      </c>
      <c r="D65" s="17">
        <v>650</v>
      </c>
    </row>
    <row r="66" spans="1:4" ht="18" customHeight="1" x14ac:dyDescent="0.2">
      <c r="A66" s="14">
        <v>50</v>
      </c>
      <c r="B66" s="15">
        <v>64</v>
      </c>
      <c r="C66" s="16">
        <v>62</v>
      </c>
      <c r="D66" s="17">
        <v>126</v>
      </c>
    </row>
    <row r="67" spans="1:4" ht="18" customHeight="1" x14ac:dyDescent="0.2">
      <c r="A67" s="14">
        <v>51</v>
      </c>
      <c r="B67" s="15">
        <v>64</v>
      </c>
      <c r="C67" s="16">
        <v>57</v>
      </c>
      <c r="D67" s="17">
        <v>121</v>
      </c>
    </row>
    <row r="68" spans="1:4" ht="18" customHeight="1" x14ac:dyDescent="0.2">
      <c r="A68" s="14">
        <v>52</v>
      </c>
      <c r="B68" s="15">
        <v>57</v>
      </c>
      <c r="C68" s="16">
        <v>61</v>
      </c>
      <c r="D68" s="17">
        <v>118</v>
      </c>
    </row>
    <row r="69" spans="1:4" ht="18" customHeight="1" x14ac:dyDescent="0.2">
      <c r="A69" s="14">
        <v>53</v>
      </c>
      <c r="B69" s="15">
        <v>63</v>
      </c>
      <c r="C69" s="16">
        <v>44</v>
      </c>
      <c r="D69" s="17">
        <v>107</v>
      </c>
    </row>
    <row r="70" spans="1:4" ht="18" customHeight="1" x14ac:dyDescent="0.2">
      <c r="A70" s="14">
        <v>54</v>
      </c>
      <c r="B70" s="15">
        <v>76</v>
      </c>
      <c r="C70" s="16">
        <v>73</v>
      </c>
      <c r="D70" s="17">
        <v>149</v>
      </c>
    </row>
    <row r="71" spans="1:4" ht="18" customHeight="1" x14ac:dyDescent="0.2">
      <c r="A71" s="18" t="s">
        <v>77</v>
      </c>
      <c r="B71" s="15">
        <v>324</v>
      </c>
      <c r="C71" s="16">
        <v>297</v>
      </c>
      <c r="D71" s="17">
        <v>621</v>
      </c>
    </row>
    <row r="72" spans="1:4" ht="18" customHeight="1" x14ac:dyDescent="0.2">
      <c r="A72" s="14">
        <v>55</v>
      </c>
      <c r="B72" s="15">
        <v>64</v>
      </c>
      <c r="C72" s="16">
        <v>73</v>
      </c>
      <c r="D72" s="17">
        <v>137</v>
      </c>
    </row>
    <row r="73" spans="1:4" ht="18" customHeight="1" x14ac:dyDescent="0.2">
      <c r="A73" s="14">
        <v>56</v>
      </c>
      <c r="B73" s="15">
        <v>68</v>
      </c>
      <c r="C73" s="16">
        <v>60</v>
      </c>
      <c r="D73" s="17">
        <v>128</v>
      </c>
    </row>
    <row r="74" spans="1:4" ht="18" customHeight="1" x14ac:dyDescent="0.2">
      <c r="A74" s="14">
        <v>57</v>
      </c>
      <c r="B74" s="15">
        <v>78</v>
      </c>
      <c r="C74" s="16">
        <v>67</v>
      </c>
      <c r="D74" s="17">
        <v>145</v>
      </c>
    </row>
    <row r="75" spans="1:4" ht="18" customHeight="1" x14ac:dyDescent="0.2">
      <c r="A75" s="14">
        <v>58</v>
      </c>
      <c r="B75" s="15">
        <v>63</v>
      </c>
      <c r="C75" s="16">
        <v>82</v>
      </c>
      <c r="D75" s="17">
        <v>145</v>
      </c>
    </row>
    <row r="76" spans="1:4" ht="18" customHeight="1" x14ac:dyDescent="0.2">
      <c r="A76" s="14">
        <v>59</v>
      </c>
      <c r="B76" s="15">
        <v>69</v>
      </c>
      <c r="C76" s="16">
        <v>80</v>
      </c>
      <c r="D76" s="17">
        <v>149</v>
      </c>
    </row>
    <row r="77" spans="1:4" ht="18" customHeight="1" x14ac:dyDescent="0.2">
      <c r="A77" s="18" t="s">
        <v>78</v>
      </c>
      <c r="B77" s="15">
        <v>342</v>
      </c>
      <c r="C77" s="16">
        <v>362</v>
      </c>
      <c r="D77" s="17">
        <v>704</v>
      </c>
    </row>
    <row r="78" spans="1:4" ht="18" customHeight="1" x14ac:dyDescent="0.2">
      <c r="A78" s="14">
        <v>60</v>
      </c>
      <c r="B78" s="15">
        <v>95</v>
      </c>
      <c r="C78" s="16">
        <v>86</v>
      </c>
      <c r="D78" s="17">
        <v>181</v>
      </c>
    </row>
    <row r="79" spans="1:4" ht="18" customHeight="1" x14ac:dyDescent="0.2">
      <c r="A79" s="14">
        <v>61</v>
      </c>
      <c r="B79" s="15">
        <v>75</v>
      </c>
      <c r="C79" s="16">
        <v>107</v>
      </c>
      <c r="D79" s="17">
        <v>182</v>
      </c>
    </row>
    <row r="80" spans="1:4" ht="18" customHeight="1" x14ac:dyDescent="0.2">
      <c r="A80" s="14">
        <v>62</v>
      </c>
      <c r="B80" s="15">
        <v>106</v>
      </c>
      <c r="C80" s="16">
        <v>108</v>
      </c>
      <c r="D80" s="17">
        <v>214</v>
      </c>
    </row>
    <row r="81" spans="1:4" ht="18" customHeight="1" x14ac:dyDescent="0.2">
      <c r="A81" s="14">
        <v>63</v>
      </c>
      <c r="B81" s="15">
        <v>41</v>
      </c>
      <c r="C81" s="16">
        <v>63</v>
      </c>
      <c r="D81" s="17">
        <v>104</v>
      </c>
    </row>
    <row r="82" spans="1:4" ht="18" customHeight="1" x14ac:dyDescent="0.2">
      <c r="A82" s="14">
        <v>64</v>
      </c>
      <c r="B82" s="15">
        <v>56</v>
      </c>
      <c r="C82" s="16">
        <v>60</v>
      </c>
      <c r="D82" s="17">
        <v>116</v>
      </c>
    </row>
    <row r="83" spans="1:4" ht="18" customHeight="1" x14ac:dyDescent="0.2">
      <c r="A83" s="18" t="s">
        <v>79</v>
      </c>
      <c r="B83" s="15">
        <v>373</v>
      </c>
      <c r="C83" s="16">
        <v>424</v>
      </c>
      <c r="D83" s="17">
        <v>797</v>
      </c>
    </row>
    <row r="84" spans="1:4" ht="18" customHeight="1" x14ac:dyDescent="0.2">
      <c r="A84" s="18" t="s">
        <v>80</v>
      </c>
      <c r="B84" s="15">
        <v>3411</v>
      </c>
      <c r="C84" s="16">
        <v>3268</v>
      </c>
      <c r="D84" s="17">
        <v>6679</v>
      </c>
    </row>
    <row r="85" spans="1:4" ht="18" customHeight="1" x14ac:dyDescent="0.2">
      <c r="A85" s="14">
        <v>65</v>
      </c>
      <c r="B85" s="15">
        <v>80</v>
      </c>
      <c r="C85" s="16">
        <v>87</v>
      </c>
      <c r="D85" s="17">
        <v>167</v>
      </c>
    </row>
    <row r="86" spans="1:4" ht="18" customHeight="1" x14ac:dyDescent="0.2">
      <c r="A86" s="14">
        <v>66</v>
      </c>
      <c r="B86" s="15">
        <v>64</v>
      </c>
      <c r="C86" s="16">
        <v>68</v>
      </c>
      <c r="D86" s="17">
        <v>132</v>
      </c>
    </row>
    <row r="87" spans="1:4" ht="18" customHeight="1" x14ac:dyDescent="0.2">
      <c r="A87" s="14">
        <v>67</v>
      </c>
      <c r="B87" s="15">
        <v>78</v>
      </c>
      <c r="C87" s="16">
        <v>74</v>
      </c>
      <c r="D87" s="17">
        <v>152</v>
      </c>
    </row>
    <row r="88" spans="1:4" ht="18" customHeight="1" x14ac:dyDescent="0.2">
      <c r="A88" s="14">
        <v>68</v>
      </c>
      <c r="B88" s="15">
        <v>60</v>
      </c>
      <c r="C88" s="16">
        <v>74</v>
      </c>
      <c r="D88" s="17">
        <v>134</v>
      </c>
    </row>
    <row r="89" spans="1:4" ht="18" customHeight="1" x14ac:dyDescent="0.2">
      <c r="A89" s="14">
        <v>69</v>
      </c>
      <c r="B89" s="15">
        <v>40</v>
      </c>
      <c r="C89" s="16">
        <v>74</v>
      </c>
      <c r="D89" s="17">
        <v>114</v>
      </c>
    </row>
    <row r="90" spans="1:4" ht="18" customHeight="1" x14ac:dyDescent="0.2">
      <c r="A90" s="18" t="s">
        <v>81</v>
      </c>
      <c r="B90" s="15">
        <v>322</v>
      </c>
      <c r="C90" s="16">
        <v>377</v>
      </c>
      <c r="D90" s="17">
        <v>699</v>
      </c>
    </row>
    <row r="91" spans="1:4" ht="18" customHeight="1" x14ac:dyDescent="0.2">
      <c r="A91" s="14">
        <v>70</v>
      </c>
      <c r="B91" s="15">
        <v>39</v>
      </c>
      <c r="C91" s="16">
        <v>65</v>
      </c>
      <c r="D91" s="17">
        <v>104</v>
      </c>
    </row>
    <row r="92" spans="1:4" ht="18" customHeight="1" x14ac:dyDescent="0.2">
      <c r="A92" s="14">
        <v>71</v>
      </c>
      <c r="B92" s="15">
        <v>59</v>
      </c>
      <c r="C92" s="16">
        <v>67</v>
      </c>
      <c r="D92" s="17">
        <v>126</v>
      </c>
    </row>
    <row r="93" spans="1:4" ht="18" customHeight="1" x14ac:dyDescent="0.2">
      <c r="A93" s="14">
        <v>72</v>
      </c>
      <c r="B93" s="15">
        <v>49</v>
      </c>
      <c r="C93" s="16">
        <v>77</v>
      </c>
      <c r="D93" s="17">
        <v>126</v>
      </c>
    </row>
    <row r="94" spans="1:4" ht="18" customHeight="1" x14ac:dyDescent="0.2">
      <c r="A94" s="14">
        <v>73</v>
      </c>
      <c r="B94" s="15">
        <v>61</v>
      </c>
      <c r="C94" s="16">
        <v>83</v>
      </c>
      <c r="D94" s="17">
        <v>144</v>
      </c>
    </row>
    <row r="95" spans="1:4" ht="18" customHeight="1" x14ac:dyDescent="0.2">
      <c r="A95" s="14">
        <v>74</v>
      </c>
      <c r="B95" s="15">
        <v>54</v>
      </c>
      <c r="C95" s="16">
        <v>57</v>
      </c>
      <c r="D95" s="17">
        <v>111</v>
      </c>
    </row>
    <row r="96" spans="1:4" ht="18" customHeight="1" x14ac:dyDescent="0.2">
      <c r="A96" s="18" t="s">
        <v>82</v>
      </c>
      <c r="B96" s="15">
        <v>262</v>
      </c>
      <c r="C96" s="16">
        <v>349</v>
      </c>
      <c r="D96" s="17">
        <v>611</v>
      </c>
    </row>
    <row r="97" spans="1:4" ht="18" customHeight="1" x14ac:dyDescent="0.2">
      <c r="A97" s="14">
        <v>75</v>
      </c>
      <c r="B97" s="15">
        <v>49</v>
      </c>
      <c r="C97" s="16">
        <v>77</v>
      </c>
      <c r="D97" s="17">
        <v>126</v>
      </c>
    </row>
    <row r="98" spans="1:4" ht="18" customHeight="1" x14ac:dyDescent="0.2">
      <c r="A98" s="14">
        <v>76</v>
      </c>
      <c r="B98" s="15">
        <v>44</v>
      </c>
      <c r="C98" s="16">
        <v>75</v>
      </c>
      <c r="D98" s="17">
        <v>119</v>
      </c>
    </row>
    <row r="99" spans="1:4" ht="18" customHeight="1" x14ac:dyDescent="0.2">
      <c r="A99" s="14">
        <v>77</v>
      </c>
      <c r="B99" s="15">
        <v>48</v>
      </c>
      <c r="C99" s="16">
        <v>68</v>
      </c>
      <c r="D99" s="17">
        <v>116</v>
      </c>
    </row>
    <row r="100" spans="1:4" ht="18" customHeight="1" x14ac:dyDescent="0.2">
      <c r="A100" s="14">
        <v>78</v>
      </c>
      <c r="B100" s="15">
        <v>50</v>
      </c>
      <c r="C100" s="16">
        <v>74</v>
      </c>
      <c r="D100" s="17">
        <v>124</v>
      </c>
    </row>
    <row r="101" spans="1:4" ht="18" customHeight="1" x14ac:dyDescent="0.2">
      <c r="A101" s="14">
        <v>79</v>
      </c>
      <c r="B101" s="15">
        <v>57</v>
      </c>
      <c r="C101" s="16">
        <v>58</v>
      </c>
      <c r="D101" s="17">
        <v>115</v>
      </c>
    </row>
    <row r="102" spans="1:4" ht="18" customHeight="1" x14ac:dyDescent="0.2">
      <c r="A102" s="18" t="s">
        <v>83</v>
      </c>
      <c r="B102" s="15">
        <v>248</v>
      </c>
      <c r="C102" s="16">
        <v>352</v>
      </c>
      <c r="D102" s="17">
        <v>600</v>
      </c>
    </row>
    <row r="103" spans="1:4" ht="18" customHeight="1" x14ac:dyDescent="0.2">
      <c r="A103" s="14">
        <v>80</v>
      </c>
      <c r="B103" s="15">
        <v>32</v>
      </c>
      <c r="C103" s="16">
        <v>65</v>
      </c>
      <c r="D103" s="17">
        <v>97</v>
      </c>
    </row>
    <row r="104" spans="1:4" ht="18" customHeight="1" x14ac:dyDescent="0.2">
      <c r="A104" s="14">
        <v>81</v>
      </c>
      <c r="B104" s="15">
        <v>34</v>
      </c>
      <c r="C104" s="16">
        <v>57</v>
      </c>
      <c r="D104" s="17">
        <v>91</v>
      </c>
    </row>
    <row r="105" spans="1:4" ht="18" customHeight="1" x14ac:dyDescent="0.2">
      <c r="A105" s="14">
        <v>82</v>
      </c>
      <c r="B105" s="15">
        <v>24</v>
      </c>
      <c r="C105" s="16">
        <v>58</v>
      </c>
      <c r="D105" s="17">
        <v>82</v>
      </c>
    </row>
    <row r="106" spans="1:4" ht="18" customHeight="1" x14ac:dyDescent="0.2">
      <c r="A106" s="14">
        <v>83</v>
      </c>
      <c r="B106" s="15">
        <v>26</v>
      </c>
      <c r="C106" s="16">
        <v>53</v>
      </c>
      <c r="D106" s="17">
        <v>79</v>
      </c>
    </row>
    <row r="107" spans="1:4" ht="18" customHeight="1" x14ac:dyDescent="0.2">
      <c r="A107" s="14">
        <v>84</v>
      </c>
      <c r="B107" s="15">
        <v>30</v>
      </c>
      <c r="C107" s="16">
        <v>41</v>
      </c>
      <c r="D107" s="17">
        <v>71</v>
      </c>
    </row>
    <row r="108" spans="1:4" ht="18" customHeight="1" x14ac:dyDescent="0.2">
      <c r="A108" s="18" t="s">
        <v>84</v>
      </c>
      <c r="B108" s="15">
        <v>146</v>
      </c>
      <c r="C108" s="16">
        <v>274</v>
      </c>
      <c r="D108" s="17">
        <v>420</v>
      </c>
    </row>
    <row r="109" spans="1:4" ht="18" customHeight="1" x14ac:dyDescent="0.2">
      <c r="A109" s="14">
        <v>85</v>
      </c>
      <c r="B109" s="15">
        <v>26</v>
      </c>
      <c r="C109" s="16">
        <v>36</v>
      </c>
      <c r="D109" s="17">
        <v>62</v>
      </c>
    </row>
    <row r="110" spans="1:4" ht="18" customHeight="1" x14ac:dyDescent="0.2">
      <c r="A110" s="14">
        <v>86</v>
      </c>
      <c r="B110" s="15">
        <v>14</v>
      </c>
      <c r="C110" s="16">
        <v>39</v>
      </c>
      <c r="D110" s="17">
        <v>53</v>
      </c>
    </row>
    <row r="111" spans="1:4" ht="18" customHeight="1" x14ac:dyDescent="0.2">
      <c r="A111" s="14">
        <v>87</v>
      </c>
      <c r="B111" s="15">
        <v>17</v>
      </c>
      <c r="C111" s="16">
        <v>30</v>
      </c>
      <c r="D111" s="17">
        <v>47</v>
      </c>
    </row>
    <row r="112" spans="1:4" ht="18" customHeight="1" x14ac:dyDescent="0.2">
      <c r="A112" s="14">
        <v>88</v>
      </c>
      <c r="B112" s="15">
        <v>11</v>
      </c>
      <c r="C112" s="16">
        <v>31</v>
      </c>
      <c r="D112" s="17">
        <v>42</v>
      </c>
    </row>
    <row r="113" spans="1:4" ht="18" customHeight="1" x14ac:dyDescent="0.2">
      <c r="A113" s="14">
        <v>89</v>
      </c>
      <c r="B113" s="15">
        <v>12</v>
      </c>
      <c r="C113" s="16">
        <v>36</v>
      </c>
      <c r="D113" s="17">
        <v>48</v>
      </c>
    </row>
    <row r="114" spans="1:4" ht="18" customHeight="1" x14ac:dyDescent="0.2">
      <c r="A114" s="18" t="s">
        <v>85</v>
      </c>
      <c r="B114" s="15">
        <v>80</v>
      </c>
      <c r="C114" s="16">
        <v>172</v>
      </c>
      <c r="D114" s="17">
        <v>252</v>
      </c>
    </row>
    <row r="115" spans="1:4" ht="18" customHeight="1" x14ac:dyDescent="0.2">
      <c r="A115" s="14">
        <v>90</v>
      </c>
      <c r="B115" s="15">
        <v>9</v>
      </c>
      <c r="C115" s="16">
        <v>21</v>
      </c>
      <c r="D115" s="17">
        <v>30</v>
      </c>
    </row>
    <row r="116" spans="1:4" ht="18" customHeight="1" x14ac:dyDescent="0.2">
      <c r="A116" s="14">
        <v>91</v>
      </c>
      <c r="B116" s="15">
        <v>6</v>
      </c>
      <c r="C116" s="16">
        <v>20</v>
      </c>
      <c r="D116" s="17">
        <v>26</v>
      </c>
    </row>
    <row r="117" spans="1:4" ht="18" customHeight="1" x14ac:dyDescent="0.2">
      <c r="A117" s="14">
        <v>92</v>
      </c>
      <c r="B117" s="15">
        <v>6</v>
      </c>
      <c r="C117" s="16">
        <v>14</v>
      </c>
      <c r="D117" s="17">
        <v>20</v>
      </c>
    </row>
    <row r="118" spans="1:4" ht="18" customHeight="1" x14ac:dyDescent="0.2">
      <c r="A118" s="14">
        <v>93</v>
      </c>
      <c r="B118" s="15">
        <v>5</v>
      </c>
      <c r="C118" s="16">
        <v>13</v>
      </c>
      <c r="D118" s="17">
        <v>18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86</v>
      </c>
      <c r="B120" s="15">
        <v>29</v>
      </c>
      <c r="C120" s="16">
        <v>77</v>
      </c>
      <c r="D120" s="17">
        <v>106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3</v>
      </c>
      <c r="C122" s="16">
        <v>9</v>
      </c>
      <c r="D122" s="17">
        <v>12</v>
      </c>
    </row>
    <row r="123" spans="1:4" ht="18" customHeight="1" x14ac:dyDescent="0.2">
      <c r="A123" s="14">
        <v>97</v>
      </c>
      <c r="B123" s="15">
        <v>2</v>
      </c>
      <c r="C123" s="16">
        <v>6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87</v>
      </c>
      <c r="B126" s="15">
        <v>9</v>
      </c>
      <c r="C126" s="16">
        <v>26</v>
      </c>
      <c r="D126" s="17">
        <v>35</v>
      </c>
    </row>
    <row r="127" spans="1:4" ht="18" customHeight="1" x14ac:dyDescent="0.2">
      <c r="A127" s="14">
        <v>100</v>
      </c>
      <c r="B127" s="15">
        <v>1</v>
      </c>
      <c r="C127" s="16">
        <v>4</v>
      </c>
      <c r="D127" s="17">
        <v>5</v>
      </c>
    </row>
    <row r="128" spans="1:4" ht="18" customHeight="1" x14ac:dyDescent="0.2">
      <c r="A128" s="19" t="s">
        <v>88</v>
      </c>
      <c r="B128" s="15">
        <v>2</v>
      </c>
      <c r="C128" s="16">
        <v>3</v>
      </c>
      <c r="D128" s="17">
        <v>5</v>
      </c>
    </row>
    <row r="129" spans="1:4" ht="18" customHeight="1" x14ac:dyDescent="0.2">
      <c r="A129" s="18" t="s">
        <v>89</v>
      </c>
      <c r="B129" s="15">
        <v>3</v>
      </c>
      <c r="C129" s="16">
        <v>7</v>
      </c>
      <c r="D129" s="17">
        <v>10</v>
      </c>
    </row>
    <row r="130" spans="1:4" ht="18" customHeight="1" x14ac:dyDescent="0.2">
      <c r="A130" s="18" t="s">
        <v>90</v>
      </c>
      <c r="B130" s="4">
        <v>1099</v>
      </c>
      <c r="C130" s="5">
        <v>1634</v>
      </c>
      <c r="D130" s="6">
        <v>2733</v>
      </c>
    </row>
    <row r="131" spans="1:4" ht="18" customHeight="1" x14ac:dyDescent="0.2">
      <c r="A131" s="20" t="s">
        <v>65</v>
      </c>
      <c r="B131" s="7">
        <v>5231</v>
      </c>
      <c r="C131" s="8">
        <v>5615</v>
      </c>
      <c r="D131" s="9">
        <v>1084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4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9</v>
      </c>
      <c r="C5" s="12">
        <v>30</v>
      </c>
      <c r="D5" s="13">
        <v>59</v>
      </c>
    </row>
    <row r="6" spans="1:4" ht="18" customHeight="1" x14ac:dyDescent="0.2">
      <c r="A6" s="14">
        <v>1</v>
      </c>
      <c r="B6" s="15">
        <v>42</v>
      </c>
      <c r="C6" s="16">
        <v>27</v>
      </c>
      <c r="D6" s="17">
        <v>69</v>
      </c>
    </row>
    <row r="7" spans="1:4" ht="18" customHeight="1" x14ac:dyDescent="0.2">
      <c r="A7" s="14">
        <v>2</v>
      </c>
      <c r="B7" s="15">
        <v>39</v>
      </c>
      <c r="C7" s="16">
        <v>20</v>
      </c>
      <c r="D7" s="17">
        <v>59</v>
      </c>
    </row>
    <row r="8" spans="1:4" ht="18" customHeight="1" x14ac:dyDescent="0.2">
      <c r="A8" s="14">
        <v>3</v>
      </c>
      <c r="B8" s="15">
        <v>31</v>
      </c>
      <c r="C8" s="16">
        <v>29</v>
      </c>
      <c r="D8" s="17">
        <v>60</v>
      </c>
    </row>
    <row r="9" spans="1:4" ht="18" customHeight="1" x14ac:dyDescent="0.2">
      <c r="A9" s="14">
        <v>4</v>
      </c>
      <c r="B9" s="15">
        <v>35</v>
      </c>
      <c r="C9" s="16">
        <v>28</v>
      </c>
      <c r="D9" s="17">
        <v>63</v>
      </c>
    </row>
    <row r="10" spans="1:4" ht="18" customHeight="1" x14ac:dyDescent="0.2">
      <c r="A10" s="18" t="s">
        <v>66</v>
      </c>
      <c r="B10" s="15">
        <v>176</v>
      </c>
      <c r="C10" s="16">
        <v>134</v>
      </c>
      <c r="D10" s="17">
        <v>310</v>
      </c>
    </row>
    <row r="11" spans="1:4" ht="18" customHeight="1" x14ac:dyDescent="0.2">
      <c r="A11" s="14">
        <v>5</v>
      </c>
      <c r="B11" s="15">
        <v>30</v>
      </c>
      <c r="C11" s="16">
        <v>34</v>
      </c>
      <c r="D11" s="17">
        <v>64</v>
      </c>
    </row>
    <row r="12" spans="1:4" ht="18" customHeight="1" x14ac:dyDescent="0.2">
      <c r="A12" s="14">
        <v>6</v>
      </c>
      <c r="B12" s="15">
        <v>32</v>
      </c>
      <c r="C12" s="16">
        <v>26</v>
      </c>
      <c r="D12" s="17">
        <v>58</v>
      </c>
    </row>
    <row r="13" spans="1:4" ht="18" customHeight="1" x14ac:dyDescent="0.2">
      <c r="A13" s="14">
        <v>7</v>
      </c>
      <c r="B13" s="15">
        <v>31</v>
      </c>
      <c r="C13" s="16">
        <v>20</v>
      </c>
      <c r="D13" s="17">
        <v>51</v>
      </c>
    </row>
    <row r="14" spans="1:4" ht="18" customHeight="1" x14ac:dyDescent="0.2">
      <c r="A14" s="14">
        <v>8</v>
      </c>
      <c r="B14" s="15">
        <v>33</v>
      </c>
      <c r="C14" s="16">
        <v>27</v>
      </c>
      <c r="D14" s="17">
        <v>60</v>
      </c>
    </row>
    <row r="15" spans="1:4" ht="18" customHeight="1" x14ac:dyDescent="0.2">
      <c r="A15" s="14">
        <v>9</v>
      </c>
      <c r="B15" s="15">
        <v>34</v>
      </c>
      <c r="C15" s="16">
        <v>37</v>
      </c>
      <c r="D15" s="17">
        <v>71</v>
      </c>
    </row>
    <row r="16" spans="1:4" ht="18" customHeight="1" x14ac:dyDescent="0.2">
      <c r="A16" s="18" t="s">
        <v>67</v>
      </c>
      <c r="B16" s="15">
        <v>160</v>
      </c>
      <c r="C16" s="16">
        <v>144</v>
      </c>
      <c r="D16" s="17">
        <v>304</v>
      </c>
    </row>
    <row r="17" spans="1:4" ht="18" customHeight="1" x14ac:dyDescent="0.2">
      <c r="A17" s="14">
        <v>10</v>
      </c>
      <c r="B17" s="15">
        <v>33</v>
      </c>
      <c r="C17" s="16">
        <v>35</v>
      </c>
      <c r="D17" s="17">
        <v>68</v>
      </c>
    </row>
    <row r="18" spans="1:4" ht="18" customHeight="1" x14ac:dyDescent="0.2">
      <c r="A18" s="14">
        <v>11</v>
      </c>
      <c r="B18" s="15">
        <v>36</v>
      </c>
      <c r="C18" s="16">
        <v>44</v>
      </c>
      <c r="D18" s="17">
        <v>80</v>
      </c>
    </row>
    <row r="19" spans="1:4" ht="18" customHeight="1" x14ac:dyDescent="0.2">
      <c r="A19" s="14">
        <v>12</v>
      </c>
      <c r="B19" s="15">
        <v>32</v>
      </c>
      <c r="C19" s="16">
        <v>39</v>
      </c>
      <c r="D19" s="17">
        <v>71</v>
      </c>
    </row>
    <row r="20" spans="1:4" ht="18" customHeight="1" x14ac:dyDescent="0.2">
      <c r="A20" s="14">
        <v>13</v>
      </c>
      <c r="B20" s="15">
        <v>33</v>
      </c>
      <c r="C20" s="16">
        <v>32</v>
      </c>
      <c r="D20" s="17">
        <v>65</v>
      </c>
    </row>
    <row r="21" spans="1:4" ht="18" customHeight="1" x14ac:dyDescent="0.2">
      <c r="A21" s="14">
        <v>14</v>
      </c>
      <c r="B21" s="15">
        <v>34</v>
      </c>
      <c r="C21" s="16">
        <v>48</v>
      </c>
      <c r="D21" s="17">
        <v>82</v>
      </c>
    </row>
    <row r="22" spans="1:4" ht="18" customHeight="1" x14ac:dyDescent="0.2">
      <c r="A22" s="18" t="s">
        <v>68</v>
      </c>
      <c r="B22" s="15">
        <v>168</v>
      </c>
      <c r="C22" s="16">
        <v>198</v>
      </c>
      <c r="D22" s="17">
        <v>366</v>
      </c>
    </row>
    <row r="23" spans="1:4" ht="18" customHeight="1" x14ac:dyDescent="0.2">
      <c r="A23" s="18" t="s">
        <v>69</v>
      </c>
      <c r="B23" s="15">
        <v>504</v>
      </c>
      <c r="C23" s="16">
        <v>476</v>
      </c>
      <c r="D23" s="17">
        <v>980</v>
      </c>
    </row>
    <row r="24" spans="1:4" ht="18" customHeight="1" x14ac:dyDescent="0.2">
      <c r="A24" s="14">
        <v>15</v>
      </c>
      <c r="B24" s="15">
        <v>33</v>
      </c>
      <c r="C24" s="16">
        <v>30</v>
      </c>
      <c r="D24" s="17">
        <v>63</v>
      </c>
    </row>
    <row r="25" spans="1:4" ht="18" customHeight="1" x14ac:dyDescent="0.2">
      <c r="A25" s="14">
        <v>16</v>
      </c>
      <c r="B25" s="15">
        <v>51</v>
      </c>
      <c r="C25" s="16">
        <v>46</v>
      </c>
      <c r="D25" s="17">
        <v>97</v>
      </c>
    </row>
    <row r="26" spans="1:4" ht="18" customHeight="1" x14ac:dyDescent="0.2">
      <c r="A26" s="14">
        <v>17</v>
      </c>
      <c r="B26" s="15">
        <v>29</v>
      </c>
      <c r="C26" s="16">
        <v>38</v>
      </c>
      <c r="D26" s="17">
        <v>67</v>
      </c>
    </row>
    <row r="27" spans="1:4" ht="18" customHeight="1" x14ac:dyDescent="0.2">
      <c r="A27" s="14">
        <v>18</v>
      </c>
      <c r="B27" s="15">
        <v>36</v>
      </c>
      <c r="C27" s="16">
        <v>36</v>
      </c>
      <c r="D27" s="17">
        <v>72</v>
      </c>
    </row>
    <row r="28" spans="1:4" ht="18" customHeight="1" x14ac:dyDescent="0.2">
      <c r="A28" s="14">
        <v>19</v>
      </c>
      <c r="B28" s="15">
        <v>44</v>
      </c>
      <c r="C28" s="16">
        <v>40</v>
      </c>
      <c r="D28" s="17">
        <v>84</v>
      </c>
    </row>
    <row r="29" spans="1:4" ht="18" customHeight="1" x14ac:dyDescent="0.2">
      <c r="A29" s="18" t="s">
        <v>70</v>
      </c>
      <c r="B29" s="15">
        <v>193</v>
      </c>
      <c r="C29" s="16">
        <v>190</v>
      </c>
      <c r="D29" s="17">
        <v>383</v>
      </c>
    </row>
    <row r="30" spans="1:4" ht="18" customHeight="1" x14ac:dyDescent="0.2">
      <c r="A30" s="14">
        <v>20</v>
      </c>
      <c r="B30" s="15">
        <v>26</v>
      </c>
      <c r="C30" s="16">
        <v>39</v>
      </c>
      <c r="D30" s="17">
        <v>65</v>
      </c>
    </row>
    <row r="31" spans="1:4" ht="18" customHeight="1" x14ac:dyDescent="0.2">
      <c r="A31" s="14">
        <v>21</v>
      </c>
      <c r="B31" s="15">
        <v>38</v>
      </c>
      <c r="C31" s="16">
        <v>37</v>
      </c>
      <c r="D31" s="17">
        <v>75</v>
      </c>
    </row>
    <row r="32" spans="1:4" ht="18" customHeight="1" x14ac:dyDescent="0.2">
      <c r="A32" s="14">
        <v>22</v>
      </c>
      <c r="B32" s="15">
        <v>30</v>
      </c>
      <c r="C32" s="16">
        <v>33</v>
      </c>
      <c r="D32" s="17">
        <v>63</v>
      </c>
    </row>
    <row r="33" spans="1:4" ht="18" customHeight="1" x14ac:dyDescent="0.2">
      <c r="A33" s="14">
        <v>23</v>
      </c>
      <c r="B33" s="15">
        <v>38</v>
      </c>
      <c r="C33" s="16">
        <v>41</v>
      </c>
      <c r="D33" s="17">
        <v>79</v>
      </c>
    </row>
    <row r="34" spans="1:4" ht="18" customHeight="1" x14ac:dyDescent="0.2">
      <c r="A34" s="14">
        <v>24</v>
      </c>
      <c r="B34" s="15">
        <v>32</v>
      </c>
      <c r="C34" s="16">
        <v>41</v>
      </c>
      <c r="D34" s="17">
        <v>73</v>
      </c>
    </row>
    <row r="35" spans="1:4" ht="18" customHeight="1" x14ac:dyDescent="0.2">
      <c r="A35" s="18" t="s">
        <v>71</v>
      </c>
      <c r="B35" s="15">
        <v>164</v>
      </c>
      <c r="C35" s="16">
        <v>191</v>
      </c>
      <c r="D35" s="17">
        <v>355</v>
      </c>
    </row>
    <row r="36" spans="1:4" ht="18" customHeight="1" x14ac:dyDescent="0.2">
      <c r="A36" s="14">
        <v>25</v>
      </c>
      <c r="B36" s="15">
        <v>43</v>
      </c>
      <c r="C36" s="16">
        <v>31</v>
      </c>
      <c r="D36" s="17">
        <v>74</v>
      </c>
    </row>
    <row r="37" spans="1:4" ht="18" customHeight="1" x14ac:dyDescent="0.2">
      <c r="A37" s="14">
        <v>26</v>
      </c>
      <c r="B37" s="15">
        <v>44</v>
      </c>
      <c r="C37" s="16">
        <v>44</v>
      </c>
      <c r="D37" s="17">
        <v>88</v>
      </c>
    </row>
    <row r="38" spans="1:4" ht="18" customHeight="1" x14ac:dyDescent="0.2">
      <c r="A38" s="14">
        <v>27</v>
      </c>
      <c r="B38" s="15">
        <v>45</v>
      </c>
      <c r="C38" s="16">
        <v>42</v>
      </c>
      <c r="D38" s="17">
        <v>87</v>
      </c>
    </row>
    <row r="39" spans="1:4" ht="18" customHeight="1" x14ac:dyDescent="0.2">
      <c r="A39" s="14">
        <v>28</v>
      </c>
      <c r="B39" s="15">
        <v>38</v>
      </c>
      <c r="C39" s="16">
        <v>36</v>
      </c>
      <c r="D39" s="17">
        <v>74</v>
      </c>
    </row>
    <row r="40" spans="1:4" ht="18" customHeight="1" x14ac:dyDescent="0.2">
      <c r="A40" s="14">
        <v>29</v>
      </c>
      <c r="B40" s="15">
        <v>45</v>
      </c>
      <c r="C40" s="16">
        <v>40</v>
      </c>
      <c r="D40" s="17">
        <v>85</v>
      </c>
    </row>
    <row r="41" spans="1:4" ht="18" customHeight="1" x14ac:dyDescent="0.2">
      <c r="A41" s="18" t="s">
        <v>72</v>
      </c>
      <c r="B41" s="15">
        <v>215</v>
      </c>
      <c r="C41" s="16">
        <v>193</v>
      </c>
      <c r="D41" s="17">
        <v>408</v>
      </c>
    </row>
    <row r="42" spans="1:4" ht="18" customHeight="1" x14ac:dyDescent="0.2">
      <c r="A42" s="14">
        <v>30</v>
      </c>
      <c r="B42" s="15">
        <v>38</v>
      </c>
      <c r="C42" s="16">
        <v>44</v>
      </c>
      <c r="D42" s="17">
        <v>82</v>
      </c>
    </row>
    <row r="43" spans="1:4" ht="18" customHeight="1" x14ac:dyDescent="0.2">
      <c r="A43" s="14">
        <v>31</v>
      </c>
      <c r="B43" s="15">
        <v>57</v>
      </c>
      <c r="C43" s="16">
        <v>58</v>
      </c>
      <c r="D43" s="17">
        <v>115</v>
      </c>
    </row>
    <row r="44" spans="1:4" ht="18" customHeight="1" x14ac:dyDescent="0.2">
      <c r="A44" s="14">
        <v>32</v>
      </c>
      <c r="B44" s="15">
        <v>64</v>
      </c>
      <c r="C44" s="16">
        <v>60</v>
      </c>
      <c r="D44" s="17">
        <v>124</v>
      </c>
    </row>
    <row r="45" spans="1:4" ht="18" customHeight="1" x14ac:dyDescent="0.2">
      <c r="A45" s="14">
        <v>33</v>
      </c>
      <c r="B45" s="15">
        <v>50</v>
      </c>
      <c r="C45" s="16">
        <v>54</v>
      </c>
      <c r="D45" s="17">
        <v>104</v>
      </c>
    </row>
    <row r="46" spans="1:4" ht="18" customHeight="1" x14ac:dyDescent="0.2">
      <c r="A46" s="14">
        <v>34</v>
      </c>
      <c r="B46" s="15">
        <v>50</v>
      </c>
      <c r="C46" s="16">
        <v>62</v>
      </c>
      <c r="D46" s="17">
        <v>112</v>
      </c>
    </row>
    <row r="47" spans="1:4" ht="18" customHeight="1" x14ac:dyDescent="0.2">
      <c r="A47" s="18" t="s">
        <v>73</v>
      </c>
      <c r="B47" s="15">
        <v>259</v>
      </c>
      <c r="C47" s="16">
        <v>278</v>
      </c>
      <c r="D47" s="17">
        <v>537</v>
      </c>
    </row>
    <row r="48" spans="1:4" ht="18" customHeight="1" x14ac:dyDescent="0.2">
      <c r="A48" s="14">
        <v>35</v>
      </c>
      <c r="B48" s="15">
        <v>64</v>
      </c>
      <c r="C48" s="16">
        <v>41</v>
      </c>
      <c r="D48" s="17">
        <v>105</v>
      </c>
    </row>
    <row r="49" spans="1:4" ht="18" customHeight="1" x14ac:dyDescent="0.2">
      <c r="A49" s="14">
        <v>36</v>
      </c>
      <c r="B49" s="15">
        <v>54</v>
      </c>
      <c r="C49" s="16">
        <v>61</v>
      </c>
      <c r="D49" s="17">
        <v>115</v>
      </c>
    </row>
    <row r="50" spans="1:4" ht="18" customHeight="1" x14ac:dyDescent="0.2">
      <c r="A50" s="14">
        <v>37</v>
      </c>
      <c r="B50" s="15">
        <v>71</v>
      </c>
      <c r="C50" s="16">
        <v>57</v>
      </c>
      <c r="D50" s="17">
        <v>128</v>
      </c>
    </row>
    <row r="51" spans="1:4" ht="18" customHeight="1" x14ac:dyDescent="0.2">
      <c r="A51" s="14">
        <v>38</v>
      </c>
      <c r="B51" s="15">
        <v>56</v>
      </c>
      <c r="C51" s="16">
        <v>56</v>
      </c>
      <c r="D51" s="17">
        <v>112</v>
      </c>
    </row>
    <row r="52" spans="1:4" ht="18" customHeight="1" x14ac:dyDescent="0.2">
      <c r="A52" s="14">
        <v>39</v>
      </c>
      <c r="B52" s="15">
        <v>57</v>
      </c>
      <c r="C52" s="16">
        <v>45</v>
      </c>
      <c r="D52" s="17">
        <v>102</v>
      </c>
    </row>
    <row r="53" spans="1:4" ht="18" customHeight="1" x14ac:dyDescent="0.2">
      <c r="A53" s="18" t="s">
        <v>74</v>
      </c>
      <c r="B53" s="15">
        <v>302</v>
      </c>
      <c r="C53" s="16">
        <v>260</v>
      </c>
      <c r="D53" s="17">
        <v>562</v>
      </c>
    </row>
    <row r="54" spans="1:4" ht="18" customHeight="1" x14ac:dyDescent="0.2">
      <c r="A54" s="14">
        <v>40</v>
      </c>
      <c r="B54" s="15">
        <v>67</v>
      </c>
      <c r="C54" s="16">
        <v>57</v>
      </c>
      <c r="D54" s="17">
        <v>124</v>
      </c>
    </row>
    <row r="55" spans="1:4" ht="18" customHeight="1" x14ac:dyDescent="0.2">
      <c r="A55" s="14">
        <v>41</v>
      </c>
      <c r="B55" s="15">
        <v>48</v>
      </c>
      <c r="C55" s="16">
        <v>54</v>
      </c>
      <c r="D55" s="17">
        <v>102</v>
      </c>
    </row>
    <row r="56" spans="1:4" ht="18" customHeight="1" x14ac:dyDescent="0.2">
      <c r="A56" s="14">
        <v>42</v>
      </c>
      <c r="B56" s="15">
        <v>70</v>
      </c>
      <c r="C56" s="16">
        <v>54</v>
      </c>
      <c r="D56" s="17">
        <v>124</v>
      </c>
    </row>
    <row r="57" spans="1:4" ht="18" customHeight="1" x14ac:dyDescent="0.2">
      <c r="A57" s="14">
        <v>43</v>
      </c>
      <c r="B57" s="15">
        <v>42</v>
      </c>
      <c r="C57" s="16">
        <v>52</v>
      </c>
      <c r="D57" s="17">
        <v>94</v>
      </c>
    </row>
    <row r="58" spans="1:4" ht="18" customHeight="1" x14ac:dyDescent="0.2">
      <c r="A58" s="14">
        <v>44</v>
      </c>
      <c r="B58" s="15">
        <v>62</v>
      </c>
      <c r="C58" s="16">
        <v>47</v>
      </c>
      <c r="D58" s="17">
        <v>109</v>
      </c>
    </row>
    <row r="59" spans="1:4" ht="18" customHeight="1" x14ac:dyDescent="0.2">
      <c r="A59" s="18" t="s">
        <v>75</v>
      </c>
      <c r="B59" s="15">
        <v>289</v>
      </c>
      <c r="C59" s="16">
        <v>264</v>
      </c>
      <c r="D59" s="17">
        <v>553</v>
      </c>
    </row>
    <row r="60" spans="1:4" ht="18" customHeight="1" x14ac:dyDescent="0.2">
      <c r="A60" s="14">
        <v>45</v>
      </c>
      <c r="B60" s="15">
        <v>57</v>
      </c>
      <c r="C60" s="16">
        <v>55</v>
      </c>
      <c r="D60" s="17">
        <v>112</v>
      </c>
    </row>
    <row r="61" spans="1:4" ht="18" customHeight="1" x14ac:dyDescent="0.2">
      <c r="A61" s="14">
        <v>46</v>
      </c>
      <c r="B61" s="15">
        <v>43</v>
      </c>
      <c r="C61" s="16">
        <v>50</v>
      </c>
      <c r="D61" s="17">
        <v>93</v>
      </c>
    </row>
    <row r="62" spans="1:4" ht="18" customHeight="1" x14ac:dyDescent="0.2">
      <c r="A62" s="14">
        <v>47</v>
      </c>
      <c r="B62" s="15">
        <v>45</v>
      </c>
      <c r="C62" s="16">
        <v>54</v>
      </c>
      <c r="D62" s="17">
        <v>99</v>
      </c>
    </row>
    <row r="63" spans="1:4" ht="18" customHeight="1" x14ac:dyDescent="0.2">
      <c r="A63" s="14">
        <v>48</v>
      </c>
      <c r="B63" s="15">
        <v>46</v>
      </c>
      <c r="C63" s="16">
        <v>41</v>
      </c>
      <c r="D63" s="17">
        <v>87</v>
      </c>
    </row>
    <row r="64" spans="1:4" ht="18" customHeight="1" x14ac:dyDescent="0.2">
      <c r="A64" s="14">
        <v>49</v>
      </c>
      <c r="B64" s="15">
        <v>49</v>
      </c>
      <c r="C64" s="16">
        <v>38</v>
      </c>
      <c r="D64" s="17">
        <v>87</v>
      </c>
    </row>
    <row r="65" spans="1:4" ht="18" customHeight="1" x14ac:dyDescent="0.2">
      <c r="A65" s="18" t="s">
        <v>76</v>
      </c>
      <c r="B65" s="15">
        <v>240</v>
      </c>
      <c r="C65" s="16">
        <v>238</v>
      </c>
      <c r="D65" s="17">
        <v>478</v>
      </c>
    </row>
    <row r="66" spans="1:4" ht="18" customHeight="1" x14ac:dyDescent="0.2">
      <c r="A66" s="14">
        <v>50</v>
      </c>
      <c r="B66" s="15">
        <v>62</v>
      </c>
      <c r="C66" s="16">
        <v>46</v>
      </c>
      <c r="D66" s="17">
        <v>108</v>
      </c>
    </row>
    <row r="67" spans="1:4" ht="18" customHeight="1" x14ac:dyDescent="0.2">
      <c r="A67" s="14">
        <v>51</v>
      </c>
      <c r="B67" s="15">
        <v>54</v>
      </c>
      <c r="C67" s="16">
        <v>45</v>
      </c>
      <c r="D67" s="17">
        <v>99</v>
      </c>
    </row>
    <row r="68" spans="1:4" ht="18" customHeight="1" x14ac:dyDescent="0.2">
      <c r="A68" s="14">
        <v>52</v>
      </c>
      <c r="B68" s="15">
        <v>32</v>
      </c>
      <c r="C68" s="16">
        <v>29</v>
      </c>
      <c r="D68" s="17">
        <v>61</v>
      </c>
    </row>
    <row r="69" spans="1:4" ht="18" customHeight="1" x14ac:dyDescent="0.2">
      <c r="A69" s="14">
        <v>53</v>
      </c>
      <c r="B69" s="15">
        <v>44</v>
      </c>
      <c r="C69" s="16">
        <v>48</v>
      </c>
      <c r="D69" s="17">
        <v>92</v>
      </c>
    </row>
    <row r="70" spans="1:4" ht="18" customHeight="1" x14ac:dyDescent="0.2">
      <c r="A70" s="14">
        <v>54</v>
      </c>
      <c r="B70" s="15">
        <v>45</v>
      </c>
      <c r="C70" s="16">
        <v>53</v>
      </c>
      <c r="D70" s="17">
        <v>98</v>
      </c>
    </row>
    <row r="71" spans="1:4" ht="18" customHeight="1" x14ac:dyDescent="0.2">
      <c r="A71" s="18" t="s">
        <v>77</v>
      </c>
      <c r="B71" s="15">
        <v>237</v>
      </c>
      <c r="C71" s="16">
        <v>221</v>
      </c>
      <c r="D71" s="17">
        <v>458</v>
      </c>
    </row>
    <row r="72" spans="1:4" ht="18" customHeight="1" x14ac:dyDescent="0.2">
      <c r="A72" s="14">
        <v>55</v>
      </c>
      <c r="B72" s="15">
        <v>45</v>
      </c>
      <c r="C72" s="16">
        <v>44</v>
      </c>
      <c r="D72" s="17">
        <v>89</v>
      </c>
    </row>
    <row r="73" spans="1:4" ht="18" customHeight="1" x14ac:dyDescent="0.2">
      <c r="A73" s="14">
        <v>56</v>
      </c>
      <c r="B73" s="15">
        <v>51</v>
      </c>
      <c r="C73" s="16">
        <v>50</v>
      </c>
      <c r="D73" s="17">
        <v>101</v>
      </c>
    </row>
    <row r="74" spans="1:4" ht="18" customHeight="1" x14ac:dyDescent="0.2">
      <c r="A74" s="14">
        <v>57</v>
      </c>
      <c r="B74" s="15">
        <v>40</v>
      </c>
      <c r="C74" s="16">
        <v>64</v>
      </c>
      <c r="D74" s="17">
        <v>104</v>
      </c>
    </row>
    <row r="75" spans="1:4" ht="18" customHeight="1" x14ac:dyDescent="0.2">
      <c r="A75" s="14">
        <v>58</v>
      </c>
      <c r="B75" s="15">
        <v>47</v>
      </c>
      <c r="C75" s="16">
        <v>62</v>
      </c>
      <c r="D75" s="17">
        <v>109</v>
      </c>
    </row>
    <row r="76" spans="1:4" ht="18" customHeight="1" x14ac:dyDescent="0.2">
      <c r="A76" s="14">
        <v>59</v>
      </c>
      <c r="B76" s="15">
        <v>73</v>
      </c>
      <c r="C76" s="16">
        <v>72</v>
      </c>
      <c r="D76" s="17">
        <v>145</v>
      </c>
    </row>
    <row r="77" spans="1:4" ht="18" customHeight="1" x14ac:dyDescent="0.2">
      <c r="A77" s="18" t="s">
        <v>78</v>
      </c>
      <c r="B77" s="15">
        <v>256</v>
      </c>
      <c r="C77" s="16">
        <v>292</v>
      </c>
      <c r="D77" s="17">
        <v>548</v>
      </c>
    </row>
    <row r="78" spans="1:4" ht="18" customHeight="1" x14ac:dyDescent="0.2">
      <c r="A78" s="14">
        <v>60</v>
      </c>
      <c r="B78" s="15">
        <v>78</v>
      </c>
      <c r="C78" s="16">
        <v>84</v>
      </c>
      <c r="D78" s="17">
        <v>162</v>
      </c>
    </row>
    <row r="79" spans="1:4" ht="18" customHeight="1" x14ac:dyDescent="0.2">
      <c r="A79" s="14">
        <v>61</v>
      </c>
      <c r="B79" s="15">
        <v>72</v>
      </c>
      <c r="C79" s="16">
        <v>89</v>
      </c>
      <c r="D79" s="17">
        <v>161</v>
      </c>
    </row>
    <row r="80" spans="1:4" ht="18" customHeight="1" x14ac:dyDescent="0.2">
      <c r="A80" s="14">
        <v>62</v>
      </c>
      <c r="B80" s="15">
        <v>82</v>
      </c>
      <c r="C80" s="16">
        <v>89</v>
      </c>
      <c r="D80" s="17">
        <v>171</v>
      </c>
    </row>
    <row r="81" spans="1:4" ht="18" customHeight="1" x14ac:dyDescent="0.2">
      <c r="A81" s="14">
        <v>63</v>
      </c>
      <c r="B81" s="15">
        <v>35</v>
      </c>
      <c r="C81" s="16">
        <v>55</v>
      </c>
      <c r="D81" s="17">
        <v>90</v>
      </c>
    </row>
    <row r="82" spans="1:4" ht="18" customHeight="1" x14ac:dyDescent="0.2">
      <c r="A82" s="14">
        <v>64</v>
      </c>
      <c r="B82" s="15">
        <v>39</v>
      </c>
      <c r="C82" s="16">
        <v>55</v>
      </c>
      <c r="D82" s="17">
        <v>94</v>
      </c>
    </row>
    <row r="83" spans="1:4" ht="18" customHeight="1" x14ac:dyDescent="0.2">
      <c r="A83" s="18" t="s">
        <v>79</v>
      </c>
      <c r="B83" s="15">
        <v>306</v>
      </c>
      <c r="C83" s="16">
        <v>372</v>
      </c>
      <c r="D83" s="17">
        <v>678</v>
      </c>
    </row>
    <row r="84" spans="1:4" ht="18" customHeight="1" x14ac:dyDescent="0.2">
      <c r="A84" s="18" t="s">
        <v>80</v>
      </c>
      <c r="B84" s="15">
        <v>2461</v>
      </c>
      <c r="C84" s="16">
        <v>2499</v>
      </c>
      <c r="D84" s="17">
        <v>4960</v>
      </c>
    </row>
    <row r="85" spans="1:4" ht="18" customHeight="1" x14ac:dyDescent="0.2">
      <c r="A85" s="14">
        <v>65</v>
      </c>
      <c r="B85" s="15">
        <v>66</v>
      </c>
      <c r="C85" s="16">
        <v>87</v>
      </c>
      <c r="D85" s="17">
        <v>153</v>
      </c>
    </row>
    <row r="86" spans="1:4" ht="18" customHeight="1" x14ac:dyDescent="0.2">
      <c r="A86" s="14">
        <v>66</v>
      </c>
      <c r="B86" s="15">
        <v>65</v>
      </c>
      <c r="C86" s="16">
        <v>71</v>
      </c>
      <c r="D86" s="17">
        <v>136</v>
      </c>
    </row>
    <row r="87" spans="1:4" ht="18" customHeight="1" x14ac:dyDescent="0.2">
      <c r="A87" s="14">
        <v>67</v>
      </c>
      <c r="B87" s="15">
        <v>69</v>
      </c>
      <c r="C87" s="16">
        <v>79</v>
      </c>
      <c r="D87" s="17">
        <v>148</v>
      </c>
    </row>
    <row r="88" spans="1:4" ht="18" customHeight="1" x14ac:dyDescent="0.2">
      <c r="A88" s="14">
        <v>68</v>
      </c>
      <c r="B88" s="15">
        <v>66</v>
      </c>
      <c r="C88" s="16">
        <v>75</v>
      </c>
      <c r="D88" s="17">
        <v>141</v>
      </c>
    </row>
    <row r="89" spans="1:4" ht="18" customHeight="1" x14ac:dyDescent="0.2">
      <c r="A89" s="14">
        <v>69</v>
      </c>
      <c r="B89" s="15">
        <v>54</v>
      </c>
      <c r="C89" s="16">
        <v>63</v>
      </c>
      <c r="D89" s="17">
        <v>117</v>
      </c>
    </row>
    <row r="90" spans="1:4" ht="18" customHeight="1" x14ac:dyDescent="0.2">
      <c r="A90" s="18" t="s">
        <v>81</v>
      </c>
      <c r="B90" s="15">
        <v>320</v>
      </c>
      <c r="C90" s="16">
        <v>375</v>
      </c>
      <c r="D90" s="17">
        <v>695</v>
      </c>
    </row>
    <row r="91" spans="1:4" ht="18" customHeight="1" x14ac:dyDescent="0.2">
      <c r="A91" s="14">
        <v>70</v>
      </c>
      <c r="B91" s="15">
        <v>53</v>
      </c>
      <c r="C91" s="16">
        <v>52</v>
      </c>
      <c r="D91" s="17">
        <v>105</v>
      </c>
    </row>
    <row r="92" spans="1:4" ht="18" customHeight="1" x14ac:dyDescent="0.2">
      <c r="A92" s="14">
        <v>71</v>
      </c>
      <c r="B92" s="15">
        <v>55</v>
      </c>
      <c r="C92" s="16">
        <v>63</v>
      </c>
      <c r="D92" s="17">
        <v>118</v>
      </c>
    </row>
    <row r="93" spans="1:4" ht="18" customHeight="1" x14ac:dyDescent="0.2">
      <c r="A93" s="14">
        <v>72</v>
      </c>
      <c r="B93" s="15">
        <v>52</v>
      </c>
      <c r="C93" s="16">
        <v>74</v>
      </c>
      <c r="D93" s="17">
        <v>126</v>
      </c>
    </row>
    <row r="94" spans="1:4" ht="18" customHeight="1" x14ac:dyDescent="0.2">
      <c r="A94" s="14">
        <v>73</v>
      </c>
      <c r="B94" s="15">
        <v>59</v>
      </c>
      <c r="C94" s="16">
        <v>70</v>
      </c>
      <c r="D94" s="17">
        <v>129</v>
      </c>
    </row>
    <row r="95" spans="1:4" ht="18" customHeight="1" x14ac:dyDescent="0.2">
      <c r="A95" s="14">
        <v>74</v>
      </c>
      <c r="B95" s="15">
        <v>43</v>
      </c>
      <c r="C95" s="16">
        <v>53</v>
      </c>
      <c r="D95" s="17">
        <v>96</v>
      </c>
    </row>
    <row r="96" spans="1:4" ht="18" customHeight="1" x14ac:dyDescent="0.2">
      <c r="A96" s="18" t="s">
        <v>82</v>
      </c>
      <c r="B96" s="15">
        <v>262</v>
      </c>
      <c r="C96" s="16">
        <v>312</v>
      </c>
      <c r="D96" s="17">
        <v>574</v>
      </c>
    </row>
    <row r="97" spans="1:4" ht="18" customHeight="1" x14ac:dyDescent="0.2">
      <c r="A97" s="14">
        <v>75</v>
      </c>
      <c r="B97" s="15">
        <v>59</v>
      </c>
      <c r="C97" s="16">
        <v>59</v>
      </c>
      <c r="D97" s="17">
        <v>118</v>
      </c>
    </row>
    <row r="98" spans="1:4" ht="18" customHeight="1" x14ac:dyDescent="0.2">
      <c r="A98" s="14">
        <v>76</v>
      </c>
      <c r="B98" s="15">
        <v>43</v>
      </c>
      <c r="C98" s="16">
        <v>66</v>
      </c>
      <c r="D98" s="17">
        <v>109</v>
      </c>
    </row>
    <row r="99" spans="1:4" ht="18" customHeight="1" x14ac:dyDescent="0.2">
      <c r="A99" s="14">
        <v>77</v>
      </c>
      <c r="B99" s="15">
        <v>32</v>
      </c>
      <c r="C99" s="16">
        <v>53</v>
      </c>
      <c r="D99" s="17">
        <v>85</v>
      </c>
    </row>
    <row r="100" spans="1:4" ht="18" customHeight="1" x14ac:dyDescent="0.2">
      <c r="A100" s="14">
        <v>78</v>
      </c>
      <c r="B100" s="15">
        <v>55</v>
      </c>
      <c r="C100" s="16">
        <v>55</v>
      </c>
      <c r="D100" s="17">
        <v>110</v>
      </c>
    </row>
    <row r="101" spans="1:4" ht="18" customHeight="1" x14ac:dyDescent="0.2">
      <c r="A101" s="14">
        <v>79</v>
      </c>
      <c r="B101" s="15">
        <v>30</v>
      </c>
      <c r="C101" s="16">
        <v>62</v>
      </c>
      <c r="D101" s="17">
        <v>92</v>
      </c>
    </row>
    <row r="102" spans="1:4" ht="18" customHeight="1" x14ac:dyDescent="0.2">
      <c r="A102" s="18" t="s">
        <v>83</v>
      </c>
      <c r="B102" s="15">
        <v>219</v>
      </c>
      <c r="C102" s="16">
        <v>295</v>
      </c>
      <c r="D102" s="17">
        <v>514</v>
      </c>
    </row>
    <row r="103" spans="1:4" ht="18" customHeight="1" x14ac:dyDescent="0.2">
      <c r="A103" s="14">
        <v>80</v>
      </c>
      <c r="B103" s="15">
        <v>41</v>
      </c>
      <c r="C103" s="16">
        <v>52</v>
      </c>
      <c r="D103" s="17">
        <v>93</v>
      </c>
    </row>
    <row r="104" spans="1:4" ht="18" customHeight="1" x14ac:dyDescent="0.2">
      <c r="A104" s="14">
        <v>81</v>
      </c>
      <c r="B104" s="15">
        <v>32</v>
      </c>
      <c r="C104" s="16">
        <v>42</v>
      </c>
      <c r="D104" s="17">
        <v>74</v>
      </c>
    </row>
    <row r="105" spans="1:4" ht="18" customHeight="1" x14ac:dyDescent="0.2">
      <c r="A105" s="14">
        <v>82</v>
      </c>
      <c r="B105" s="15">
        <v>23</v>
      </c>
      <c r="C105" s="16">
        <v>33</v>
      </c>
      <c r="D105" s="17">
        <v>56</v>
      </c>
    </row>
    <row r="106" spans="1:4" ht="18" customHeight="1" x14ac:dyDescent="0.2">
      <c r="A106" s="14">
        <v>83</v>
      </c>
      <c r="B106" s="15">
        <v>28</v>
      </c>
      <c r="C106" s="16">
        <v>34</v>
      </c>
      <c r="D106" s="17">
        <v>62</v>
      </c>
    </row>
    <row r="107" spans="1:4" ht="18" customHeight="1" x14ac:dyDescent="0.2">
      <c r="A107" s="14">
        <v>84</v>
      </c>
      <c r="B107" s="15">
        <v>17</v>
      </c>
      <c r="C107" s="16">
        <v>41</v>
      </c>
      <c r="D107" s="17">
        <v>58</v>
      </c>
    </row>
    <row r="108" spans="1:4" ht="18" customHeight="1" x14ac:dyDescent="0.2">
      <c r="A108" s="18" t="s">
        <v>84</v>
      </c>
      <c r="B108" s="15">
        <v>141</v>
      </c>
      <c r="C108" s="16">
        <v>202</v>
      </c>
      <c r="D108" s="17">
        <v>343</v>
      </c>
    </row>
    <row r="109" spans="1:4" ht="18" customHeight="1" x14ac:dyDescent="0.2">
      <c r="A109" s="14">
        <v>85</v>
      </c>
      <c r="B109" s="15">
        <v>21</v>
      </c>
      <c r="C109" s="16">
        <v>22</v>
      </c>
      <c r="D109" s="17">
        <v>43</v>
      </c>
    </row>
    <row r="110" spans="1:4" ht="18" customHeight="1" x14ac:dyDescent="0.2">
      <c r="A110" s="14">
        <v>86</v>
      </c>
      <c r="B110" s="15">
        <v>9</v>
      </c>
      <c r="C110" s="16">
        <v>23</v>
      </c>
      <c r="D110" s="17">
        <v>32</v>
      </c>
    </row>
    <row r="111" spans="1:4" ht="18" customHeight="1" x14ac:dyDescent="0.2">
      <c r="A111" s="14">
        <v>87</v>
      </c>
      <c r="B111" s="15">
        <v>10</v>
      </c>
      <c r="C111" s="16">
        <v>25</v>
      </c>
      <c r="D111" s="17">
        <v>35</v>
      </c>
    </row>
    <row r="112" spans="1:4" ht="18" customHeight="1" x14ac:dyDescent="0.2">
      <c r="A112" s="14">
        <v>88</v>
      </c>
      <c r="B112" s="15">
        <v>10</v>
      </c>
      <c r="C112" s="16">
        <v>22</v>
      </c>
      <c r="D112" s="17">
        <v>32</v>
      </c>
    </row>
    <row r="113" spans="1:4" ht="18" customHeight="1" x14ac:dyDescent="0.2">
      <c r="A113" s="14">
        <v>89</v>
      </c>
      <c r="B113" s="15">
        <v>6</v>
      </c>
      <c r="C113" s="16">
        <v>23</v>
      </c>
      <c r="D113" s="17">
        <v>29</v>
      </c>
    </row>
    <row r="114" spans="1:4" ht="18" customHeight="1" x14ac:dyDescent="0.2">
      <c r="A114" s="18" t="s">
        <v>85</v>
      </c>
      <c r="B114" s="15">
        <v>56</v>
      </c>
      <c r="C114" s="16">
        <v>115</v>
      </c>
      <c r="D114" s="17">
        <v>171</v>
      </c>
    </row>
    <row r="115" spans="1:4" ht="18" customHeight="1" x14ac:dyDescent="0.2">
      <c r="A115" s="14">
        <v>90</v>
      </c>
      <c r="B115" s="15">
        <v>6</v>
      </c>
      <c r="C115" s="16">
        <v>16</v>
      </c>
      <c r="D115" s="17">
        <v>22</v>
      </c>
    </row>
    <row r="116" spans="1:4" ht="18" customHeight="1" x14ac:dyDescent="0.2">
      <c r="A116" s="14">
        <v>91</v>
      </c>
      <c r="B116" s="15">
        <v>4</v>
      </c>
      <c r="C116" s="16">
        <v>21</v>
      </c>
      <c r="D116" s="17">
        <v>25</v>
      </c>
    </row>
    <row r="117" spans="1:4" ht="18" customHeight="1" x14ac:dyDescent="0.2">
      <c r="A117" s="14">
        <v>92</v>
      </c>
      <c r="B117" s="15">
        <v>1</v>
      </c>
      <c r="C117" s="16">
        <v>12</v>
      </c>
      <c r="D117" s="17">
        <v>13</v>
      </c>
    </row>
    <row r="118" spans="1:4" ht="18" customHeight="1" x14ac:dyDescent="0.2">
      <c r="A118" s="14">
        <v>93</v>
      </c>
      <c r="B118" s="15">
        <v>7</v>
      </c>
      <c r="C118" s="16">
        <v>7</v>
      </c>
      <c r="D118" s="17">
        <v>14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86</v>
      </c>
      <c r="B120" s="15">
        <v>21</v>
      </c>
      <c r="C120" s="16">
        <v>65</v>
      </c>
      <c r="D120" s="17">
        <v>86</v>
      </c>
    </row>
    <row r="121" spans="1:4" ht="18" customHeight="1" x14ac:dyDescent="0.2">
      <c r="A121" s="14">
        <v>95</v>
      </c>
      <c r="B121" s="15">
        <v>1</v>
      </c>
      <c r="C121" s="16">
        <v>9</v>
      </c>
      <c r="D121" s="17">
        <v>10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3</v>
      </c>
      <c r="C126" s="16">
        <v>17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90</v>
      </c>
      <c r="B130" s="4">
        <v>1022</v>
      </c>
      <c r="C130" s="5">
        <v>1385</v>
      </c>
      <c r="D130" s="6">
        <v>2407</v>
      </c>
    </row>
    <row r="131" spans="1:4" ht="18" customHeight="1" x14ac:dyDescent="0.2">
      <c r="A131" s="20" t="s">
        <v>65</v>
      </c>
      <c r="B131" s="7">
        <v>3987</v>
      </c>
      <c r="C131" s="8">
        <v>4360</v>
      </c>
      <c r="D131" s="9">
        <v>834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5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6</v>
      </c>
      <c r="C5" s="12">
        <v>19</v>
      </c>
      <c r="D5" s="13">
        <v>45</v>
      </c>
    </row>
    <row r="6" spans="1:4" ht="18" customHeight="1" x14ac:dyDescent="0.2">
      <c r="A6" s="14">
        <v>1</v>
      </c>
      <c r="B6" s="15">
        <v>20</v>
      </c>
      <c r="C6" s="16">
        <v>16</v>
      </c>
      <c r="D6" s="17">
        <v>36</v>
      </c>
    </row>
    <row r="7" spans="1:4" ht="18" customHeight="1" x14ac:dyDescent="0.2">
      <c r="A7" s="14">
        <v>2</v>
      </c>
      <c r="B7" s="15">
        <v>26</v>
      </c>
      <c r="C7" s="16">
        <v>18</v>
      </c>
      <c r="D7" s="17">
        <v>44</v>
      </c>
    </row>
    <row r="8" spans="1:4" ht="18" customHeight="1" x14ac:dyDescent="0.2">
      <c r="A8" s="14">
        <v>3</v>
      </c>
      <c r="B8" s="15">
        <v>30</v>
      </c>
      <c r="C8" s="16">
        <v>17</v>
      </c>
      <c r="D8" s="17">
        <v>47</v>
      </c>
    </row>
    <row r="9" spans="1:4" ht="18" customHeight="1" x14ac:dyDescent="0.2">
      <c r="A9" s="14">
        <v>4</v>
      </c>
      <c r="B9" s="15">
        <v>31</v>
      </c>
      <c r="C9" s="16">
        <v>22</v>
      </c>
      <c r="D9" s="17">
        <v>53</v>
      </c>
    </row>
    <row r="10" spans="1:4" ht="18" customHeight="1" x14ac:dyDescent="0.2">
      <c r="A10" s="18" t="s">
        <v>66</v>
      </c>
      <c r="B10" s="15">
        <v>133</v>
      </c>
      <c r="C10" s="16">
        <v>92</v>
      </c>
      <c r="D10" s="17">
        <v>225</v>
      </c>
    </row>
    <row r="11" spans="1:4" ht="18" customHeight="1" x14ac:dyDescent="0.2">
      <c r="A11" s="14">
        <v>5</v>
      </c>
      <c r="B11" s="15">
        <v>27</v>
      </c>
      <c r="C11" s="16">
        <v>23</v>
      </c>
      <c r="D11" s="17">
        <v>50</v>
      </c>
    </row>
    <row r="12" spans="1:4" ht="18" customHeight="1" x14ac:dyDescent="0.2">
      <c r="A12" s="14">
        <v>6</v>
      </c>
      <c r="B12" s="15">
        <v>33</v>
      </c>
      <c r="C12" s="16">
        <v>23</v>
      </c>
      <c r="D12" s="17">
        <v>56</v>
      </c>
    </row>
    <row r="13" spans="1:4" ht="18" customHeight="1" x14ac:dyDescent="0.2">
      <c r="A13" s="14">
        <v>7</v>
      </c>
      <c r="B13" s="15">
        <v>29</v>
      </c>
      <c r="C13" s="16">
        <v>32</v>
      </c>
      <c r="D13" s="17">
        <v>61</v>
      </c>
    </row>
    <row r="14" spans="1:4" ht="18" customHeight="1" x14ac:dyDescent="0.2">
      <c r="A14" s="14">
        <v>8</v>
      </c>
      <c r="B14" s="15">
        <v>20</v>
      </c>
      <c r="C14" s="16">
        <v>33</v>
      </c>
      <c r="D14" s="17">
        <v>53</v>
      </c>
    </row>
    <row r="15" spans="1:4" ht="18" customHeight="1" x14ac:dyDescent="0.2">
      <c r="A15" s="14">
        <v>9</v>
      </c>
      <c r="B15" s="15">
        <v>34</v>
      </c>
      <c r="C15" s="16">
        <v>31</v>
      </c>
      <c r="D15" s="17">
        <v>65</v>
      </c>
    </row>
    <row r="16" spans="1:4" ht="18" customHeight="1" x14ac:dyDescent="0.2">
      <c r="A16" s="18" t="s">
        <v>67</v>
      </c>
      <c r="B16" s="15">
        <v>143</v>
      </c>
      <c r="C16" s="16">
        <v>142</v>
      </c>
      <c r="D16" s="17">
        <v>285</v>
      </c>
    </row>
    <row r="17" spans="1:4" ht="18" customHeight="1" x14ac:dyDescent="0.2">
      <c r="A17" s="14">
        <v>10</v>
      </c>
      <c r="B17" s="15">
        <v>30</v>
      </c>
      <c r="C17" s="16">
        <v>27</v>
      </c>
      <c r="D17" s="17">
        <v>57</v>
      </c>
    </row>
    <row r="18" spans="1:4" ht="18" customHeight="1" x14ac:dyDescent="0.2">
      <c r="A18" s="14">
        <v>11</v>
      </c>
      <c r="B18" s="15">
        <v>29</v>
      </c>
      <c r="C18" s="16">
        <v>32</v>
      </c>
      <c r="D18" s="17">
        <v>61</v>
      </c>
    </row>
    <row r="19" spans="1:4" ht="18" customHeight="1" x14ac:dyDescent="0.2">
      <c r="A19" s="14">
        <v>12</v>
      </c>
      <c r="B19" s="15">
        <v>28</v>
      </c>
      <c r="C19" s="16">
        <v>36</v>
      </c>
      <c r="D19" s="17">
        <v>64</v>
      </c>
    </row>
    <row r="20" spans="1:4" ht="18" customHeight="1" x14ac:dyDescent="0.2">
      <c r="A20" s="14">
        <v>13</v>
      </c>
      <c r="B20" s="15">
        <v>20</v>
      </c>
      <c r="C20" s="16">
        <v>31</v>
      </c>
      <c r="D20" s="17">
        <v>51</v>
      </c>
    </row>
    <row r="21" spans="1:4" ht="18" customHeight="1" x14ac:dyDescent="0.2">
      <c r="A21" s="14">
        <v>14</v>
      </c>
      <c r="B21" s="15">
        <v>34</v>
      </c>
      <c r="C21" s="16">
        <v>25</v>
      </c>
      <c r="D21" s="17">
        <v>59</v>
      </c>
    </row>
    <row r="22" spans="1:4" ht="18" customHeight="1" x14ac:dyDescent="0.2">
      <c r="A22" s="18" t="s">
        <v>68</v>
      </c>
      <c r="B22" s="15">
        <v>141</v>
      </c>
      <c r="C22" s="16">
        <v>151</v>
      </c>
      <c r="D22" s="17">
        <v>292</v>
      </c>
    </row>
    <row r="23" spans="1:4" ht="18" customHeight="1" x14ac:dyDescent="0.2">
      <c r="A23" s="18" t="s">
        <v>69</v>
      </c>
      <c r="B23" s="15">
        <v>417</v>
      </c>
      <c r="C23" s="16">
        <v>385</v>
      </c>
      <c r="D23" s="17">
        <v>802</v>
      </c>
    </row>
    <row r="24" spans="1:4" ht="18" customHeight="1" x14ac:dyDescent="0.2">
      <c r="A24" s="14">
        <v>15</v>
      </c>
      <c r="B24" s="15">
        <v>32</v>
      </c>
      <c r="C24" s="16">
        <v>24</v>
      </c>
      <c r="D24" s="17">
        <v>56</v>
      </c>
    </row>
    <row r="25" spans="1:4" ht="18" customHeight="1" x14ac:dyDescent="0.2">
      <c r="A25" s="14">
        <v>16</v>
      </c>
      <c r="B25" s="15">
        <v>19</v>
      </c>
      <c r="C25" s="16">
        <v>26</v>
      </c>
      <c r="D25" s="17">
        <v>45</v>
      </c>
    </row>
    <row r="26" spans="1:4" ht="18" customHeight="1" x14ac:dyDescent="0.2">
      <c r="A26" s="14">
        <v>17</v>
      </c>
      <c r="B26" s="15">
        <v>24</v>
      </c>
      <c r="C26" s="16">
        <v>21</v>
      </c>
      <c r="D26" s="17">
        <v>45</v>
      </c>
    </row>
    <row r="27" spans="1:4" ht="18" customHeight="1" x14ac:dyDescent="0.2">
      <c r="A27" s="14">
        <v>18</v>
      </c>
      <c r="B27" s="15">
        <v>37</v>
      </c>
      <c r="C27" s="16">
        <v>23</v>
      </c>
      <c r="D27" s="17">
        <v>60</v>
      </c>
    </row>
    <row r="28" spans="1:4" ht="18" customHeight="1" x14ac:dyDescent="0.2">
      <c r="A28" s="14">
        <v>19</v>
      </c>
      <c r="B28" s="15">
        <v>47</v>
      </c>
      <c r="C28" s="16">
        <v>40</v>
      </c>
      <c r="D28" s="17">
        <v>87</v>
      </c>
    </row>
    <row r="29" spans="1:4" ht="18" customHeight="1" x14ac:dyDescent="0.2">
      <c r="A29" s="18" t="s">
        <v>70</v>
      </c>
      <c r="B29" s="15">
        <v>159</v>
      </c>
      <c r="C29" s="16">
        <v>134</v>
      </c>
      <c r="D29" s="17">
        <v>293</v>
      </c>
    </row>
    <row r="30" spans="1:4" ht="18" customHeight="1" x14ac:dyDescent="0.2">
      <c r="A30" s="14">
        <v>20</v>
      </c>
      <c r="B30" s="15">
        <v>27</v>
      </c>
      <c r="C30" s="16">
        <v>27</v>
      </c>
      <c r="D30" s="17">
        <v>54</v>
      </c>
    </row>
    <row r="31" spans="1:4" ht="18" customHeight="1" x14ac:dyDescent="0.2">
      <c r="A31" s="14">
        <v>21</v>
      </c>
      <c r="B31" s="15">
        <v>38</v>
      </c>
      <c r="C31" s="16">
        <v>20</v>
      </c>
      <c r="D31" s="17">
        <v>58</v>
      </c>
    </row>
    <row r="32" spans="1:4" ht="18" customHeight="1" x14ac:dyDescent="0.2">
      <c r="A32" s="14">
        <v>22</v>
      </c>
      <c r="B32" s="15">
        <v>31</v>
      </c>
      <c r="C32" s="16">
        <v>30</v>
      </c>
      <c r="D32" s="17">
        <v>61</v>
      </c>
    </row>
    <row r="33" spans="1:4" ht="18" customHeight="1" x14ac:dyDescent="0.2">
      <c r="A33" s="14">
        <v>23</v>
      </c>
      <c r="B33" s="15">
        <v>31</v>
      </c>
      <c r="C33" s="16">
        <v>34</v>
      </c>
      <c r="D33" s="17">
        <v>65</v>
      </c>
    </row>
    <row r="34" spans="1:4" ht="18" customHeight="1" x14ac:dyDescent="0.2">
      <c r="A34" s="14">
        <v>24</v>
      </c>
      <c r="B34" s="15">
        <v>26</v>
      </c>
      <c r="C34" s="16">
        <v>21</v>
      </c>
      <c r="D34" s="17">
        <v>47</v>
      </c>
    </row>
    <row r="35" spans="1:4" ht="18" customHeight="1" x14ac:dyDescent="0.2">
      <c r="A35" s="18" t="s">
        <v>71</v>
      </c>
      <c r="B35" s="15">
        <v>153</v>
      </c>
      <c r="C35" s="16">
        <v>132</v>
      </c>
      <c r="D35" s="17">
        <v>285</v>
      </c>
    </row>
    <row r="36" spans="1:4" ht="18" customHeight="1" x14ac:dyDescent="0.2">
      <c r="A36" s="14">
        <v>25</v>
      </c>
      <c r="B36" s="15">
        <v>24</v>
      </c>
      <c r="C36" s="16">
        <v>22</v>
      </c>
      <c r="D36" s="17">
        <v>46</v>
      </c>
    </row>
    <row r="37" spans="1:4" ht="18" customHeight="1" x14ac:dyDescent="0.2">
      <c r="A37" s="14">
        <v>26</v>
      </c>
      <c r="B37" s="15">
        <v>25</v>
      </c>
      <c r="C37" s="16">
        <v>25</v>
      </c>
      <c r="D37" s="17">
        <v>50</v>
      </c>
    </row>
    <row r="38" spans="1:4" ht="18" customHeight="1" x14ac:dyDescent="0.2">
      <c r="A38" s="14">
        <v>27</v>
      </c>
      <c r="B38" s="15">
        <v>29</v>
      </c>
      <c r="C38" s="16">
        <v>30</v>
      </c>
      <c r="D38" s="17">
        <v>59</v>
      </c>
    </row>
    <row r="39" spans="1:4" ht="18" customHeight="1" x14ac:dyDescent="0.2">
      <c r="A39" s="14">
        <v>28</v>
      </c>
      <c r="B39" s="15">
        <v>27</v>
      </c>
      <c r="C39" s="16">
        <v>28</v>
      </c>
      <c r="D39" s="17">
        <v>55</v>
      </c>
    </row>
    <row r="40" spans="1:4" ht="18" customHeight="1" x14ac:dyDescent="0.2">
      <c r="A40" s="14">
        <v>29</v>
      </c>
      <c r="B40" s="15">
        <v>33</v>
      </c>
      <c r="C40" s="16">
        <v>24</v>
      </c>
      <c r="D40" s="17">
        <v>57</v>
      </c>
    </row>
    <row r="41" spans="1:4" ht="18" customHeight="1" x14ac:dyDescent="0.2">
      <c r="A41" s="18" t="s">
        <v>72</v>
      </c>
      <c r="B41" s="15">
        <v>138</v>
      </c>
      <c r="C41" s="16">
        <v>129</v>
      </c>
      <c r="D41" s="17">
        <v>267</v>
      </c>
    </row>
    <row r="42" spans="1:4" ht="18" customHeight="1" x14ac:dyDescent="0.2">
      <c r="A42" s="14">
        <v>30</v>
      </c>
      <c r="B42" s="15">
        <v>24</v>
      </c>
      <c r="C42" s="16">
        <v>23</v>
      </c>
      <c r="D42" s="17">
        <v>47</v>
      </c>
    </row>
    <row r="43" spans="1:4" ht="18" customHeight="1" x14ac:dyDescent="0.2">
      <c r="A43" s="14">
        <v>31</v>
      </c>
      <c r="B43" s="15">
        <v>22</v>
      </c>
      <c r="C43" s="16">
        <v>32</v>
      </c>
      <c r="D43" s="17">
        <v>54</v>
      </c>
    </row>
    <row r="44" spans="1:4" ht="18" customHeight="1" x14ac:dyDescent="0.2">
      <c r="A44" s="14">
        <v>32</v>
      </c>
      <c r="B44" s="15">
        <v>33</v>
      </c>
      <c r="C44" s="16">
        <v>36</v>
      </c>
      <c r="D44" s="17">
        <v>69</v>
      </c>
    </row>
    <row r="45" spans="1:4" ht="18" customHeight="1" x14ac:dyDescent="0.2">
      <c r="A45" s="14">
        <v>33</v>
      </c>
      <c r="B45" s="15">
        <v>40</v>
      </c>
      <c r="C45" s="16">
        <v>34</v>
      </c>
      <c r="D45" s="17">
        <v>74</v>
      </c>
    </row>
    <row r="46" spans="1:4" ht="18" customHeight="1" x14ac:dyDescent="0.2">
      <c r="A46" s="14">
        <v>34</v>
      </c>
      <c r="B46" s="15">
        <v>39</v>
      </c>
      <c r="C46" s="16">
        <v>38</v>
      </c>
      <c r="D46" s="17">
        <v>77</v>
      </c>
    </row>
    <row r="47" spans="1:4" ht="18" customHeight="1" x14ac:dyDescent="0.2">
      <c r="A47" s="18" t="s">
        <v>73</v>
      </c>
      <c r="B47" s="15">
        <v>158</v>
      </c>
      <c r="C47" s="16">
        <v>163</v>
      </c>
      <c r="D47" s="17">
        <v>321</v>
      </c>
    </row>
    <row r="48" spans="1:4" ht="18" customHeight="1" x14ac:dyDescent="0.2">
      <c r="A48" s="14">
        <v>35</v>
      </c>
      <c r="B48" s="15">
        <v>44</v>
      </c>
      <c r="C48" s="16">
        <v>56</v>
      </c>
      <c r="D48" s="17">
        <v>100</v>
      </c>
    </row>
    <row r="49" spans="1:4" ht="18" customHeight="1" x14ac:dyDescent="0.2">
      <c r="A49" s="14">
        <v>36</v>
      </c>
      <c r="B49" s="15">
        <v>48</v>
      </c>
      <c r="C49" s="16">
        <v>41</v>
      </c>
      <c r="D49" s="17">
        <v>89</v>
      </c>
    </row>
    <row r="50" spans="1:4" ht="18" customHeight="1" x14ac:dyDescent="0.2">
      <c r="A50" s="14">
        <v>37</v>
      </c>
      <c r="B50" s="15">
        <v>52</v>
      </c>
      <c r="C50" s="16">
        <v>37</v>
      </c>
      <c r="D50" s="17">
        <v>89</v>
      </c>
    </row>
    <row r="51" spans="1:4" ht="18" customHeight="1" x14ac:dyDescent="0.2">
      <c r="A51" s="14">
        <v>38</v>
      </c>
      <c r="B51" s="15">
        <v>36</v>
      </c>
      <c r="C51" s="16">
        <v>38</v>
      </c>
      <c r="D51" s="17">
        <v>74</v>
      </c>
    </row>
    <row r="52" spans="1:4" ht="18" customHeight="1" x14ac:dyDescent="0.2">
      <c r="A52" s="14">
        <v>39</v>
      </c>
      <c r="B52" s="15">
        <v>36</v>
      </c>
      <c r="C52" s="16">
        <v>38</v>
      </c>
      <c r="D52" s="17">
        <v>74</v>
      </c>
    </row>
    <row r="53" spans="1:4" ht="18" customHeight="1" x14ac:dyDescent="0.2">
      <c r="A53" s="18" t="s">
        <v>74</v>
      </c>
      <c r="B53" s="15">
        <v>216</v>
      </c>
      <c r="C53" s="16">
        <v>210</v>
      </c>
      <c r="D53" s="17">
        <v>426</v>
      </c>
    </row>
    <row r="54" spans="1:4" ht="18" customHeight="1" x14ac:dyDescent="0.2">
      <c r="A54" s="14">
        <v>40</v>
      </c>
      <c r="B54" s="15">
        <v>35</v>
      </c>
      <c r="C54" s="16">
        <v>46</v>
      </c>
      <c r="D54" s="17">
        <v>81</v>
      </c>
    </row>
    <row r="55" spans="1:4" ht="18" customHeight="1" x14ac:dyDescent="0.2">
      <c r="A55" s="14">
        <v>41</v>
      </c>
      <c r="B55" s="15">
        <v>33</v>
      </c>
      <c r="C55" s="16">
        <v>36</v>
      </c>
      <c r="D55" s="17">
        <v>69</v>
      </c>
    </row>
    <row r="56" spans="1:4" ht="18" customHeight="1" x14ac:dyDescent="0.2">
      <c r="A56" s="14">
        <v>42</v>
      </c>
      <c r="B56" s="15">
        <v>42</v>
      </c>
      <c r="C56" s="16">
        <v>44</v>
      </c>
      <c r="D56" s="17">
        <v>86</v>
      </c>
    </row>
    <row r="57" spans="1:4" ht="18" customHeight="1" x14ac:dyDescent="0.2">
      <c r="A57" s="14">
        <v>43</v>
      </c>
      <c r="B57" s="15">
        <v>34</v>
      </c>
      <c r="C57" s="16">
        <v>24</v>
      </c>
      <c r="D57" s="17">
        <v>58</v>
      </c>
    </row>
    <row r="58" spans="1:4" ht="18" customHeight="1" x14ac:dyDescent="0.2">
      <c r="A58" s="14">
        <v>44</v>
      </c>
      <c r="B58" s="15">
        <v>41</v>
      </c>
      <c r="C58" s="16">
        <v>43</v>
      </c>
      <c r="D58" s="17">
        <v>84</v>
      </c>
    </row>
    <row r="59" spans="1:4" ht="18" customHeight="1" x14ac:dyDescent="0.2">
      <c r="A59" s="18" t="s">
        <v>75</v>
      </c>
      <c r="B59" s="15">
        <v>185</v>
      </c>
      <c r="C59" s="16">
        <v>193</v>
      </c>
      <c r="D59" s="17">
        <v>378</v>
      </c>
    </row>
    <row r="60" spans="1:4" ht="18" customHeight="1" x14ac:dyDescent="0.2">
      <c r="A60" s="14">
        <v>45</v>
      </c>
      <c r="B60" s="15">
        <v>31</v>
      </c>
      <c r="C60" s="16">
        <v>36</v>
      </c>
      <c r="D60" s="17">
        <v>67</v>
      </c>
    </row>
    <row r="61" spans="1:4" ht="18" customHeight="1" x14ac:dyDescent="0.2">
      <c r="A61" s="14">
        <v>46</v>
      </c>
      <c r="B61" s="15">
        <v>38</v>
      </c>
      <c r="C61" s="16">
        <v>28</v>
      </c>
      <c r="D61" s="17">
        <v>66</v>
      </c>
    </row>
    <row r="62" spans="1:4" ht="18" customHeight="1" x14ac:dyDescent="0.2">
      <c r="A62" s="14">
        <v>47</v>
      </c>
      <c r="B62" s="15">
        <v>36</v>
      </c>
      <c r="C62" s="16">
        <v>27</v>
      </c>
      <c r="D62" s="17">
        <v>63</v>
      </c>
    </row>
    <row r="63" spans="1:4" ht="18" customHeight="1" x14ac:dyDescent="0.2">
      <c r="A63" s="14">
        <v>48</v>
      </c>
      <c r="B63" s="15">
        <v>45</v>
      </c>
      <c r="C63" s="16">
        <v>33</v>
      </c>
      <c r="D63" s="17">
        <v>78</v>
      </c>
    </row>
    <row r="64" spans="1:4" ht="18" customHeight="1" x14ac:dyDescent="0.2">
      <c r="A64" s="14">
        <v>49</v>
      </c>
      <c r="B64" s="15">
        <v>39</v>
      </c>
      <c r="C64" s="16">
        <v>34</v>
      </c>
      <c r="D64" s="17">
        <v>73</v>
      </c>
    </row>
    <row r="65" spans="1:4" ht="18" customHeight="1" x14ac:dyDescent="0.2">
      <c r="A65" s="18" t="s">
        <v>76</v>
      </c>
      <c r="B65" s="15">
        <v>189</v>
      </c>
      <c r="C65" s="16">
        <v>158</v>
      </c>
      <c r="D65" s="17">
        <v>347</v>
      </c>
    </row>
    <row r="66" spans="1:4" ht="18" customHeight="1" x14ac:dyDescent="0.2">
      <c r="A66" s="14">
        <v>50</v>
      </c>
      <c r="B66" s="15">
        <v>29</v>
      </c>
      <c r="C66" s="16">
        <v>36</v>
      </c>
      <c r="D66" s="17">
        <v>65</v>
      </c>
    </row>
    <row r="67" spans="1:4" ht="18" customHeight="1" x14ac:dyDescent="0.2">
      <c r="A67" s="14">
        <v>51</v>
      </c>
      <c r="B67" s="15">
        <v>33</v>
      </c>
      <c r="C67" s="16">
        <v>40</v>
      </c>
      <c r="D67" s="17">
        <v>73</v>
      </c>
    </row>
    <row r="68" spans="1:4" ht="18" customHeight="1" x14ac:dyDescent="0.2">
      <c r="A68" s="14">
        <v>52</v>
      </c>
      <c r="B68" s="15">
        <v>31</v>
      </c>
      <c r="C68" s="16">
        <v>35</v>
      </c>
      <c r="D68" s="17">
        <v>66</v>
      </c>
    </row>
    <row r="69" spans="1:4" ht="18" customHeight="1" x14ac:dyDescent="0.2">
      <c r="A69" s="14">
        <v>53</v>
      </c>
      <c r="B69" s="15">
        <v>30</v>
      </c>
      <c r="C69" s="16">
        <v>37</v>
      </c>
      <c r="D69" s="17">
        <v>67</v>
      </c>
    </row>
    <row r="70" spans="1:4" ht="18" customHeight="1" x14ac:dyDescent="0.2">
      <c r="A70" s="14">
        <v>54</v>
      </c>
      <c r="B70" s="15">
        <v>45</v>
      </c>
      <c r="C70" s="16">
        <v>41</v>
      </c>
      <c r="D70" s="17">
        <v>86</v>
      </c>
    </row>
    <row r="71" spans="1:4" ht="18" customHeight="1" x14ac:dyDescent="0.2">
      <c r="A71" s="18" t="s">
        <v>77</v>
      </c>
      <c r="B71" s="15">
        <v>168</v>
      </c>
      <c r="C71" s="16">
        <v>189</v>
      </c>
      <c r="D71" s="17">
        <v>357</v>
      </c>
    </row>
    <row r="72" spans="1:4" ht="18" customHeight="1" x14ac:dyDescent="0.2">
      <c r="A72" s="14">
        <v>55</v>
      </c>
      <c r="B72" s="15">
        <v>36</v>
      </c>
      <c r="C72" s="16">
        <v>35</v>
      </c>
      <c r="D72" s="17">
        <v>71</v>
      </c>
    </row>
    <row r="73" spans="1:4" ht="18" customHeight="1" x14ac:dyDescent="0.2">
      <c r="A73" s="14">
        <v>56</v>
      </c>
      <c r="B73" s="15">
        <v>41</v>
      </c>
      <c r="C73" s="16">
        <v>37</v>
      </c>
      <c r="D73" s="17">
        <v>78</v>
      </c>
    </row>
    <row r="74" spans="1:4" ht="18" customHeight="1" x14ac:dyDescent="0.2">
      <c r="A74" s="14">
        <v>57</v>
      </c>
      <c r="B74" s="15">
        <v>39</v>
      </c>
      <c r="C74" s="16">
        <v>34</v>
      </c>
      <c r="D74" s="17">
        <v>73</v>
      </c>
    </row>
    <row r="75" spans="1:4" ht="18" customHeight="1" x14ac:dyDescent="0.2">
      <c r="A75" s="14">
        <v>58</v>
      </c>
      <c r="B75" s="15">
        <v>33</v>
      </c>
      <c r="C75" s="16">
        <v>40</v>
      </c>
      <c r="D75" s="17">
        <v>73</v>
      </c>
    </row>
    <row r="76" spans="1:4" ht="18" customHeight="1" x14ac:dyDescent="0.2">
      <c r="A76" s="14">
        <v>59</v>
      </c>
      <c r="B76" s="15">
        <v>50</v>
      </c>
      <c r="C76" s="16">
        <v>40</v>
      </c>
      <c r="D76" s="17">
        <v>90</v>
      </c>
    </row>
    <row r="77" spans="1:4" ht="18" customHeight="1" x14ac:dyDescent="0.2">
      <c r="A77" s="18" t="s">
        <v>78</v>
      </c>
      <c r="B77" s="15">
        <v>199</v>
      </c>
      <c r="C77" s="16">
        <v>186</v>
      </c>
      <c r="D77" s="17">
        <v>385</v>
      </c>
    </row>
    <row r="78" spans="1:4" ht="18" customHeight="1" x14ac:dyDescent="0.2">
      <c r="A78" s="14">
        <v>60</v>
      </c>
      <c r="B78" s="15">
        <v>49</v>
      </c>
      <c r="C78" s="16">
        <v>44</v>
      </c>
      <c r="D78" s="17">
        <v>93</v>
      </c>
    </row>
    <row r="79" spans="1:4" ht="18" customHeight="1" x14ac:dyDescent="0.2">
      <c r="A79" s="14">
        <v>61</v>
      </c>
      <c r="B79" s="15">
        <v>48</v>
      </c>
      <c r="C79" s="16">
        <v>57</v>
      </c>
      <c r="D79" s="17">
        <v>105</v>
      </c>
    </row>
    <row r="80" spans="1:4" ht="18" customHeight="1" x14ac:dyDescent="0.2">
      <c r="A80" s="14">
        <v>62</v>
      </c>
      <c r="B80" s="15">
        <v>50</v>
      </c>
      <c r="C80" s="16">
        <v>60</v>
      </c>
      <c r="D80" s="17">
        <v>110</v>
      </c>
    </row>
    <row r="81" spans="1:4" ht="18" customHeight="1" x14ac:dyDescent="0.2">
      <c r="A81" s="14">
        <v>63</v>
      </c>
      <c r="B81" s="15">
        <v>20</v>
      </c>
      <c r="C81" s="16">
        <v>28</v>
      </c>
      <c r="D81" s="17">
        <v>48</v>
      </c>
    </row>
    <row r="82" spans="1:4" ht="18" customHeight="1" x14ac:dyDescent="0.2">
      <c r="A82" s="14">
        <v>64</v>
      </c>
      <c r="B82" s="15">
        <v>40</v>
      </c>
      <c r="C82" s="16">
        <v>28</v>
      </c>
      <c r="D82" s="17">
        <v>68</v>
      </c>
    </row>
    <row r="83" spans="1:4" ht="18" customHeight="1" x14ac:dyDescent="0.2">
      <c r="A83" s="18" t="s">
        <v>79</v>
      </c>
      <c r="B83" s="15">
        <v>207</v>
      </c>
      <c r="C83" s="16">
        <v>217</v>
      </c>
      <c r="D83" s="17">
        <v>424</v>
      </c>
    </row>
    <row r="84" spans="1:4" ht="18" customHeight="1" x14ac:dyDescent="0.2">
      <c r="A84" s="18" t="s">
        <v>80</v>
      </c>
      <c r="B84" s="15">
        <v>1772</v>
      </c>
      <c r="C84" s="16">
        <v>1711</v>
      </c>
      <c r="D84" s="17">
        <v>3483</v>
      </c>
    </row>
    <row r="85" spans="1:4" ht="18" customHeight="1" x14ac:dyDescent="0.2">
      <c r="A85" s="14">
        <v>65</v>
      </c>
      <c r="B85" s="15">
        <v>36</v>
      </c>
      <c r="C85" s="16">
        <v>44</v>
      </c>
      <c r="D85" s="17">
        <v>80</v>
      </c>
    </row>
    <row r="86" spans="1:4" ht="18" customHeight="1" x14ac:dyDescent="0.2">
      <c r="A86" s="14">
        <v>66</v>
      </c>
      <c r="B86" s="15">
        <v>39</v>
      </c>
      <c r="C86" s="16">
        <v>43</v>
      </c>
      <c r="D86" s="17">
        <v>82</v>
      </c>
    </row>
    <row r="87" spans="1:4" ht="18" customHeight="1" x14ac:dyDescent="0.2">
      <c r="A87" s="14">
        <v>67</v>
      </c>
      <c r="B87" s="15">
        <v>48</v>
      </c>
      <c r="C87" s="16">
        <v>40</v>
      </c>
      <c r="D87" s="17">
        <v>88</v>
      </c>
    </row>
    <row r="88" spans="1:4" ht="18" customHeight="1" x14ac:dyDescent="0.2">
      <c r="A88" s="14">
        <v>68</v>
      </c>
      <c r="B88" s="15">
        <v>37</v>
      </c>
      <c r="C88" s="16">
        <v>37</v>
      </c>
      <c r="D88" s="17">
        <v>74</v>
      </c>
    </row>
    <row r="89" spans="1:4" ht="18" customHeight="1" x14ac:dyDescent="0.2">
      <c r="A89" s="14">
        <v>69</v>
      </c>
      <c r="B89" s="15">
        <v>25</v>
      </c>
      <c r="C89" s="16">
        <v>37</v>
      </c>
      <c r="D89" s="17">
        <v>62</v>
      </c>
    </row>
    <row r="90" spans="1:4" ht="18" customHeight="1" x14ac:dyDescent="0.2">
      <c r="A90" s="18" t="s">
        <v>81</v>
      </c>
      <c r="B90" s="15">
        <v>185</v>
      </c>
      <c r="C90" s="16">
        <v>201</v>
      </c>
      <c r="D90" s="17">
        <v>386</v>
      </c>
    </row>
    <row r="91" spans="1:4" ht="18" customHeight="1" x14ac:dyDescent="0.2">
      <c r="A91" s="14">
        <v>70</v>
      </c>
      <c r="B91" s="15">
        <v>28</v>
      </c>
      <c r="C91" s="16">
        <v>26</v>
      </c>
      <c r="D91" s="17">
        <v>54</v>
      </c>
    </row>
    <row r="92" spans="1:4" ht="18" customHeight="1" x14ac:dyDescent="0.2">
      <c r="A92" s="14">
        <v>71</v>
      </c>
      <c r="B92" s="15">
        <v>19</v>
      </c>
      <c r="C92" s="16">
        <v>36</v>
      </c>
      <c r="D92" s="17">
        <v>55</v>
      </c>
    </row>
    <row r="93" spans="1:4" ht="18" customHeight="1" x14ac:dyDescent="0.2">
      <c r="A93" s="14">
        <v>72</v>
      </c>
      <c r="B93" s="15">
        <v>36</v>
      </c>
      <c r="C93" s="16">
        <v>31</v>
      </c>
      <c r="D93" s="17">
        <v>67</v>
      </c>
    </row>
    <row r="94" spans="1:4" ht="18" customHeight="1" x14ac:dyDescent="0.2">
      <c r="A94" s="14">
        <v>73</v>
      </c>
      <c r="B94" s="15">
        <v>33</v>
      </c>
      <c r="C94" s="16">
        <v>37</v>
      </c>
      <c r="D94" s="17">
        <v>70</v>
      </c>
    </row>
    <row r="95" spans="1:4" ht="18" customHeight="1" x14ac:dyDescent="0.2">
      <c r="A95" s="14">
        <v>74</v>
      </c>
      <c r="B95" s="15">
        <v>21</v>
      </c>
      <c r="C95" s="16">
        <v>24</v>
      </c>
      <c r="D95" s="17">
        <v>45</v>
      </c>
    </row>
    <row r="96" spans="1:4" ht="18" customHeight="1" x14ac:dyDescent="0.2">
      <c r="A96" s="18" t="s">
        <v>82</v>
      </c>
      <c r="B96" s="15">
        <v>137</v>
      </c>
      <c r="C96" s="16">
        <v>154</v>
      </c>
      <c r="D96" s="17">
        <v>291</v>
      </c>
    </row>
    <row r="97" spans="1:4" ht="18" customHeight="1" x14ac:dyDescent="0.2">
      <c r="A97" s="14">
        <v>75</v>
      </c>
      <c r="B97" s="15">
        <v>28</v>
      </c>
      <c r="C97" s="16">
        <v>45</v>
      </c>
      <c r="D97" s="17">
        <v>73</v>
      </c>
    </row>
    <row r="98" spans="1:4" ht="18" customHeight="1" x14ac:dyDescent="0.2">
      <c r="A98" s="14">
        <v>76</v>
      </c>
      <c r="B98" s="15">
        <v>27</v>
      </c>
      <c r="C98" s="16">
        <v>46</v>
      </c>
      <c r="D98" s="17">
        <v>73</v>
      </c>
    </row>
    <row r="99" spans="1:4" ht="18" customHeight="1" x14ac:dyDescent="0.2">
      <c r="A99" s="14">
        <v>77</v>
      </c>
      <c r="B99" s="15">
        <v>24</v>
      </c>
      <c r="C99" s="16">
        <v>37</v>
      </c>
      <c r="D99" s="17">
        <v>61</v>
      </c>
    </row>
    <row r="100" spans="1:4" ht="18" customHeight="1" x14ac:dyDescent="0.2">
      <c r="A100" s="14">
        <v>78</v>
      </c>
      <c r="B100" s="15">
        <v>33</v>
      </c>
      <c r="C100" s="16">
        <v>36</v>
      </c>
      <c r="D100" s="17">
        <v>69</v>
      </c>
    </row>
    <row r="101" spans="1:4" ht="18" customHeight="1" x14ac:dyDescent="0.2">
      <c r="A101" s="14">
        <v>79</v>
      </c>
      <c r="B101" s="15">
        <v>14</v>
      </c>
      <c r="C101" s="16">
        <v>23</v>
      </c>
      <c r="D101" s="17">
        <v>37</v>
      </c>
    </row>
    <row r="102" spans="1:4" ht="18" customHeight="1" x14ac:dyDescent="0.2">
      <c r="A102" s="18" t="s">
        <v>83</v>
      </c>
      <c r="B102" s="15">
        <v>126</v>
      </c>
      <c r="C102" s="16">
        <v>187</v>
      </c>
      <c r="D102" s="17">
        <v>313</v>
      </c>
    </row>
    <row r="103" spans="1:4" ht="18" customHeight="1" x14ac:dyDescent="0.2">
      <c r="A103" s="14">
        <v>80</v>
      </c>
      <c r="B103" s="15">
        <v>25</v>
      </c>
      <c r="C103" s="16">
        <v>26</v>
      </c>
      <c r="D103" s="17">
        <v>51</v>
      </c>
    </row>
    <row r="104" spans="1:4" ht="18" customHeight="1" x14ac:dyDescent="0.2">
      <c r="A104" s="14">
        <v>81</v>
      </c>
      <c r="B104" s="15">
        <v>20</v>
      </c>
      <c r="C104" s="16">
        <v>20</v>
      </c>
      <c r="D104" s="17">
        <v>40</v>
      </c>
    </row>
    <row r="105" spans="1:4" ht="18" customHeight="1" x14ac:dyDescent="0.2">
      <c r="A105" s="14">
        <v>82</v>
      </c>
      <c r="B105" s="15">
        <v>12</v>
      </c>
      <c r="C105" s="16">
        <v>22</v>
      </c>
      <c r="D105" s="17">
        <v>34</v>
      </c>
    </row>
    <row r="106" spans="1:4" ht="18" customHeight="1" x14ac:dyDescent="0.2">
      <c r="A106" s="14">
        <v>83</v>
      </c>
      <c r="B106" s="15">
        <v>12</v>
      </c>
      <c r="C106" s="16">
        <v>19</v>
      </c>
      <c r="D106" s="17">
        <v>31</v>
      </c>
    </row>
    <row r="107" spans="1:4" ht="18" customHeight="1" x14ac:dyDescent="0.2">
      <c r="A107" s="14">
        <v>84</v>
      </c>
      <c r="B107" s="15">
        <v>9</v>
      </c>
      <c r="C107" s="16">
        <v>24</v>
      </c>
      <c r="D107" s="17">
        <v>33</v>
      </c>
    </row>
    <row r="108" spans="1:4" ht="18" customHeight="1" x14ac:dyDescent="0.2">
      <c r="A108" s="18" t="s">
        <v>84</v>
      </c>
      <c r="B108" s="15">
        <v>78</v>
      </c>
      <c r="C108" s="16">
        <v>111</v>
      </c>
      <c r="D108" s="17">
        <v>189</v>
      </c>
    </row>
    <row r="109" spans="1:4" ht="18" customHeight="1" x14ac:dyDescent="0.2">
      <c r="A109" s="14">
        <v>85</v>
      </c>
      <c r="B109" s="15">
        <v>8</v>
      </c>
      <c r="C109" s="16">
        <v>19</v>
      </c>
      <c r="D109" s="17">
        <v>27</v>
      </c>
    </row>
    <row r="110" spans="1:4" ht="18" customHeight="1" x14ac:dyDescent="0.2">
      <c r="A110" s="14">
        <v>86</v>
      </c>
      <c r="B110" s="15">
        <v>6</v>
      </c>
      <c r="C110" s="16">
        <v>14</v>
      </c>
      <c r="D110" s="17">
        <v>20</v>
      </c>
    </row>
    <row r="111" spans="1:4" ht="18" customHeight="1" x14ac:dyDescent="0.2">
      <c r="A111" s="14">
        <v>87</v>
      </c>
      <c r="B111" s="15">
        <v>5</v>
      </c>
      <c r="C111" s="16">
        <v>18</v>
      </c>
      <c r="D111" s="17">
        <v>23</v>
      </c>
    </row>
    <row r="112" spans="1:4" ht="18" customHeight="1" x14ac:dyDescent="0.2">
      <c r="A112" s="14">
        <v>88</v>
      </c>
      <c r="B112" s="15">
        <v>7</v>
      </c>
      <c r="C112" s="16">
        <v>19</v>
      </c>
      <c r="D112" s="17">
        <v>26</v>
      </c>
    </row>
    <row r="113" spans="1:4" ht="18" customHeight="1" x14ac:dyDescent="0.2">
      <c r="A113" s="14">
        <v>89</v>
      </c>
      <c r="B113" s="15">
        <v>2</v>
      </c>
      <c r="C113" s="16">
        <v>10</v>
      </c>
      <c r="D113" s="17">
        <v>12</v>
      </c>
    </row>
    <row r="114" spans="1:4" ht="18" customHeight="1" x14ac:dyDescent="0.2">
      <c r="A114" s="18" t="s">
        <v>85</v>
      </c>
      <c r="B114" s="15">
        <v>28</v>
      </c>
      <c r="C114" s="16">
        <v>80</v>
      </c>
      <c r="D114" s="17">
        <v>108</v>
      </c>
    </row>
    <row r="115" spans="1:4" ht="18" customHeight="1" x14ac:dyDescent="0.2">
      <c r="A115" s="14">
        <v>90</v>
      </c>
      <c r="B115" s="15">
        <v>4</v>
      </c>
      <c r="C115" s="16">
        <v>5</v>
      </c>
      <c r="D115" s="17">
        <v>9</v>
      </c>
    </row>
    <row r="116" spans="1:4" ht="18" customHeight="1" x14ac:dyDescent="0.2">
      <c r="A116" s="14">
        <v>91</v>
      </c>
      <c r="B116" s="15">
        <v>0</v>
      </c>
      <c r="C116" s="16">
        <v>5</v>
      </c>
      <c r="D116" s="17">
        <v>5</v>
      </c>
    </row>
    <row r="117" spans="1:4" ht="18" customHeight="1" x14ac:dyDescent="0.2">
      <c r="A117" s="14">
        <v>92</v>
      </c>
      <c r="B117" s="15">
        <v>2</v>
      </c>
      <c r="C117" s="16">
        <v>6</v>
      </c>
      <c r="D117" s="17">
        <v>8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3</v>
      </c>
      <c r="C119" s="16">
        <v>4</v>
      </c>
      <c r="D119" s="17">
        <v>7</v>
      </c>
    </row>
    <row r="120" spans="1:4" ht="18" customHeight="1" x14ac:dyDescent="0.2">
      <c r="A120" s="18" t="s">
        <v>86</v>
      </c>
      <c r="B120" s="15">
        <v>9</v>
      </c>
      <c r="C120" s="16">
        <v>22</v>
      </c>
      <c r="D120" s="17">
        <v>31</v>
      </c>
    </row>
    <row r="121" spans="1:4" ht="18" customHeight="1" x14ac:dyDescent="0.2">
      <c r="A121" s="14">
        <v>95</v>
      </c>
      <c r="B121" s="15">
        <v>2</v>
      </c>
      <c r="C121" s="16">
        <v>2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2</v>
      </c>
      <c r="C126" s="16">
        <v>12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565</v>
      </c>
      <c r="C130" s="5">
        <v>769</v>
      </c>
      <c r="D130" s="6">
        <v>1334</v>
      </c>
    </row>
    <row r="131" spans="1:4" ht="18" customHeight="1" x14ac:dyDescent="0.2">
      <c r="A131" s="20" t="s">
        <v>65</v>
      </c>
      <c r="B131" s="7">
        <v>2754</v>
      </c>
      <c r="C131" s="8">
        <v>2865</v>
      </c>
      <c r="D131" s="9">
        <v>561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16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5</v>
      </c>
      <c r="C5" s="12">
        <v>38</v>
      </c>
      <c r="D5" s="13">
        <v>73</v>
      </c>
    </row>
    <row r="6" spans="1:4" ht="18" customHeight="1" x14ac:dyDescent="0.2">
      <c r="A6" s="14">
        <v>1</v>
      </c>
      <c r="B6" s="15">
        <v>26</v>
      </c>
      <c r="C6" s="16">
        <v>28</v>
      </c>
      <c r="D6" s="17">
        <v>54</v>
      </c>
    </row>
    <row r="7" spans="1:4" ht="18" customHeight="1" x14ac:dyDescent="0.2">
      <c r="A7" s="14">
        <v>2</v>
      </c>
      <c r="B7" s="15">
        <v>27</v>
      </c>
      <c r="C7" s="16">
        <v>39</v>
      </c>
      <c r="D7" s="17">
        <v>66</v>
      </c>
    </row>
    <row r="8" spans="1:4" ht="18" customHeight="1" x14ac:dyDescent="0.2">
      <c r="A8" s="14">
        <v>3</v>
      </c>
      <c r="B8" s="15">
        <v>31</v>
      </c>
      <c r="C8" s="16">
        <v>29</v>
      </c>
      <c r="D8" s="17">
        <v>60</v>
      </c>
    </row>
    <row r="9" spans="1:4" ht="18" customHeight="1" x14ac:dyDescent="0.2">
      <c r="A9" s="14">
        <v>4</v>
      </c>
      <c r="B9" s="15">
        <v>40</v>
      </c>
      <c r="C9" s="16">
        <v>24</v>
      </c>
      <c r="D9" s="17">
        <v>64</v>
      </c>
    </row>
    <row r="10" spans="1:4" ht="18" customHeight="1" x14ac:dyDescent="0.2">
      <c r="A10" s="18" t="s">
        <v>66</v>
      </c>
      <c r="B10" s="15">
        <v>159</v>
      </c>
      <c r="C10" s="16">
        <v>158</v>
      </c>
      <c r="D10" s="17">
        <v>317</v>
      </c>
    </row>
    <row r="11" spans="1:4" ht="18" customHeight="1" x14ac:dyDescent="0.2">
      <c r="A11" s="14">
        <v>5</v>
      </c>
      <c r="B11" s="15">
        <v>45</v>
      </c>
      <c r="C11" s="16">
        <v>35</v>
      </c>
      <c r="D11" s="17">
        <v>80</v>
      </c>
    </row>
    <row r="12" spans="1:4" ht="18" customHeight="1" x14ac:dyDescent="0.2">
      <c r="A12" s="14">
        <v>6</v>
      </c>
      <c r="B12" s="15">
        <v>44</v>
      </c>
      <c r="C12" s="16">
        <v>37</v>
      </c>
      <c r="D12" s="17">
        <v>81</v>
      </c>
    </row>
    <row r="13" spans="1:4" ht="18" customHeight="1" x14ac:dyDescent="0.2">
      <c r="A13" s="14">
        <v>7</v>
      </c>
      <c r="B13" s="15">
        <v>31</v>
      </c>
      <c r="C13" s="16">
        <v>40</v>
      </c>
      <c r="D13" s="17">
        <v>71</v>
      </c>
    </row>
    <row r="14" spans="1:4" ht="18" customHeight="1" x14ac:dyDescent="0.2">
      <c r="A14" s="14">
        <v>8</v>
      </c>
      <c r="B14" s="15">
        <v>52</v>
      </c>
      <c r="C14" s="16">
        <v>33</v>
      </c>
      <c r="D14" s="17">
        <v>85</v>
      </c>
    </row>
    <row r="15" spans="1:4" ht="18" customHeight="1" x14ac:dyDescent="0.2">
      <c r="A15" s="14">
        <v>9</v>
      </c>
      <c r="B15" s="15">
        <v>46</v>
      </c>
      <c r="C15" s="16">
        <v>37</v>
      </c>
      <c r="D15" s="17">
        <v>83</v>
      </c>
    </row>
    <row r="16" spans="1:4" ht="18" customHeight="1" x14ac:dyDescent="0.2">
      <c r="A16" s="18" t="s">
        <v>67</v>
      </c>
      <c r="B16" s="15">
        <v>218</v>
      </c>
      <c r="C16" s="16">
        <v>182</v>
      </c>
      <c r="D16" s="17">
        <v>400</v>
      </c>
    </row>
    <row r="17" spans="1:4" ht="18" customHeight="1" x14ac:dyDescent="0.2">
      <c r="A17" s="14">
        <v>10</v>
      </c>
      <c r="B17" s="15">
        <v>56</v>
      </c>
      <c r="C17" s="16">
        <v>40</v>
      </c>
      <c r="D17" s="17">
        <v>96</v>
      </c>
    </row>
    <row r="18" spans="1:4" ht="18" customHeight="1" x14ac:dyDescent="0.2">
      <c r="A18" s="14">
        <v>11</v>
      </c>
      <c r="B18" s="15">
        <v>43</v>
      </c>
      <c r="C18" s="16">
        <v>36</v>
      </c>
      <c r="D18" s="17">
        <v>79</v>
      </c>
    </row>
    <row r="19" spans="1:4" ht="18" customHeight="1" x14ac:dyDescent="0.2">
      <c r="A19" s="14">
        <v>12</v>
      </c>
      <c r="B19" s="15">
        <v>40</v>
      </c>
      <c r="C19" s="16">
        <v>40</v>
      </c>
      <c r="D19" s="17">
        <v>80</v>
      </c>
    </row>
    <row r="20" spans="1:4" ht="18" customHeight="1" x14ac:dyDescent="0.2">
      <c r="A20" s="14">
        <v>13</v>
      </c>
      <c r="B20" s="15">
        <v>41</v>
      </c>
      <c r="C20" s="16">
        <v>41</v>
      </c>
      <c r="D20" s="17">
        <v>82</v>
      </c>
    </row>
    <row r="21" spans="1:4" ht="18" customHeight="1" x14ac:dyDescent="0.2">
      <c r="A21" s="14">
        <v>14</v>
      </c>
      <c r="B21" s="15">
        <v>37</v>
      </c>
      <c r="C21" s="16">
        <v>45</v>
      </c>
      <c r="D21" s="17">
        <v>82</v>
      </c>
    </row>
    <row r="22" spans="1:4" ht="18" customHeight="1" x14ac:dyDescent="0.2">
      <c r="A22" s="18" t="s">
        <v>68</v>
      </c>
      <c r="B22" s="15">
        <v>217</v>
      </c>
      <c r="C22" s="16">
        <v>202</v>
      </c>
      <c r="D22" s="17">
        <v>419</v>
      </c>
    </row>
    <row r="23" spans="1:4" ht="18" customHeight="1" x14ac:dyDescent="0.2">
      <c r="A23" s="18" t="s">
        <v>69</v>
      </c>
      <c r="B23" s="15">
        <v>594</v>
      </c>
      <c r="C23" s="16">
        <v>542</v>
      </c>
      <c r="D23" s="17">
        <v>1136</v>
      </c>
    </row>
    <row r="24" spans="1:4" ht="18" customHeight="1" x14ac:dyDescent="0.2">
      <c r="A24" s="14">
        <v>15</v>
      </c>
      <c r="B24" s="15">
        <v>39</v>
      </c>
      <c r="C24" s="16">
        <v>36</v>
      </c>
      <c r="D24" s="17">
        <v>75</v>
      </c>
    </row>
    <row r="25" spans="1:4" ht="18" customHeight="1" x14ac:dyDescent="0.2">
      <c r="A25" s="14">
        <v>16</v>
      </c>
      <c r="B25" s="15">
        <v>24</v>
      </c>
      <c r="C25" s="16">
        <v>45</v>
      </c>
      <c r="D25" s="17">
        <v>69</v>
      </c>
    </row>
    <row r="26" spans="1:4" ht="18" customHeight="1" x14ac:dyDescent="0.2">
      <c r="A26" s="14">
        <v>17</v>
      </c>
      <c r="B26" s="15">
        <v>33</v>
      </c>
      <c r="C26" s="16">
        <v>40</v>
      </c>
      <c r="D26" s="17">
        <v>73</v>
      </c>
    </row>
    <row r="27" spans="1:4" ht="18" customHeight="1" x14ac:dyDescent="0.2">
      <c r="A27" s="14">
        <v>18</v>
      </c>
      <c r="B27" s="15">
        <v>93</v>
      </c>
      <c r="C27" s="16">
        <v>53</v>
      </c>
      <c r="D27" s="17">
        <v>146</v>
      </c>
    </row>
    <row r="28" spans="1:4" ht="18" customHeight="1" x14ac:dyDescent="0.2">
      <c r="A28" s="14">
        <v>19</v>
      </c>
      <c r="B28" s="15">
        <v>101</v>
      </c>
      <c r="C28" s="16">
        <v>75</v>
      </c>
      <c r="D28" s="17">
        <v>176</v>
      </c>
    </row>
    <row r="29" spans="1:4" ht="18" customHeight="1" x14ac:dyDescent="0.2">
      <c r="A29" s="18" t="s">
        <v>70</v>
      </c>
      <c r="B29" s="15">
        <v>290</v>
      </c>
      <c r="C29" s="16">
        <v>249</v>
      </c>
      <c r="D29" s="17">
        <v>539</v>
      </c>
    </row>
    <row r="30" spans="1:4" ht="18" customHeight="1" x14ac:dyDescent="0.2">
      <c r="A30" s="14">
        <v>20</v>
      </c>
      <c r="B30" s="15">
        <v>159</v>
      </c>
      <c r="C30" s="16">
        <v>91</v>
      </c>
      <c r="D30" s="17">
        <v>250</v>
      </c>
    </row>
    <row r="31" spans="1:4" ht="18" customHeight="1" x14ac:dyDescent="0.2">
      <c r="A31" s="14">
        <v>21</v>
      </c>
      <c r="B31" s="15">
        <v>156</v>
      </c>
      <c r="C31" s="16">
        <v>78</v>
      </c>
      <c r="D31" s="17">
        <v>234</v>
      </c>
    </row>
    <row r="32" spans="1:4" ht="18" customHeight="1" x14ac:dyDescent="0.2">
      <c r="A32" s="14">
        <v>22</v>
      </c>
      <c r="B32" s="15">
        <v>142</v>
      </c>
      <c r="C32" s="16">
        <v>71</v>
      </c>
      <c r="D32" s="17">
        <v>213</v>
      </c>
    </row>
    <row r="33" spans="1:4" ht="18" customHeight="1" x14ac:dyDescent="0.2">
      <c r="A33" s="14">
        <v>23</v>
      </c>
      <c r="B33" s="15">
        <v>113</v>
      </c>
      <c r="C33" s="16">
        <v>57</v>
      </c>
      <c r="D33" s="17">
        <v>170</v>
      </c>
    </row>
    <row r="34" spans="1:4" ht="18" customHeight="1" x14ac:dyDescent="0.2">
      <c r="A34" s="14">
        <v>24</v>
      </c>
      <c r="B34" s="15">
        <v>115</v>
      </c>
      <c r="C34" s="16">
        <v>55</v>
      </c>
      <c r="D34" s="17">
        <v>170</v>
      </c>
    </row>
    <row r="35" spans="1:4" ht="18" customHeight="1" x14ac:dyDescent="0.2">
      <c r="A35" s="18" t="s">
        <v>71</v>
      </c>
      <c r="B35" s="15">
        <v>685</v>
      </c>
      <c r="C35" s="16">
        <v>352</v>
      </c>
      <c r="D35" s="17">
        <v>1037</v>
      </c>
    </row>
    <row r="36" spans="1:4" ht="18" customHeight="1" x14ac:dyDescent="0.2">
      <c r="A36" s="14">
        <v>25</v>
      </c>
      <c r="B36" s="15">
        <v>91</v>
      </c>
      <c r="C36" s="16">
        <v>54</v>
      </c>
      <c r="D36" s="17">
        <v>145</v>
      </c>
    </row>
    <row r="37" spans="1:4" ht="18" customHeight="1" x14ac:dyDescent="0.2">
      <c r="A37" s="14">
        <v>26</v>
      </c>
      <c r="B37" s="15">
        <v>58</v>
      </c>
      <c r="C37" s="16">
        <v>53</v>
      </c>
      <c r="D37" s="17">
        <v>111</v>
      </c>
    </row>
    <row r="38" spans="1:4" ht="18" customHeight="1" x14ac:dyDescent="0.2">
      <c r="A38" s="14">
        <v>27</v>
      </c>
      <c r="B38" s="15">
        <v>74</v>
      </c>
      <c r="C38" s="16">
        <v>49</v>
      </c>
      <c r="D38" s="17">
        <v>123</v>
      </c>
    </row>
    <row r="39" spans="1:4" ht="18" customHeight="1" x14ac:dyDescent="0.2">
      <c r="A39" s="14">
        <v>28</v>
      </c>
      <c r="B39" s="15">
        <v>62</v>
      </c>
      <c r="C39" s="16">
        <v>38</v>
      </c>
      <c r="D39" s="17">
        <v>100</v>
      </c>
    </row>
    <row r="40" spans="1:4" ht="18" customHeight="1" x14ac:dyDescent="0.2">
      <c r="A40" s="14">
        <v>29</v>
      </c>
      <c r="B40" s="15">
        <v>52</v>
      </c>
      <c r="C40" s="16">
        <v>46</v>
      </c>
      <c r="D40" s="17">
        <v>98</v>
      </c>
    </row>
    <row r="41" spans="1:4" ht="18" customHeight="1" x14ac:dyDescent="0.2">
      <c r="A41" s="18" t="s">
        <v>72</v>
      </c>
      <c r="B41" s="15">
        <v>337</v>
      </c>
      <c r="C41" s="16">
        <v>240</v>
      </c>
      <c r="D41" s="17">
        <v>577</v>
      </c>
    </row>
    <row r="42" spans="1:4" ht="18" customHeight="1" x14ac:dyDescent="0.2">
      <c r="A42" s="14">
        <v>30</v>
      </c>
      <c r="B42" s="15">
        <v>68</v>
      </c>
      <c r="C42" s="16">
        <v>65</v>
      </c>
      <c r="D42" s="17">
        <v>133</v>
      </c>
    </row>
    <row r="43" spans="1:4" ht="18" customHeight="1" x14ac:dyDescent="0.2">
      <c r="A43" s="14">
        <v>31</v>
      </c>
      <c r="B43" s="15">
        <v>58</v>
      </c>
      <c r="C43" s="16">
        <v>40</v>
      </c>
      <c r="D43" s="17">
        <v>98</v>
      </c>
    </row>
    <row r="44" spans="1:4" ht="18" customHeight="1" x14ac:dyDescent="0.2">
      <c r="A44" s="14">
        <v>32</v>
      </c>
      <c r="B44" s="15">
        <v>61</v>
      </c>
      <c r="C44" s="16">
        <v>59</v>
      </c>
      <c r="D44" s="17">
        <v>120</v>
      </c>
    </row>
    <row r="45" spans="1:4" ht="18" customHeight="1" x14ac:dyDescent="0.2">
      <c r="A45" s="14">
        <v>33</v>
      </c>
      <c r="B45" s="15">
        <v>88</v>
      </c>
      <c r="C45" s="16">
        <v>55</v>
      </c>
      <c r="D45" s="17">
        <v>143</v>
      </c>
    </row>
    <row r="46" spans="1:4" ht="18" customHeight="1" x14ac:dyDescent="0.2">
      <c r="A46" s="14">
        <v>34</v>
      </c>
      <c r="B46" s="15">
        <v>63</v>
      </c>
      <c r="C46" s="16">
        <v>68</v>
      </c>
      <c r="D46" s="17">
        <v>131</v>
      </c>
    </row>
    <row r="47" spans="1:4" ht="18" customHeight="1" x14ac:dyDescent="0.2">
      <c r="A47" s="18" t="s">
        <v>73</v>
      </c>
      <c r="B47" s="15">
        <v>338</v>
      </c>
      <c r="C47" s="16">
        <v>287</v>
      </c>
      <c r="D47" s="17">
        <v>625</v>
      </c>
    </row>
    <row r="48" spans="1:4" ht="18" customHeight="1" x14ac:dyDescent="0.2">
      <c r="A48" s="14">
        <v>35</v>
      </c>
      <c r="B48" s="15">
        <v>59</v>
      </c>
      <c r="C48" s="16">
        <v>76</v>
      </c>
      <c r="D48" s="17">
        <v>135</v>
      </c>
    </row>
    <row r="49" spans="1:4" ht="18" customHeight="1" x14ac:dyDescent="0.2">
      <c r="A49" s="14">
        <v>36</v>
      </c>
      <c r="B49" s="15">
        <v>79</v>
      </c>
      <c r="C49" s="16">
        <v>82</v>
      </c>
      <c r="D49" s="17">
        <v>161</v>
      </c>
    </row>
    <row r="50" spans="1:4" ht="18" customHeight="1" x14ac:dyDescent="0.2">
      <c r="A50" s="14">
        <v>37</v>
      </c>
      <c r="B50" s="15">
        <v>78</v>
      </c>
      <c r="C50" s="16">
        <v>66</v>
      </c>
      <c r="D50" s="17">
        <v>144</v>
      </c>
    </row>
    <row r="51" spans="1:4" ht="18" customHeight="1" x14ac:dyDescent="0.2">
      <c r="A51" s="14">
        <v>38</v>
      </c>
      <c r="B51" s="15">
        <v>74</v>
      </c>
      <c r="C51" s="16">
        <v>60</v>
      </c>
      <c r="D51" s="17">
        <v>134</v>
      </c>
    </row>
    <row r="52" spans="1:4" ht="18" customHeight="1" x14ac:dyDescent="0.2">
      <c r="A52" s="14">
        <v>39</v>
      </c>
      <c r="B52" s="15">
        <v>55</v>
      </c>
      <c r="C52" s="16">
        <v>59</v>
      </c>
      <c r="D52" s="17">
        <v>114</v>
      </c>
    </row>
    <row r="53" spans="1:4" ht="18" customHeight="1" x14ac:dyDescent="0.2">
      <c r="A53" s="18" t="s">
        <v>74</v>
      </c>
      <c r="B53" s="15">
        <v>345</v>
      </c>
      <c r="C53" s="16">
        <v>343</v>
      </c>
      <c r="D53" s="17">
        <v>688</v>
      </c>
    </row>
    <row r="54" spans="1:4" ht="18" customHeight="1" x14ac:dyDescent="0.2">
      <c r="A54" s="14">
        <v>40</v>
      </c>
      <c r="B54" s="15">
        <v>64</v>
      </c>
      <c r="C54" s="16">
        <v>62</v>
      </c>
      <c r="D54" s="17">
        <v>126</v>
      </c>
    </row>
    <row r="55" spans="1:4" ht="18" customHeight="1" x14ac:dyDescent="0.2">
      <c r="A55" s="14">
        <v>41</v>
      </c>
      <c r="B55" s="15">
        <v>68</v>
      </c>
      <c r="C55" s="16">
        <v>83</v>
      </c>
      <c r="D55" s="17">
        <v>151</v>
      </c>
    </row>
    <row r="56" spans="1:4" ht="18" customHeight="1" x14ac:dyDescent="0.2">
      <c r="A56" s="14">
        <v>42</v>
      </c>
      <c r="B56" s="15">
        <v>64</v>
      </c>
      <c r="C56" s="16">
        <v>76</v>
      </c>
      <c r="D56" s="17">
        <v>140</v>
      </c>
    </row>
    <row r="57" spans="1:4" ht="18" customHeight="1" x14ac:dyDescent="0.2">
      <c r="A57" s="14">
        <v>43</v>
      </c>
      <c r="B57" s="15">
        <v>46</v>
      </c>
      <c r="C57" s="16">
        <v>25</v>
      </c>
      <c r="D57" s="17">
        <v>71</v>
      </c>
    </row>
    <row r="58" spans="1:4" ht="18" customHeight="1" x14ac:dyDescent="0.2">
      <c r="A58" s="14">
        <v>44</v>
      </c>
      <c r="B58" s="15">
        <v>60</v>
      </c>
      <c r="C58" s="16">
        <v>49</v>
      </c>
      <c r="D58" s="17">
        <v>109</v>
      </c>
    </row>
    <row r="59" spans="1:4" ht="18" customHeight="1" x14ac:dyDescent="0.2">
      <c r="A59" s="18" t="s">
        <v>75</v>
      </c>
      <c r="B59" s="15">
        <v>302</v>
      </c>
      <c r="C59" s="16">
        <v>295</v>
      </c>
      <c r="D59" s="17">
        <v>597</v>
      </c>
    </row>
    <row r="60" spans="1:4" ht="18" customHeight="1" x14ac:dyDescent="0.2">
      <c r="A60" s="14">
        <v>45</v>
      </c>
      <c r="B60" s="15">
        <v>61</v>
      </c>
      <c r="C60" s="16">
        <v>57</v>
      </c>
      <c r="D60" s="17">
        <v>118</v>
      </c>
    </row>
    <row r="61" spans="1:4" ht="18" customHeight="1" x14ac:dyDescent="0.2">
      <c r="A61" s="14">
        <v>46</v>
      </c>
      <c r="B61" s="15">
        <v>73</v>
      </c>
      <c r="C61" s="16">
        <v>48</v>
      </c>
      <c r="D61" s="17">
        <v>121</v>
      </c>
    </row>
    <row r="62" spans="1:4" ht="18" customHeight="1" x14ac:dyDescent="0.2">
      <c r="A62" s="14">
        <v>47</v>
      </c>
      <c r="B62" s="15">
        <v>45</v>
      </c>
      <c r="C62" s="16">
        <v>61</v>
      </c>
      <c r="D62" s="17">
        <v>106</v>
      </c>
    </row>
    <row r="63" spans="1:4" ht="18" customHeight="1" x14ac:dyDescent="0.2">
      <c r="A63" s="14">
        <v>48</v>
      </c>
      <c r="B63" s="15">
        <v>57</v>
      </c>
      <c r="C63" s="16">
        <v>65</v>
      </c>
      <c r="D63" s="17">
        <v>122</v>
      </c>
    </row>
    <row r="64" spans="1:4" ht="18" customHeight="1" x14ac:dyDescent="0.2">
      <c r="A64" s="14">
        <v>49</v>
      </c>
      <c r="B64" s="15">
        <v>59</v>
      </c>
      <c r="C64" s="16">
        <v>64</v>
      </c>
      <c r="D64" s="17">
        <v>123</v>
      </c>
    </row>
    <row r="65" spans="1:4" ht="18" customHeight="1" x14ac:dyDescent="0.2">
      <c r="A65" s="18" t="s">
        <v>76</v>
      </c>
      <c r="B65" s="15">
        <v>295</v>
      </c>
      <c r="C65" s="16">
        <v>295</v>
      </c>
      <c r="D65" s="17">
        <v>590</v>
      </c>
    </row>
    <row r="66" spans="1:4" ht="18" customHeight="1" x14ac:dyDescent="0.2">
      <c r="A66" s="14">
        <v>50</v>
      </c>
      <c r="B66" s="15">
        <v>57</v>
      </c>
      <c r="C66" s="16">
        <v>51</v>
      </c>
      <c r="D66" s="17">
        <v>108</v>
      </c>
    </row>
    <row r="67" spans="1:4" ht="18" customHeight="1" x14ac:dyDescent="0.2">
      <c r="A67" s="14">
        <v>51</v>
      </c>
      <c r="B67" s="15">
        <v>48</v>
      </c>
      <c r="C67" s="16">
        <v>40</v>
      </c>
      <c r="D67" s="17">
        <v>88</v>
      </c>
    </row>
    <row r="68" spans="1:4" ht="18" customHeight="1" x14ac:dyDescent="0.2">
      <c r="A68" s="14">
        <v>52</v>
      </c>
      <c r="B68" s="15">
        <v>58</v>
      </c>
      <c r="C68" s="16">
        <v>52</v>
      </c>
      <c r="D68" s="17">
        <v>110</v>
      </c>
    </row>
    <row r="69" spans="1:4" ht="18" customHeight="1" x14ac:dyDescent="0.2">
      <c r="A69" s="14">
        <v>53</v>
      </c>
      <c r="B69" s="15">
        <v>58</v>
      </c>
      <c r="C69" s="16">
        <v>53</v>
      </c>
      <c r="D69" s="17">
        <v>111</v>
      </c>
    </row>
    <row r="70" spans="1:4" ht="18" customHeight="1" x14ac:dyDescent="0.2">
      <c r="A70" s="14">
        <v>54</v>
      </c>
      <c r="B70" s="15">
        <v>67</v>
      </c>
      <c r="C70" s="16">
        <v>64</v>
      </c>
      <c r="D70" s="17">
        <v>131</v>
      </c>
    </row>
    <row r="71" spans="1:4" ht="18" customHeight="1" x14ac:dyDescent="0.2">
      <c r="A71" s="18" t="s">
        <v>77</v>
      </c>
      <c r="B71" s="15">
        <v>288</v>
      </c>
      <c r="C71" s="16">
        <v>260</v>
      </c>
      <c r="D71" s="17">
        <v>548</v>
      </c>
    </row>
    <row r="72" spans="1:4" ht="18" customHeight="1" x14ac:dyDescent="0.2">
      <c r="A72" s="14">
        <v>55</v>
      </c>
      <c r="B72" s="15">
        <v>43</v>
      </c>
      <c r="C72" s="16">
        <v>48</v>
      </c>
      <c r="D72" s="17">
        <v>91</v>
      </c>
    </row>
    <row r="73" spans="1:4" ht="18" customHeight="1" x14ac:dyDescent="0.2">
      <c r="A73" s="14">
        <v>56</v>
      </c>
      <c r="B73" s="15">
        <v>54</v>
      </c>
      <c r="C73" s="16">
        <v>62</v>
      </c>
      <c r="D73" s="17">
        <v>116</v>
      </c>
    </row>
    <row r="74" spans="1:4" ht="18" customHeight="1" x14ac:dyDescent="0.2">
      <c r="A74" s="14">
        <v>57</v>
      </c>
      <c r="B74" s="15">
        <v>48</v>
      </c>
      <c r="C74" s="16">
        <v>67</v>
      </c>
      <c r="D74" s="17">
        <v>115</v>
      </c>
    </row>
    <row r="75" spans="1:4" ht="18" customHeight="1" x14ac:dyDescent="0.2">
      <c r="A75" s="14">
        <v>58</v>
      </c>
      <c r="B75" s="15">
        <v>62</v>
      </c>
      <c r="C75" s="16">
        <v>55</v>
      </c>
      <c r="D75" s="17">
        <v>117</v>
      </c>
    </row>
    <row r="76" spans="1:4" ht="18" customHeight="1" x14ac:dyDescent="0.2">
      <c r="A76" s="14">
        <v>59</v>
      </c>
      <c r="B76" s="15">
        <v>58</v>
      </c>
      <c r="C76" s="16">
        <v>66</v>
      </c>
      <c r="D76" s="17">
        <v>124</v>
      </c>
    </row>
    <row r="77" spans="1:4" ht="18" customHeight="1" x14ac:dyDescent="0.2">
      <c r="A77" s="18" t="s">
        <v>78</v>
      </c>
      <c r="B77" s="15">
        <v>265</v>
      </c>
      <c r="C77" s="16">
        <v>298</v>
      </c>
      <c r="D77" s="17">
        <v>563</v>
      </c>
    </row>
    <row r="78" spans="1:4" ht="18" customHeight="1" x14ac:dyDescent="0.2">
      <c r="A78" s="14">
        <v>60</v>
      </c>
      <c r="B78" s="15">
        <v>82</v>
      </c>
      <c r="C78" s="16">
        <v>76</v>
      </c>
      <c r="D78" s="17">
        <v>158</v>
      </c>
    </row>
    <row r="79" spans="1:4" ht="18" customHeight="1" x14ac:dyDescent="0.2">
      <c r="A79" s="14">
        <v>61</v>
      </c>
      <c r="B79" s="15">
        <v>77</v>
      </c>
      <c r="C79" s="16">
        <v>85</v>
      </c>
      <c r="D79" s="17">
        <v>162</v>
      </c>
    </row>
    <row r="80" spans="1:4" ht="18" customHeight="1" x14ac:dyDescent="0.2">
      <c r="A80" s="14">
        <v>62</v>
      </c>
      <c r="B80" s="15">
        <v>101</v>
      </c>
      <c r="C80" s="16">
        <v>84</v>
      </c>
      <c r="D80" s="17">
        <v>185</v>
      </c>
    </row>
    <row r="81" spans="1:4" ht="18" customHeight="1" x14ac:dyDescent="0.2">
      <c r="A81" s="14">
        <v>63</v>
      </c>
      <c r="B81" s="15">
        <v>46</v>
      </c>
      <c r="C81" s="16">
        <v>46</v>
      </c>
      <c r="D81" s="17">
        <v>92</v>
      </c>
    </row>
    <row r="82" spans="1:4" ht="18" customHeight="1" x14ac:dyDescent="0.2">
      <c r="A82" s="14">
        <v>64</v>
      </c>
      <c r="B82" s="15">
        <v>44</v>
      </c>
      <c r="C82" s="16">
        <v>47</v>
      </c>
      <c r="D82" s="17">
        <v>91</v>
      </c>
    </row>
    <row r="83" spans="1:4" ht="18" customHeight="1" x14ac:dyDescent="0.2">
      <c r="A83" s="18" t="s">
        <v>79</v>
      </c>
      <c r="B83" s="15">
        <v>350</v>
      </c>
      <c r="C83" s="16">
        <v>338</v>
      </c>
      <c r="D83" s="17">
        <v>688</v>
      </c>
    </row>
    <row r="84" spans="1:4" ht="18" customHeight="1" x14ac:dyDescent="0.2">
      <c r="A84" s="18" t="s">
        <v>80</v>
      </c>
      <c r="B84" s="15">
        <v>3495</v>
      </c>
      <c r="C84" s="16">
        <v>2957</v>
      </c>
      <c r="D84" s="17">
        <v>6452</v>
      </c>
    </row>
    <row r="85" spans="1:4" ht="18" customHeight="1" x14ac:dyDescent="0.2">
      <c r="A85" s="14">
        <v>65</v>
      </c>
      <c r="B85" s="15">
        <v>60</v>
      </c>
      <c r="C85" s="16">
        <v>66</v>
      </c>
      <c r="D85" s="17">
        <v>126</v>
      </c>
    </row>
    <row r="86" spans="1:4" ht="18" customHeight="1" x14ac:dyDescent="0.2">
      <c r="A86" s="14">
        <v>66</v>
      </c>
      <c r="B86" s="15">
        <v>54</v>
      </c>
      <c r="C86" s="16">
        <v>61</v>
      </c>
      <c r="D86" s="17">
        <v>115</v>
      </c>
    </row>
    <row r="87" spans="1:4" ht="18" customHeight="1" x14ac:dyDescent="0.2">
      <c r="A87" s="14">
        <v>67</v>
      </c>
      <c r="B87" s="15">
        <v>62</v>
      </c>
      <c r="C87" s="16">
        <v>65</v>
      </c>
      <c r="D87" s="17">
        <v>127</v>
      </c>
    </row>
    <row r="88" spans="1:4" ht="18" customHeight="1" x14ac:dyDescent="0.2">
      <c r="A88" s="14">
        <v>68</v>
      </c>
      <c r="B88" s="15">
        <v>54</v>
      </c>
      <c r="C88" s="16">
        <v>44</v>
      </c>
      <c r="D88" s="17">
        <v>98</v>
      </c>
    </row>
    <row r="89" spans="1:4" ht="18" customHeight="1" x14ac:dyDescent="0.2">
      <c r="A89" s="14">
        <v>69</v>
      </c>
      <c r="B89" s="15">
        <v>37</v>
      </c>
      <c r="C89" s="16">
        <v>42</v>
      </c>
      <c r="D89" s="17">
        <v>79</v>
      </c>
    </row>
    <row r="90" spans="1:4" ht="18" customHeight="1" x14ac:dyDescent="0.2">
      <c r="A90" s="18" t="s">
        <v>81</v>
      </c>
      <c r="B90" s="15">
        <v>267</v>
      </c>
      <c r="C90" s="16">
        <v>278</v>
      </c>
      <c r="D90" s="17">
        <v>545</v>
      </c>
    </row>
    <row r="91" spans="1:4" ht="18" customHeight="1" x14ac:dyDescent="0.2">
      <c r="A91" s="14">
        <v>70</v>
      </c>
      <c r="B91" s="15">
        <v>32</v>
      </c>
      <c r="C91" s="16">
        <v>44</v>
      </c>
      <c r="D91" s="17">
        <v>76</v>
      </c>
    </row>
    <row r="92" spans="1:4" ht="18" customHeight="1" x14ac:dyDescent="0.2">
      <c r="A92" s="14">
        <v>71</v>
      </c>
      <c r="B92" s="15">
        <v>27</v>
      </c>
      <c r="C92" s="16">
        <v>53</v>
      </c>
      <c r="D92" s="17">
        <v>80</v>
      </c>
    </row>
    <row r="93" spans="1:4" ht="18" customHeight="1" x14ac:dyDescent="0.2">
      <c r="A93" s="14">
        <v>72</v>
      </c>
      <c r="B93" s="15">
        <v>41</v>
      </c>
      <c r="C93" s="16">
        <v>46</v>
      </c>
      <c r="D93" s="17">
        <v>87</v>
      </c>
    </row>
    <row r="94" spans="1:4" ht="18" customHeight="1" x14ac:dyDescent="0.2">
      <c r="A94" s="14">
        <v>73</v>
      </c>
      <c r="B94" s="15">
        <v>32</v>
      </c>
      <c r="C94" s="16">
        <v>57</v>
      </c>
      <c r="D94" s="17">
        <v>89</v>
      </c>
    </row>
    <row r="95" spans="1:4" ht="18" customHeight="1" x14ac:dyDescent="0.2">
      <c r="A95" s="14">
        <v>74</v>
      </c>
      <c r="B95" s="15">
        <v>36</v>
      </c>
      <c r="C95" s="16">
        <v>38</v>
      </c>
      <c r="D95" s="17">
        <v>74</v>
      </c>
    </row>
    <row r="96" spans="1:4" ht="18" customHeight="1" x14ac:dyDescent="0.2">
      <c r="A96" s="18" t="s">
        <v>82</v>
      </c>
      <c r="B96" s="15">
        <v>168</v>
      </c>
      <c r="C96" s="16">
        <v>238</v>
      </c>
      <c r="D96" s="17">
        <v>406</v>
      </c>
    </row>
    <row r="97" spans="1:4" ht="18" customHeight="1" x14ac:dyDescent="0.2">
      <c r="A97" s="14">
        <v>75</v>
      </c>
      <c r="B97" s="15">
        <v>37</v>
      </c>
      <c r="C97" s="16">
        <v>74</v>
      </c>
      <c r="D97" s="17">
        <v>111</v>
      </c>
    </row>
    <row r="98" spans="1:4" ht="18" customHeight="1" x14ac:dyDescent="0.2">
      <c r="A98" s="14">
        <v>76</v>
      </c>
      <c r="B98" s="15">
        <v>43</v>
      </c>
      <c r="C98" s="16">
        <v>51</v>
      </c>
      <c r="D98" s="17">
        <v>94</v>
      </c>
    </row>
    <row r="99" spans="1:4" ht="18" customHeight="1" x14ac:dyDescent="0.2">
      <c r="A99" s="14">
        <v>77</v>
      </c>
      <c r="B99" s="15">
        <v>29</v>
      </c>
      <c r="C99" s="16">
        <v>52</v>
      </c>
      <c r="D99" s="17">
        <v>81</v>
      </c>
    </row>
    <row r="100" spans="1:4" ht="18" customHeight="1" x14ac:dyDescent="0.2">
      <c r="A100" s="14">
        <v>78</v>
      </c>
      <c r="B100" s="15">
        <v>39</v>
      </c>
      <c r="C100" s="16">
        <v>38</v>
      </c>
      <c r="D100" s="17">
        <v>77</v>
      </c>
    </row>
    <row r="101" spans="1:4" ht="18" customHeight="1" x14ac:dyDescent="0.2">
      <c r="A101" s="14">
        <v>79</v>
      </c>
      <c r="B101" s="15">
        <v>26</v>
      </c>
      <c r="C101" s="16">
        <v>38</v>
      </c>
      <c r="D101" s="17">
        <v>64</v>
      </c>
    </row>
    <row r="102" spans="1:4" ht="18" customHeight="1" x14ac:dyDescent="0.2">
      <c r="A102" s="18" t="s">
        <v>83</v>
      </c>
      <c r="B102" s="15">
        <v>174</v>
      </c>
      <c r="C102" s="16">
        <v>253</v>
      </c>
      <c r="D102" s="17">
        <v>427</v>
      </c>
    </row>
    <row r="103" spans="1:4" ht="18" customHeight="1" x14ac:dyDescent="0.2">
      <c r="A103" s="14">
        <v>80</v>
      </c>
      <c r="B103" s="15">
        <v>33</v>
      </c>
      <c r="C103" s="16">
        <v>31</v>
      </c>
      <c r="D103" s="17">
        <v>64</v>
      </c>
    </row>
    <row r="104" spans="1:4" ht="18" customHeight="1" x14ac:dyDescent="0.2">
      <c r="A104" s="14">
        <v>81</v>
      </c>
      <c r="B104" s="15">
        <v>27</v>
      </c>
      <c r="C104" s="16">
        <v>43</v>
      </c>
      <c r="D104" s="17">
        <v>70</v>
      </c>
    </row>
    <row r="105" spans="1:4" ht="18" customHeight="1" x14ac:dyDescent="0.2">
      <c r="A105" s="14">
        <v>82</v>
      </c>
      <c r="B105" s="15">
        <v>21</v>
      </c>
      <c r="C105" s="16">
        <v>39</v>
      </c>
      <c r="D105" s="17">
        <v>60</v>
      </c>
    </row>
    <row r="106" spans="1:4" ht="18" customHeight="1" x14ac:dyDescent="0.2">
      <c r="A106" s="14">
        <v>83</v>
      </c>
      <c r="B106" s="15">
        <v>22</v>
      </c>
      <c r="C106" s="16">
        <v>39</v>
      </c>
      <c r="D106" s="17">
        <v>61</v>
      </c>
    </row>
    <row r="107" spans="1:4" ht="18" customHeight="1" x14ac:dyDescent="0.2">
      <c r="A107" s="14">
        <v>84</v>
      </c>
      <c r="B107" s="15">
        <v>10</v>
      </c>
      <c r="C107" s="16">
        <v>33</v>
      </c>
      <c r="D107" s="17">
        <v>43</v>
      </c>
    </row>
    <row r="108" spans="1:4" ht="18" customHeight="1" x14ac:dyDescent="0.2">
      <c r="A108" s="18" t="s">
        <v>84</v>
      </c>
      <c r="B108" s="15">
        <v>113</v>
      </c>
      <c r="C108" s="16">
        <v>185</v>
      </c>
      <c r="D108" s="17">
        <v>298</v>
      </c>
    </row>
    <row r="109" spans="1:4" ht="18" customHeight="1" x14ac:dyDescent="0.2">
      <c r="A109" s="14">
        <v>85</v>
      </c>
      <c r="B109" s="15">
        <v>15</v>
      </c>
      <c r="C109" s="16">
        <v>21</v>
      </c>
      <c r="D109" s="17">
        <v>36</v>
      </c>
    </row>
    <row r="110" spans="1:4" ht="18" customHeight="1" x14ac:dyDescent="0.2">
      <c r="A110" s="14">
        <v>86</v>
      </c>
      <c r="B110" s="15">
        <v>9</v>
      </c>
      <c r="C110" s="16">
        <v>23</v>
      </c>
      <c r="D110" s="17">
        <v>32</v>
      </c>
    </row>
    <row r="111" spans="1:4" ht="18" customHeight="1" x14ac:dyDescent="0.2">
      <c r="A111" s="14">
        <v>87</v>
      </c>
      <c r="B111" s="15">
        <v>12</v>
      </c>
      <c r="C111" s="16">
        <v>21</v>
      </c>
      <c r="D111" s="17">
        <v>33</v>
      </c>
    </row>
    <row r="112" spans="1:4" ht="18" customHeight="1" x14ac:dyDescent="0.2">
      <c r="A112" s="14">
        <v>88</v>
      </c>
      <c r="B112" s="15">
        <v>7</v>
      </c>
      <c r="C112" s="16">
        <v>25</v>
      </c>
      <c r="D112" s="17">
        <v>32</v>
      </c>
    </row>
    <row r="113" spans="1:4" ht="18" customHeight="1" x14ac:dyDescent="0.2">
      <c r="A113" s="14">
        <v>89</v>
      </c>
      <c r="B113" s="15">
        <v>4</v>
      </c>
      <c r="C113" s="16">
        <v>17</v>
      </c>
      <c r="D113" s="17">
        <v>21</v>
      </c>
    </row>
    <row r="114" spans="1:4" ht="18" customHeight="1" x14ac:dyDescent="0.2">
      <c r="A114" s="18" t="s">
        <v>85</v>
      </c>
      <c r="B114" s="15">
        <v>47</v>
      </c>
      <c r="C114" s="16">
        <v>107</v>
      </c>
      <c r="D114" s="17">
        <v>154</v>
      </c>
    </row>
    <row r="115" spans="1:4" ht="18" customHeight="1" x14ac:dyDescent="0.2">
      <c r="A115" s="14">
        <v>90</v>
      </c>
      <c r="B115" s="15">
        <v>6</v>
      </c>
      <c r="C115" s="16">
        <v>18</v>
      </c>
      <c r="D115" s="17">
        <v>24</v>
      </c>
    </row>
    <row r="116" spans="1:4" ht="18" customHeight="1" x14ac:dyDescent="0.2">
      <c r="A116" s="14">
        <v>91</v>
      </c>
      <c r="B116" s="15">
        <v>2</v>
      </c>
      <c r="C116" s="16">
        <v>13</v>
      </c>
      <c r="D116" s="17">
        <v>15</v>
      </c>
    </row>
    <row r="117" spans="1:4" ht="18" customHeight="1" x14ac:dyDescent="0.2">
      <c r="A117" s="14">
        <v>92</v>
      </c>
      <c r="B117" s="15">
        <v>1</v>
      </c>
      <c r="C117" s="16">
        <v>9</v>
      </c>
      <c r="D117" s="17">
        <v>10</v>
      </c>
    </row>
    <row r="118" spans="1:4" ht="18" customHeight="1" x14ac:dyDescent="0.2">
      <c r="A118" s="14">
        <v>93</v>
      </c>
      <c r="B118" s="15">
        <v>5</v>
      </c>
      <c r="C118" s="16">
        <v>11</v>
      </c>
      <c r="D118" s="17">
        <v>16</v>
      </c>
    </row>
    <row r="119" spans="1:4" ht="18" customHeight="1" x14ac:dyDescent="0.2">
      <c r="A119" s="14">
        <v>94</v>
      </c>
      <c r="B119" s="15">
        <v>0</v>
      </c>
      <c r="C119" s="16">
        <v>8</v>
      </c>
      <c r="D119" s="17">
        <v>8</v>
      </c>
    </row>
    <row r="120" spans="1:4" ht="18" customHeight="1" x14ac:dyDescent="0.2">
      <c r="A120" s="18" t="s">
        <v>86</v>
      </c>
      <c r="B120" s="15">
        <v>14</v>
      </c>
      <c r="C120" s="16">
        <v>59</v>
      </c>
      <c r="D120" s="17">
        <v>73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2</v>
      </c>
      <c r="C126" s="16">
        <v>16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785</v>
      </c>
      <c r="C130" s="5">
        <v>1137</v>
      </c>
      <c r="D130" s="6">
        <v>1922</v>
      </c>
    </row>
    <row r="131" spans="1:4" ht="18" customHeight="1" x14ac:dyDescent="0.2">
      <c r="A131" s="20" t="s">
        <v>65</v>
      </c>
      <c r="B131" s="7">
        <v>4874</v>
      </c>
      <c r="C131" s="8">
        <v>4636</v>
      </c>
      <c r="D131" s="9">
        <v>951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17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3</v>
      </c>
      <c r="C5" s="12">
        <v>14</v>
      </c>
      <c r="D5" s="13">
        <v>27</v>
      </c>
    </row>
    <row r="6" spans="1:4" ht="18" customHeight="1" x14ac:dyDescent="0.2">
      <c r="A6" s="14">
        <v>1</v>
      </c>
      <c r="B6" s="15">
        <v>20</v>
      </c>
      <c r="C6" s="16">
        <v>16</v>
      </c>
      <c r="D6" s="17">
        <v>36</v>
      </c>
    </row>
    <row r="7" spans="1:4" ht="18" customHeight="1" x14ac:dyDescent="0.2">
      <c r="A7" s="14">
        <v>2</v>
      </c>
      <c r="B7" s="15">
        <v>27</v>
      </c>
      <c r="C7" s="16">
        <v>25</v>
      </c>
      <c r="D7" s="17">
        <v>52</v>
      </c>
    </row>
    <row r="8" spans="1:4" ht="18" customHeight="1" x14ac:dyDescent="0.2">
      <c r="A8" s="14">
        <v>3</v>
      </c>
      <c r="B8" s="15">
        <v>16</v>
      </c>
      <c r="C8" s="16">
        <v>22</v>
      </c>
      <c r="D8" s="17">
        <v>38</v>
      </c>
    </row>
    <row r="9" spans="1:4" ht="18" customHeight="1" x14ac:dyDescent="0.2">
      <c r="A9" s="14">
        <v>4</v>
      </c>
      <c r="B9" s="15">
        <v>23</v>
      </c>
      <c r="C9" s="16">
        <v>26</v>
      </c>
      <c r="D9" s="17">
        <v>49</v>
      </c>
    </row>
    <row r="10" spans="1:4" ht="18" customHeight="1" x14ac:dyDescent="0.2">
      <c r="A10" s="18" t="s">
        <v>66</v>
      </c>
      <c r="B10" s="15">
        <v>99</v>
      </c>
      <c r="C10" s="16">
        <v>103</v>
      </c>
      <c r="D10" s="17">
        <v>202</v>
      </c>
    </row>
    <row r="11" spans="1:4" ht="18" customHeight="1" x14ac:dyDescent="0.2">
      <c r="A11" s="14">
        <v>5</v>
      </c>
      <c r="B11" s="15">
        <v>18</v>
      </c>
      <c r="C11" s="16">
        <v>22</v>
      </c>
      <c r="D11" s="17">
        <v>40</v>
      </c>
    </row>
    <row r="12" spans="1:4" ht="18" customHeight="1" x14ac:dyDescent="0.2">
      <c r="A12" s="14">
        <v>6</v>
      </c>
      <c r="B12" s="15">
        <v>30</v>
      </c>
      <c r="C12" s="16">
        <v>26</v>
      </c>
      <c r="D12" s="17">
        <v>56</v>
      </c>
    </row>
    <row r="13" spans="1:4" ht="18" customHeight="1" x14ac:dyDescent="0.2">
      <c r="A13" s="14">
        <v>7</v>
      </c>
      <c r="B13" s="15">
        <v>31</v>
      </c>
      <c r="C13" s="16">
        <v>21</v>
      </c>
      <c r="D13" s="17">
        <v>52</v>
      </c>
    </row>
    <row r="14" spans="1:4" ht="18" customHeight="1" x14ac:dyDescent="0.2">
      <c r="A14" s="14">
        <v>8</v>
      </c>
      <c r="B14" s="15">
        <v>24</v>
      </c>
      <c r="C14" s="16">
        <v>32</v>
      </c>
      <c r="D14" s="17">
        <v>56</v>
      </c>
    </row>
    <row r="15" spans="1:4" ht="18" customHeight="1" x14ac:dyDescent="0.2">
      <c r="A15" s="14">
        <v>9</v>
      </c>
      <c r="B15" s="15">
        <v>25</v>
      </c>
      <c r="C15" s="16">
        <v>25</v>
      </c>
      <c r="D15" s="17">
        <v>50</v>
      </c>
    </row>
    <row r="16" spans="1:4" ht="18" customHeight="1" x14ac:dyDescent="0.2">
      <c r="A16" s="18" t="s">
        <v>67</v>
      </c>
      <c r="B16" s="15">
        <v>128</v>
      </c>
      <c r="C16" s="16">
        <v>126</v>
      </c>
      <c r="D16" s="17">
        <v>254</v>
      </c>
    </row>
    <row r="17" spans="1:4" ht="18" customHeight="1" x14ac:dyDescent="0.2">
      <c r="A17" s="14">
        <v>10</v>
      </c>
      <c r="B17" s="15">
        <v>27</v>
      </c>
      <c r="C17" s="16">
        <v>30</v>
      </c>
      <c r="D17" s="17">
        <v>57</v>
      </c>
    </row>
    <row r="18" spans="1:4" ht="18" customHeight="1" x14ac:dyDescent="0.2">
      <c r="A18" s="14">
        <v>11</v>
      </c>
      <c r="B18" s="15">
        <v>20</v>
      </c>
      <c r="C18" s="16">
        <v>18</v>
      </c>
      <c r="D18" s="17">
        <v>38</v>
      </c>
    </row>
    <row r="19" spans="1:4" ht="18" customHeight="1" x14ac:dyDescent="0.2">
      <c r="A19" s="14">
        <v>12</v>
      </c>
      <c r="B19" s="15">
        <v>23</v>
      </c>
      <c r="C19" s="16">
        <v>26</v>
      </c>
      <c r="D19" s="17">
        <v>49</v>
      </c>
    </row>
    <row r="20" spans="1:4" ht="18" customHeight="1" x14ac:dyDescent="0.2">
      <c r="A20" s="14">
        <v>13</v>
      </c>
      <c r="B20" s="15">
        <v>22</v>
      </c>
      <c r="C20" s="16">
        <v>22</v>
      </c>
      <c r="D20" s="17">
        <v>44</v>
      </c>
    </row>
    <row r="21" spans="1:4" ht="18" customHeight="1" x14ac:dyDescent="0.2">
      <c r="A21" s="14">
        <v>14</v>
      </c>
      <c r="B21" s="15">
        <v>24</v>
      </c>
      <c r="C21" s="16">
        <v>27</v>
      </c>
      <c r="D21" s="17">
        <v>51</v>
      </c>
    </row>
    <row r="22" spans="1:4" ht="18" customHeight="1" x14ac:dyDescent="0.2">
      <c r="A22" s="18" t="s">
        <v>68</v>
      </c>
      <c r="B22" s="15">
        <v>116</v>
      </c>
      <c r="C22" s="16">
        <v>123</v>
      </c>
      <c r="D22" s="17">
        <v>239</v>
      </c>
    </row>
    <row r="23" spans="1:4" ht="18" customHeight="1" x14ac:dyDescent="0.2">
      <c r="A23" s="18" t="s">
        <v>69</v>
      </c>
      <c r="B23" s="15">
        <v>343</v>
      </c>
      <c r="C23" s="16">
        <v>352</v>
      </c>
      <c r="D23" s="17">
        <v>695</v>
      </c>
    </row>
    <row r="24" spans="1:4" ht="18" customHeight="1" x14ac:dyDescent="0.2">
      <c r="A24" s="14">
        <v>15</v>
      </c>
      <c r="B24" s="15">
        <v>11</v>
      </c>
      <c r="C24" s="16">
        <v>16</v>
      </c>
      <c r="D24" s="17">
        <v>27</v>
      </c>
    </row>
    <row r="25" spans="1:4" ht="18" customHeight="1" x14ac:dyDescent="0.2">
      <c r="A25" s="14">
        <v>16</v>
      </c>
      <c r="B25" s="15">
        <v>30</v>
      </c>
      <c r="C25" s="16">
        <v>20</v>
      </c>
      <c r="D25" s="17">
        <v>50</v>
      </c>
    </row>
    <row r="26" spans="1:4" ht="18" customHeight="1" x14ac:dyDescent="0.2">
      <c r="A26" s="14">
        <v>17</v>
      </c>
      <c r="B26" s="15">
        <v>21</v>
      </c>
      <c r="C26" s="16">
        <v>20</v>
      </c>
      <c r="D26" s="17">
        <v>41</v>
      </c>
    </row>
    <row r="27" spans="1:4" ht="18" customHeight="1" x14ac:dyDescent="0.2">
      <c r="A27" s="14">
        <v>18</v>
      </c>
      <c r="B27" s="15">
        <v>20</v>
      </c>
      <c r="C27" s="16">
        <v>19</v>
      </c>
      <c r="D27" s="17">
        <v>39</v>
      </c>
    </row>
    <row r="28" spans="1:4" ht="18" customHeight="1" x14ac:dyDescent="0.2">
      <c r="A28" s="14">
        <v>19</v>
      </c>
      <c r="B28" s="15">
        <v>20</v>
      </c>
      <c r="C28" s="16">
        <v>17</v>
      </c>
      <c r="D28" s="17">
        <v>37</v>
      </c>
    </row>
    <row r="29" spans="1:4" ht="18" customHeight="1" x14ac:dyDescent="0.2">
      <c r="A29" s="18" t="s">
        <v>70</v>
      </c>
      <c r="B29" s="15">
        <v>102</v>
      </c>
      <c r="C29" s="16">
        <v>92</v>
      </c>
      <c r="D29" s="17">
        <v>194</v>
      </c>
    </row>
    <row r="30" spans="1:4" ht="18" customHeight="1" x14ac:dyDescent="0.2">
      <c r="A30" s="14">
        <v>20</v>
      </c>
      <c r="B30" s="15">
        <v>18</v>
      </c>
      <c r="C30" s="16">
        <v>23</v>
      </c>
      <c r="D30" s="17">
        <v>41</v>
      </c>
    </row>
    <row r="31" spans="1:4" ht="18" customHeight="1" x14ac:dyDescent="0.2">
      <c r="A31" s="14">
        <v>21</v>
      </c>
      <c r="B31" s="15">
        <v>25</v>
      </c>
      <c r="C31" s="16">
        <v>20</v>
      </c>
      <c r="D31" s="17">
        <v>45</v>
      </c>
    </row>
    <row r="32" spans="1:4" ht="18" customHeight="1" x14ac:dyDescent="0.2">
      <c r="A32" s="14">
        <v>22</v>
      </c>
      <c r="B32" s="15">
        <v>22</v>
      </c>
      <c r="C32" s="16">
        <v>21</v>
      </c>
      <c r="D32" s="17">
        <v>43</v>
      </c>
    </row>
    <row r="33" spans="1:4" ht="18" customHeight="1" x14ac:dyDescent="0.2">
      <c r="A33" s="14">
        <v>23</v>
      </c>
      <c r="B33" s="15">
        <v>22</v>
      </c>
      <c r="C33" s="16">
        <v>19</v>
      </c>
      <c r="D33" s="17">
        <v>41</v>
      </c>
    </row>
    <row r="34" spans="1:4" ht="18" customHeight="1" x14ac:dyDescent="0.2">
      <c r="A34" s="14">
        <v>24</v>
      </c>
      <c r="B34" s="15">
        <v>16</v>
      </c>
      <c r="C34" s="16">
        <v>14</v>
      </c>
      <c r="D34" s="17">
        <v>30</v>
      </c>
    </row>
    <row r="35" spans="1:4" ht="18" customHeight="1" x14ac:dyDescent="0.2">
      <c r="A35" s="18" t="s">
        <v>71</v>
      </c>
      <c r="B35" s="15">
        <v>103</v>
      </c>
      <c r="C35" s="16">
        <v>97</v>
      </c>
      <c r="D35" s="17">
        <v>200</v>
      </c>
    </row>
    <row r="36" spans="1:4" ht="18" customHeight="1" x14ac:dyDescent="0.2">
      <c r="A36" s="14">
        <v>25</v>
      </c>
      <c r="B36" s="15">
        <v>25</v>
      </c>
      <c r="C36" s="16">
        <v>26</v>
      </c>
      <c r="D36" s="17">
        <v>51</v>
      </c>
    </row>
    <row r="37" spans="1:4" ht="18" customHeight="1" x14ac:dyDescent="0.2">
      <c r="A37" s="14">
        <v>26</v>
      </c>
      <c r="B37" s="15">
        <v>31</v>
      </c>
      <c r="C37" s="16">
        <v>22</v>
      </c>
      <c r="D37" s="17">
        <v>53</v>
      </c>
    </row>
    <row r="38" spans="1:4" ht="18" customHeight="1" x14ac:dyDescent="0.2">
      <c r="A38" s="14">
        <v>27</v>
      </c>
      <c r="B38" s="15">
        <v>14</v>
      </c>
      <c r="C38" s="16">
        <v>19</v>
      </c>
      <c r="D38" s="17">
        <v>33</v>
      </c>
    </row>
    <row r="39" spans="1:4" ht="18" customHeight="1" x14ac:dyDescent="0.2">
      <c r="A39" s="14">
        <v>28</v>
      </c>
      <c r="B39" s="15">
        <v>35</v>
      </c>
      <c r="C39" s="16">
        <v>30</v>
      </c>
      <c r="D39" s="17">
        <v>65</v>
      </c>
    </row>
    <row r="40" spans="1:4" ht="18" customHeight="1" x14ac:dyDescent="0.2">
      <c r="A40" s="14">
        <v>29</v>
      </c>
      <c r="B40" s="15">
        <v>17</v>
      </c>
      <c r="C40" s="16">
        <v>29</v>
      </c>
      <c r="D40" s="17">
        <v>46</v>
      </c>
    </row>
    <row r="41" spans="1:4" ht="18" customHeight="1" x14ac:dyDescent="0.2">
      <c r="A41" s="18" t="s">
        <v>72</v>
      </c>
      <c r="B41" s="15">
        <v>122</v>
      </c>
      <c r="C41" s="16">
        <v>126</v>
      </c>
      <c r="D41" s="17">
        <v>248</v>
      </c>
    </row>
    <row r="42" spans="1:4" ht="18" customHeight="1" x14ac:dyDescent="0.2">
      <c r="A42" s="14">
        <v>30</v>
      </c>
      <c r="B42" s="15">
        <v>30</v>
      </c>
      <c r="C42" s="16">
        <v>29</v>
      </c>
      <c r="D42" s="17">
        <v>59</v>
      </c>
    </row>
    <row r="43" spans="1:4" ht="18" customHeight="1" x14ac:dyDescent="0.2">
      <c r="A43" s="14">
        <v>31</v>
      </c>
      <c r="B43" s="15">
        <v>24</v>
      </c>
      <c r="C43" s="16">
        <v>24</v>
      </c>
      <c r="D43" s="17">
        <v>48</v>
      </c>
    </row>
    <row r="44" spans="1:4" ht="18" customHeight="1" x14ac:dyDescent="0.2">
      <c r="A44" s="14">
        <v>32</v>
      </c>
      <c r="B44" s="15">
        <v>31</v>
      </c>
      <c r="C44" s="16">
        <v>33</v>
      </c>
      <c r="D44" s="17">
        <v>64</v>
      </c>
    </row>
    <row r="45" spans="1:4" ht="18" customHeight="1" x14ac:dyDescent="0.2">
      <c r="A45" s="14">
        <v>33</v>
      </c>
      <c r="B45" s="15">
        <v>32</v>
      </c>
      <c r="C45" s="16">
        <v>36</v>
      </c>
      <c r="D45" s="17">
        <v>68</v>
      </c>
    </row>
    <row r="46" spans="1:4" ht="18" customHeight="1" x14ac:dyDescent="0.2">
      <c r="A46" s="14">
        <v>34</v>
      </c>
      <c r="B46" s="15">
        <v>32</v>
      </c>
      <c r="C46" s="16">
        <v>35</v>
      </c>
      <c r="D46" s="17">
        <v>67</v>
      </c>
    </row>
    <row r="47" spans="1:4" ht="18" customHeight="1" x14ac:dyDescent="0.2">
      <c r="A47" s="18" t="s">
        <v>73</v>
      </c>
      <c r="B47" s="15">
        <v>149</v>
      </c>
      <c r="C47" s="16">
        <v>157</v>
      </c>
      <c r="D47" s="17">
        <v>306</v>
      </c>
    </row>
    <row r="48" spans="1:4" ht="18" customHeight="1" x14ac:dyDescent="0.2">
      <c r="A48" s="14">
        <v>35</v>
      </c>
      <c r="B48" s="15">
        <v>31</v>
      </c>
      <c r="C48" s="16">
        <v>33</v>
      </c>
      <c r="D48" s="17">
        <v>64</v>
      </c>
    </row>
    <row r="49" spans="1:4" ht="18" customHeight="1" x14ac:dyDescent="0.2">
      <c r="A49" s="14">
        <v>36</v>
      </c>
      <c r="B49" s="15">
        <v>39</v>
      </c>
      <c r="C49" s="16">
        <v>41</v>
      </c>
      <c r="D49" s="17">
        <v>80</v>
      </c>
    </row>
    <row r="50" spans="1:4" ht="18" customHeight="1" x14ac:dyDescent="0.2">
      <c r="A50" s="14">
        <v>37</v>
      </c>
      <c r="B50" s="15">
        <v>34</v>
      </c>
      <c r="C50" s="16">
        <v>40</v>
      </c>
      <c r="D50" s="17">
        <v>74</v>
      </c>
    </row>
    <row r="51" spans="1:4" ht="18" customHeight="1" x14ac:dyDescent="0.2">
      <c r="A51" s="14">
        <v>38</v>
      </c>
      <c r="B51" s="15">
        <v>32</v>
      </c>
      <c r="C51" s="16">
        <v>24</v>
      </c>
      <c r="D51" s="17">
        <v>56</v>
      </c>
    </row>
    <row r="52" spans="1:4" ht="18" customHeight="1" x14ac:dyDescent="0.2">
      <c r="A52" s="14">
        <v>39</v>
      </c>
      <c r="B52" s="15">
        <v>29</v>
      </c>
      <c r="C52" s="16">
        <v>36</v>
      </c>
      <c r="D52" s="17">
        <v>65</v>
      </c>
    </row>
    <row r="53" spans="1:4" ht="18" customHeight="1" x14ac:dyDescent="0.2">
      <c r="A53" s="18" t="s">
        <v>74</v>
      </c>
      <c r="B53" s="15">
        <v>165</v>
      </c>
      <c r="C53" s="16">
        <v>174</v>
      </c>
      <c r="D53" s="17">
        <v>339</v>
      </c>
    </row>
    <row r="54" spans="1:4" ht="18" customHeight="1" x14ac:dyDescent="0.2">
      <c r="A54" s="14">
        <v>40</v>
      </c>
      <c r="B54" s="15">
        <v>27</v>
      </c>
      <c r="C54" s="16">
        <v>37</v>
      </c>
      <c r="D54" s="17">
        <v>64</v>
      </c>
    </row>
    <row r="55" spans="1:4" ht="18" customHeight="1" x14ac:dyDescent="0.2">
      <c r="A55" s="14">
        <v>41</v>
      </c>
      <c r="B55" s="15">
        <v>28</v>
      </c>
      <c r="C55" s="16">
        <v>35</v>
      </c>
      <c r="D55" s="17">
        <v>63</v>
      </c>
    </row>
    <row r="56" spans="1:4" ht="18" customHeight="1" x14ac:dyDescent="0.2">
      <c r="A56" s="14">
        <v>42</v>
      </c>
      <c r="B56" s="15">
        <v>37</v>
      </c>
      <c r="C56" s="16">
        <v>29</v>
      </c>
      <c r="D56" s="17">
        <v>66</v>
      </c>
    </row>
    <row r="57" spans="1:4" ht="18" customHeight="1" x14ac:dyDescent="0.2">
      <c r="A57" s="14">
        <v>43</v>
      </c>
      <c r="B57" s="15">
        <v>25</v>
      </c>
      <c r="C57" s="16">
        <v>30</v>
      </c>
      <c r="D57" s="17">
        <v>55</v>
      </c>
    </row>
    <row r="58" spans="1:4" ht="18" customHeight="1" x14ac:dyDescent="0.2">
      <c r="A58" s="14">
        <v>44</v>
      </c>
      <c r="B58" s="15">
        <v>28</v>
      </c>
      <c r="C58" s="16">
        <v>33</v>
      </c>
      <c r="D58" s="17">
        <v>61</v>
      </c>
    </row>
    <row r="59" spans="1:4" ht="18" customHeight="1" x14ac:dyDescent="0.2">
      <c r="A59" s="18" t="s">
        <v>75</v>
      </c>
      <c r="B59" s="15">
        <v>145</v>
      </c>
      <c r="C59" s="16">
        <v>164</v>
      </c>
      <c r="D59" s="17">
        <v>309</v>
      </c>
    </row>
    <row r="60" spans="1:4" ht="18" customHeight="1" x14ac:dyDescent="0.2">
      <c r="A60" s="14">
        <v>45</v>
      </c>
      <c r="B60" s="15">
        <v>30</v>
      </c>
      <c r="C60" s="16">
        <v>34</v>
      </c>
      <c r="D60" s="17">
        <v>64</v>
      </c>
    </row>
    <row r="61" spans="1:4" ht="18" customHeight="1" x14ac:dyDescent="0.2">
      <c r="A61" s="14">
        <v>46</v>
      </c>
      <c r="B61" s="15">
        <v>32</v>
      </c>
      <c r="C61" s="16">
        <v>22</v>
      </c>
      <c r="D61" s="17">
        <v>54</v>
      </c>
    </row>
    <row r="62" spans="1:4" ht="18" customHeight="1" x14ac:dyDescent="0.2">
      <c r="A62" s="14">
        <v>47</v>
      </c>
      <c r="B62" s="15">
        <v>26</v>
      </c>
      <c r="C62" s="16">
        <v>25</v>
      </c>
      <c r="D62" s="17">
        <v>51</v>
      </c>
    </row>
    <row r="63" spans="1:4" ht="18" customHeight="1" x14ac:dyDescent="0.2">
      <c r="A63" s="14">
        <v>48</v>
      </c>
      <c r="B63" s="15">
        <v>26</v>
      </c>
      <c r="C63" s="16">
        <v>30</v>
      </c>
      <c r="D63" s="17">
        <v>56</v>
      </c>
    </row>
    <row r="64" spans="1:4" ht="18" customHeight="1" x14ac:dyDescent="0.2">
      <c r="A64" s="14">
        <v>49</v>
      </c>
      <c r="B64" s="15">
        <v>29</v>
      </c>
      <c r="C64" s="16">
        <v>18</v>
      </c>
      <c r="D64" s="17">
        <v>47</v>
      </c>
    </row>
    <row r="65" spans="1:4" ht="18" customHeight="1" x14ac:dyDescent="0.2">
      <c r="A65" s="18" t="s">
        <v>76</v>
      </c>
      <c r="B65" s="15">
        <v>143</v>
      </c>
      <c r="C65" s="16">
        <v>129</v>
      </c>
      <c r="D65" s="17">
        <v>272</v>
      </c>
    </row>
    <row r="66" spans="1:4" ht="18" customHeight="1" x14ac:dyDescent="0.2">
      <c r="A66" s="14">
        <v>50</v>
      </c>
      <c r="B66" s="15">
        <v>27</v>
      </c>
      <c r="C66" s="16">
        <v>35</v>
      </c>
      <c r="D66" s="17">
        <v>62</v>
      </c>
    </row>
    <row r="67" spans="1:4" ht="18" customHeight="1" x14ac:dyDescent="0.2">
      <c r="A67" s="14">
        <v>51</v>
      </c>
      <c r="B67" s="15">
        <v>17</v>
      </c>
      <c r="C67" s="16">
        <v>26</v>
      </c>
      <c r="D67" s="17">
        <v>43</v>
      </c>
    </row>
    <row r="68" spans="1:4" ht="18" customHeight="1" x14ac:dyDescent="0.2">
      <c r="A68" s="14">
        <v>52</v>
      </c>
      <c r="B68" s="15">
        <v>24</v>
      </c>
      <c r="C68" s="16">
        <v>24</v>
      </c>
      <c r="D68" s="17">
        <v>48</v>
      </c>
    </row>
    <row r="69" spans="1:4" ht="18" customHeight="1" x14ac:dyDescent="0.2">
      <c r="A69" s="14">
        <v>53</v>
      </c>
      <c r="B69" s="15">
        <v>15</v>
      </c>
      <c r="C69" s="16">
        <v>16</v>
      </c>
      <c r="D69" s="17">
        <v>31</v>
      </c>
    </row>
    <row r="70" spans="1:4" ht="18" customHeight="1" x14ac:dyDescent="0.2">
      <c r="A70" s="14">
        <v>54</v>
      </c>
      <c r="B70" s="15">
        <v>26</v>
      </c>
      <c r="C70" s="16">
        <v>32</v>
      </c>
      <c r="D70" s="17">
        <v>58</v>
      </c>
    </row>
    <row r="71" spans="1:4" ht="18" customHeight="1" x14ac:dyDescent="0.2">
      <c r="A71" s="18" t="s">
        <v>77</v>
      </c>
      <c r="B71" s="15">
        <v>109</v>
      </c>
      <c r="C71" s="16">
        <v>133</v>
      </c>
      <c r="D71" s="17">
        <v>242</v>
      </c>
    </row>
    <row r="72" spans="1:4" ht="18" customHeight="1" x14ac:dyDescent="0.2">
      <c r="A72" s="14">
        <v>55</v>
      </c>
      <c r="B72" s="15">
        <v>27</v>
      </c>
      <c r="C72" s="16">
        <v>29</v>
      </c>
      <c r="D72" s="17">
        <v>56</v>
      </c>
    </row>
    <row r="73" spans="1:4" ht="18" customHeight="1" x14ac:dyDescent="0.2">
      <c r="A73" s="14">
        <v>56</v>
      </c>
      <c r="B73" s="15">
        <v>26</v>
      </c>
      <c r="C73" s="16">
        <v>23</v>
      </c>
      <c r="D73" s="17">
        <v>49</v>
      </c>
    </row>
    <row r="74" spans="1:4" ht="18" customHeight="1" x14ac:dyDescent="0.2">
      <c r="A74" s="14">
        <v>57</v>
      </c>
      <c r="B74" s="15">
        <v>28</v>
      </c>
      <c r="C74" s="16">
        <v>30</v>
      </c>
      <c r="D74" s="17">
        <v>58</v>
      </c>
    </row>
    <row r="75" spans="1:4" ht="18" customHeight="1" x14ac:dyDescent="0.2">
      <c r="A75" s="14">
        <v>58</v>
      </c>
      <c r="B75" s="15">
        <v>33</v>
      </c>
      <c r="C75" s="16">
        <v>33</v>
      </c>
      <c r="D75" s="17">
        <v>66</v>
      </c>
    </row>
    <row r="76" spans="1:4" ht="18" customHeight="1" x14ac:dyDescent="0.2">
      <c r="A76" s="14">
        <v>59</v>
      </c>
      <c r="B76" s="15">
        <v>38</v>
      </c>
      <c r="C76" s="16">
        <v>34</v>
      </c>
      <c r="D76" s="17">
        <v>72</v>
      </c>
    </row>
    <row r="77" spans="1:4" ht="18" customHeight="1" x14ac:dyDescent="0.2">
      <c r="A77" s="18" t="s">
        <v>78</v>
      </c>
      <c r="B77" s="15">
        <v>152</v>
      </c>
      <c r="C77" s="16">
        <v>149</v>
      </c>
      <c r="D77" s="17">
        <v>301</v>
      </c>
    </row>
    <row r="78" spans="1:4" ht="18" customHeight="1" x14ac:dyDescent="0.2">
      <c r="A78" s="14">
        <v>60</v>
      </c>
      <c r="B78" s="15">
        <v>32</v>
      </c>
      <c r="C78" s="16">
        <v>45</v>
      </c>
      <c r="D78" s="17">
        <v>77</v>
      </c>
    </row>
    <row r="79" spans="1:4" ht="18" customHeight="1" x14ac:dyDescent="0.2">
      <c r="A79" s="14">
        <v>61</v>
      </c>
      <c r="B79" s="15">
        <v>30</v>
      </c>
      <c r="C79" s="16">
        <v>33</v>
      </c>
      <c r="D79" s="17">
        <v>63</v>
      </c>
    </row>
    <row r="80" spans="1:4" ht="18" customHeight="1" x14ac:dyDescent="0.2">
      <c r="A80" s="14">
        <v>62</v>
      </c>
      <c r="B80" s="15">
        <v>31</v>
      </c>
      <c r="C80" s="16">
        <v>49</v>
      </c>
      <c r="D80" s="17">
        <v>80</v>
      </c>
    </row>
    <row r="81" spans="1:4" ht="18" customHeight="1" x14ac:dyDescent="0.2">
      <c r="A81" s="14">
        <v>63</v>
      </c>
      <c r="B81" s="15">
        <v>16</v>
      </c>
      <c r="C81" s="16">
        <v>20</v>
      </c>
      <c r="D81" s="17">
        <v>36</v>
      </c>
    </row>
    <row r="82" spans="1:4" ht="18" customHeight="1" x14ac:dyDescent="0.2">
      <c r="A82" s="14">
        <v>64</v>
      </c>
      <c r="B82" s="15">
        <v>16</v>
      </c>
      <c r="C82" s="16">
        <v>19</v>
      </c>
      <c r="D82" s="17">
        <v>35</v>
      </c>
    </row>
    <row r="83" spans="1:4" ht="18" customHeight="1" x14ac:dyDescent="0.2">
      <c r="A83" s="18" t="s">
        <v>79</v>
      </c>
      <c r="B83" s="15">
        <v>125</v>
      </c>
      <c r="C83" s="16">
        <v>166</v>
      </c>
      <c r="D83" s="17">
        <v>291</v>
      </c>
    </row>
    <row r="84" spans="1:4" ht="18" customHeight="1" x14ac:dyDescent="0.2">
      <c r="A84" s="18" t="s">
        <v>80</v>
      </c>
      <c r="B84" s="15">
        <v>1315</v>
      </c>
      <c r="C84" s="16">
        <v>1387</v>
      </c>
      <c r="D84" s="17">
        <v>2702</v>
      </c>
    </row>
    <row r="85" spans="1:4" ht="18" customHeight="1" x14ac:dyDescent="0.2">
      <c r="A85" s="14">
        <v>65</v>
      </c>
      <c r="B85" s="15">
        <v>28</v>
      </c>
      <c r="C85" s="16">
        <v>37</v>
      </c>
      <c r="D85" s="17">
        <v>65</v>
      </c>
    </row>
    <row r="86" spans="1:4" ht="18" customHeight="1" x14ac:dyDescent="0.2">
      <c r="A86" s="14">
        <v>66</v>
      </c>
      <c r="B86" s="15">
        <v>27</v>
      </c>
      <c r="C86" s="16">
        <v>34</v>
      </c>
      <c r="D86" s="17">
        <v>61</v>
      </c>
    </row>
    <row r="87" spans="1:4" ht="18" customHeight="1" x14ac:dyDescent="0.2">
      <c r="A87" s="14">
        <v>67</v>
      </c>
      <c r="B87" s="15">
        <v>33</v>
      </c>
      <c r="C87" s="16">
        <v>31</v>
      </c>
      <c r="D87" s="17">
        <v>64</v>
      </c>
    </row>
    <row r="88" spans="1:4" ht="18" customHeight="1" x14ac:dyDescent="0.2">
      <c r="A88" s="14">
        <v>68</v>
      </c>
      <c r="B88" s="15">
        <v>24</v>
      </c>
      <c r="C88" s="16">
        <v>38</v>
      </c>
      <c r="D88" s="17">
        <v>62</v>
      </c>
    </row>
    <row r="89" spans="1:4" ht="18" customHeight="1" x14ac:dyDescent="0.2">
      <c r="A89" s="14">
        <v>69</v>
      </c>
      <c r="B89" s="15">
        <v>28</v>
      </c>
      <c r="C89" s="16">
        <v>32</v>
      </c>
      <c r="D89" s="17">
        <v>60</v>
      </c>
    </row>
    <row r="90" spans="1:4" ht="18" customHeight="1" x14ac:dyDescent="0.2">
      <c r="A90" s="18" t="s">
        <v>81</v>
      </c>
      <c r="B90" s="15">
        <v>140</v>
      </c>
      <c r="C90" s="16">
        <v>172</v>
      </c>
      <c r="D90" s="17">
        <v>312</v>
      </c>
    </row>
    <row r="91" spans="1:4" ht="18" customHeight="1" x14ac:dyDescent="0.2">
      <c r="A91" s="14">
        <v>70</v>
      </c>
      <c r="B91" s="15">
        <v>21</v>
      </c>
      <c r="C91" s="16">
        <v>19</v>
      </c>
      <c r="D91" s="17">
        <v>40</v>
      </c>
    </row>
    <row r="92" spans="1:4" ht="18" customHeight="1" x14ac:dyDescent="0.2">
      <c r="A92" s="14">
        <v>71</v>
      </c>
      <c r="B92" s="15">
        <v>28</v>
      </c>
      <c r="C92" s="16">
        <v>28</v>
      </c>
      <c r="D92" s="17">
        <v>56</v>
      </c>
    </row>
    <row r="93" spans="1:4" ht="18" customHeight="1" x14ac:dyDescent="0.2">
      <c r="A93" s="14">
        <v>72</v>
      </c>
      <c r="B93" s="15">
        <v>19</v>
      </c>
      <c r="C93" s="16">
        <v>16</v>
      </c>
      <c r="D93" s="17">
        <v>35</v>
      </c>
    </row>
    <row r="94" spans="1:4" ht="18" customHeight="1" x14ac:dyDescent="0.2">
      <c r="A94" s="14">
        <v>73</v>
      </c>
      <c r="B94" s="15">
        <v>18</v>
      </c>
      <c r="C94" s="16">
        <v>32</v>
      </c>
      <c r="D94" s="17">
        <v>50</v>
      </c>
    </row>
    <row r="95" spans="1:4" ht="18" customHeight="1" x14ac:dyDescent="0.2">
      <c r="A95" s="14">
        <v>74</v>
      </c>
      <c r="B95" s="15">
        <v>19</v>
      </c>
      <c r="C95" s="16">
        <v>19</v>
      </c>
      <c r="D95" s="17">
        <v>38</v>
      </c>
    </row>
    <row r="96" spans="1:4" ht="18" customHeight="1" x14ac:dyDescent="0.2">
      <c r="A96" s="18" t="s">
        <v>82</v>
      </c>
      <c r="B96" s="15">
        <v>105</v>
      </c>
      <c r="C96" s="16">
        <v>114</v>
      </c>
      <c r="D96" s="17">
        <v>219</v>
      </c>
    </row>
    <row r="97" spans="1:4" ht="18" customHeight="1" x14ac:dyDescent="0.2">
      <c r="A97" s="14">
        <v>75</v>
      </c>
      <c r="B97" s="15">
        <v>17</v>
      </c>
      <c r="C97" s="16">
        <v>24</v>
      </c>
      <c r="D97" s="17">
        <v>41</v>
      </c>
    </row>
    <row r="98" spans="1:4" ht="18" customHeight="1" x14ac:dyDescent="0.2">
      <c r="A98" s="14">
        <v>76</v>
      </c>
      <c r="B98" s="15">
        <v>16</v>
      </c>
      <c r="C98" s="16">
        <v>30</v>
      </c>
      <c r="D98" s="17">
        <v>46</v>
      </c>
    </row>
    <row r="99" spans="1:4" ht="18" customHeight="1" x14ac:dyDescent="0.2">
      <c r="A99" s="14">
        <v>77</v>
      </c>
      <c r="B99" s="15">
        <v>11</v>
      </c>
      <c r="C99" s="16">
        <v>17</v>
      </c>
      <c r="D99" s="17">
        <v>28</v>
      </c>
    </row>
    <row r="100" spans="1:4" ht="18" customHeight="1" x14ac:dyDescent="0.2">
      <c r="A100" s="14">
        <v>78</v>
      </c>
      <c r="B100" s="15">
        <v>13</v>
      </c>
      <c r="C100" s="16">
        <v>20</v>
      </c>
      <c r="D100" s="17">
        <v>33</v>
      </c>
    </row>
    <row r="101" spans="1:4" ht="18" customHeight="1" x14ac:dyDescent="0.2">
      <c r="A101" s="14">
        <v>79</v>
      </c>
      <c r="B101" s="15">
        <v>13</v>
      </c>
      <c r="C101" s="16">
        <v>10</v>
      </c>
      <c r="D101" s="17">
        <v>23</v>
      </c>
    </row>
    <row r="102" spans="1:4" ht="18" customHeight="1" x14ac:dyDescent="0.2">
      <c r="A102" s="18" t="s">
        <v>83</v>
      </c>
      <c r="B102" s="15">
        <v>70</v>
      </c>
      <c r="C102" s="16">
        <v>101</v>
      </c>
      <c r="D102" s="17">
        <v>171</v>
      </c>
    </row>
    <row r="103" spans="1:4" ht="18" customHeight="1" x14ac:dyDescent="0.2">
      <c r="A103" s="14">
        <v>80</v>
      </c>
      <c r="B103" s="15">
        <v>7</v>
      </c>
      <c r="C103" s="16">
        <v>19</v>
      </c>
      <c r="D103" s="17">
        <v>26</v>
      </c>
    </row>
    <row r="104" spans="1:4" ht="18" customHeight="1" x14ac:dyDescent="0.2">
      <c r="A104" s="14">
        <v>81</v>
      </c>
      <c r="B104" s="15">
        <v>8</v>
      </c>
      <c r="C104" s="16">
        <v>26</v>
      </c>
      <c r="D104" s="17">
        <v>34</v>
      </c>
    </row>
    <row r="105" spans="1:4" ht="18" customHeight="1" x14ac:dyDescent="0.2">
      <c r="A105" s="14">
        <v>82</v>
      </c>
      <c r="B105" s="15">
        <v>5</v>
      </c>
      <c r="C105" s="16">
        <v>11</v>
      </c>
      <c r="D105" s="17">
        <v>16</v>
      </c>
    </row>
    <row r="106" spans="1:4" ht="18" customHeight="1" x14ac:dyDescent="0.2">
      <c r="A106" s="14">
        <v>83</v>
      </c>
      <c r="B106" s="15">
        <v>6</v>
      </c>
      <c r="C106" s="16">
        <v>19</v>
      </c>
      <c r="D106" s="17">
        <v>25</v>
      </c>
    </row>
    <row r="107" spans="1:4" ht="18" customHeight="1" x14ac:dyDescent="0.2">
      <c r="A107" s="14">
        <v>84</v>
      </c>
      <c r="B107" s="15">
        <v>5</v>
      </c>
      <c r="C107" s="16">
        <v>13</v>
      </c>
      <c r="D107" s="17">
        <v>18</v>
      </c>
    </row>
    <row r="108" spans="1:4" ht="18" customHeight="1" x14ac:dyDescent="0.2">
      <c r="A108" s="18" t="s">
        <v>84</v>
      </c>
      <c r="B108" s="15">
        <v>31</v>
      </c>
      <c r="C108" s="16">
        <v>88</v>
      </c>
      <c r="D108" s="17">
        <v>119</v>
      </c>
    </row>
    <row r="109" spans="1:4" ht="18" customHeight="1" x14ac:dyDescent="0.2">
      <c r="A109" s="14">
        <v>85</v>
      </c>
      <c r="B109" s="15">
        <v>5</v>
      </c>
      <c r="C109" s="16">
        <v>17</v>
      </c>
      <c r="D109" s="17">
        <v>22</v>
      </c>
    </row>
    <row r="110" spans="1:4" ht="18" customHeight="1" x14ac:dyDescent="0.2">
      <c r="A110" s="14">
        <v>86</v>
      </c>
      <c r="B110" s="15">
        <v>2</v>
      </c>
      <c r="C110" s="16">
        <v>8</v>
      </c>
      <c r="D110" s="17">
        <v>10</v>
      </c>
    </row>
    <row r="111" spans="1:4" ht="18" customHeight="1" x14ac:dyDescent="0.2">
      <c r="A111" s="14">
        <v>87</v>
      </c>
      <c r="B111" s="15">
        <v>6</v>
      </c>
      <c r="C111" s="16">
        <v>9</v>
      </c>
      <c r="D111" s="17">
        <v>15</v>
      </c>
    </row>
    <row r="112" spans="1:4" ht="18" customHeight="1" x14ac:dyDescent="0.2">
      <c r="A112" s="14">
        <v>88</v>
      </c>
      <c r="B112" s="15">
        <v>3</v>
      </c>
      <c r="C112" s="16">
        <v>5</v>
      </c>
      <c r="D112" s="17">
        <v>8</v>
      </c>
    </row>
    <row r="113" spans="1:4" ht="18" customHeight="1" x14ac:dyDescent="0.2">
      <c r="A113" s="14">
        <v>89</v>
      </c>
      <c r="B113" s="15">
        <v>5</v>
      </c>
      <c r="C113" s="16">
        <v>8</v>
      </c>
      <c r="D113" s="17">
        <v>13</v>
      </c>
    </row>
    <row r="114" spans="1:4" ht="18" customHeight="1" x14ac:dyDescent="0.2">
      <c r="A114" s="18" t="s">
        <v>85</v>
      </c>
      <c r="B114" s="15">
        <v>21</v>
      </c>
      <c r="C114" s="16">
        <v>47</v>
      </c>
      <c r="D114" s="17">
        <v>68</v>
      </c>
    </row>
    <row r="115" spans="1:4" ht="18" customHeight="1" x14ac:dyDescent="0.2">
      <c r="A115" s="14">
        <v>90</v>
      </c>
      <c r="B115" s="15">
        <v>4</v>
      </c>
      <c r="C115" s="16">
        <v>4</v>
      </c>
      <c r="D115" s="17">
        <v>8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0</v>
      </c>
      <c r="D118" s="17">
        <v>0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86</v>
      </c>
      <c r="B120" s="15">
        <v>8</v>
      </c>
      <c r="C120" s="16">
        <v>23</v>
      </c>
      <c r="D120" s="17">
        <v>31</v>
      </c>
    </row>
    <row r="121" spans="1:4" ht="18" customHeight="1" x14ac:dyDescent="0.2">
      <c r="A121" s="14">
        <v>95</v>
      </c>
      <c r="B121" s="15">
        <v>2</v>
      </c>
      <c r="C121" s="16">
        <v>2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3</v>
      </c>
      <c r="C126" s="16">
        <v>5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378</v>
      </c>
      <c r="C130" s="5">
        <v>552</v>
      </c>
      <c r="D130" s="6">
        <v>930</v>
      </c>
    </row>
    <row r="131" spans="1:4" ht="18" customHeight="1" x14ac:dyDescent="0.2">
      <c r="A131" s="20" t="s">
        <v>65</v>
      </c>
      <c r="B131" s="7">
        <v>2036</v>
      </c>
      <c r="C131" s="8">
        <v>2291</v>
      </c>
      <c r="D131" s="9">
        <v>432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18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0</v>
      </c>
      <c r="C5" s="12">
        <v>10</v>
      </c>
      <c r="D5" s="13">
        <v>20</v>
      </c>
    </row>
    <row r="6" spans="1:4" ht="18" customHeight="1" x14ac:dyDescent="0.2">
      <c r="A6" s="14">
        <v>1</v>
      </c>
      <c r="B6" s="15">
        <v>11</v>
      </c>
      <c r="C6" s="16">
        <v>10</v>
      </c>
      <c r="D6" s="17">
        <v>21</v>
      </c>
    </row>
    <row r="7" spans="1:4" ht="18" customHeight="1" x14ac:dyDescent="0.2">
      <c r="A7" s="14">
        <v>2</v>
      </c>
      <c r="B7" s="15">
        <v>11</v>
      </c>
      <c r="C7" s="16">
        <v>9</v>
      </c>
      <c r="D7" s="17">
        <v>20</v>
      </c>
    </row>
    <row r="8" spans="1:4" ht="18" customHeight="1" x14ac:dyDescent="0.2">
      <c r="A8" s="14">
        <v>3</v>
      </c>
      <c r="B8" s="15">
        <v>12</v>
      </c>
      <c r="C8" s="16">
        <v>13</v>
      </c>
      <c r="D8" s="17">
        <v>25</v>
      </c>
    </row>
    <row r="9" spans="1:4" ht="18" customHeight="1" x14ac:dyDescent="0.2">
      <c r="A9" s="14">
        <v>4</v>
      </c>
      <c r="B9" s="15">
        <v>12</v>
      </c>
      <c r="C9" s="16">
        <v>13</v>
      </c>
      <c r="D9" s="17">
        <v>25</v>
      </c>
    </row>
    <row r="10" spans="1:4" ht="18" customHeight="1" x14ac:dyDescent="0.2">
      <c r="A10" s="18" t="s">
        <v>66</v>
      </c>
      <c r="B10" s="15">
        <v>56</v>
      </c>
      <c r="C10" s="16">
        <v>55</v>
      </c>
      <c r="D10" s="17">
        <v>111</v>
      </c>
    </row>
    <row r="11" spans="1:4" ht="18" customHeight="1" x14ac:dyDescent="0.2">
      <c r="A11" s="14">
        <v>5</v>
      </c>
      <c r="B11" s="15">
        <v>7</v>
      </c>
      <c r="C11" s="16">
        <v>8</v>
      </c>
      <c r="D11" s="17">
        <v>15</v>
      </c>
    </row>
    <row r="12" spans="1:4" ht="18" customHeight="1" x14ac:dyDescent="0.2">
      <c r="A12" s="14">
        <v>6</v>
      </c>
      <c r="B12" s="15">
        <v>12</v>
      </c>
      <c r="C12" s="16">
        <v>9</v>
      </c>
      <c r="D12" s="17">
        <v>21</v>
      </c>
    </row>
    <row r="13" spans="1:4" ht="18" customHeight="1" x14ac:dyDescent="0.2">
      <c r="A13" s="14">
        <v>7</v>
      </c>
      <c r="B13" s="15">
        <v>18</v>
      </c>
      <c r="C13" s="16">
        <v>7</v>
      </c>
      <c r="D13" s="17">
        <v>25</v>
      </c>
    </row>
    <row r="14" spans="1:4" ht="18" customHeight="1" x14ac:dyDescent="0.2">
      <c r="A14" s="14">
        <v>8</v>
      </c>
      <c r="B14" s="15">
        <v>19</v>
      </c>
      <c r="C14" s="16">
        <v>14</v>
      </c>
      <c r="D14" s="17">
        <v>33</v>
      </c>
    </row>
    <row r="15" spans="1:4" ht="18" customHeight="1" x14ac:dyDescent="0.2">
      <c r="A15" s="14">
        <v>9</v>
      </c>
      <c r="B15" s="15">
        <v>18</v>
      </c>
      <c r="C15" s="16">
        <v>14</v>
      </c>
      <c r="D15" s="17">
        <v>32</v>
      </c>
    </row>
    <row r="16" spans="1:4" ht="18" customHeight="1" x14ac:dyDescent="0.2">
      <c r="A16" s="18" t="s">
        <v>67</v>
      </c>
      <c r="B16" s="15">
        <v>74</v>
      </c>
      <c r="C16" s="16">
        <v>52</v>
      </c>
      <c r="D16" s="17">
        <v>126</v>
      </c>
    </row>
    <row r="17" spans="1:4" ht="18" customHeight="1" x14ac:dyDescent="0.2">
      <c r="A17" s="14">
        <v>10</v>
      </c>
      <c r="B17" s="15">
        <v>12</v>
      </c>
      <c r="C17" s="16">
        <v>14</v>
      </c>
      <c r="D17" s="17">
        <v>26</v>
      </c>
    </row>
    <row r="18" spans="1:4" ht="18" customHeight="1" x14ac:dyDescent="0.2">
      <c r="A18" s="14">
        <v>11</v>
      </c>
      <c r="B18" s="15">
        <v>12</v>
      </c>
      <c r="C18" s="16">
        <v>17</v>
      </c>
      <c r="D18" s="17">
        <v>29</v>
      </c>
    </row>
    <row r="19" spans="1:4" ht="18" customHeight="1" x14ac:dyDescent="0.2">
      <c r="A19" s="14">
        <v>12</v>
      </c>
      <c r="B19" s="15">
        <v>15</v>
      </c>
      <c r="C19" s="16">
        <v>13</v>
      </c>
      <c r="D19" s="17">
        <v>28</v>
      </c>
    </row>
    <row r="20" spans="1:4" ht="18" customHeight="1" x14ac:dyDescent="0.2">
      <c r="A20" s="14">
        <v>13</v>
      </c>
      <c r="B20" s="15">
        <v>22</v>
      </c>
      <c r="C20" s="16">
        <v>12</v>
      </c>
      <c r="D20" s="17">
        <v>34</v>
      </c>
    </row>
    <row r="21" spans="1:4" ht="18" customHeight="1" x14ac:dyDescent="0.2">
      <c r="A21" s="14">
        <v>14</v>
      </c>
      <c r="B21" s="15">
        <v>13</v>
      </c>
      <c r="C21" s="16">
        <v>15</v>
      </c>
      <c r="D21" s="17">
        <v>28</v>
      </c>
    </row>
    <row r="22" spans="1:4" ht="18" customHeight="1" x14ac:dyDescent="0.2">
      <c r="A22" s="18" t="s">
        <v>68</v>
      </c>
      <c r="B22" s="15">
        <v>74</v>
      </c>
      <c r="C22" s="16">
        <v>71</v>
      </c>
      <c r="D22" s="17">
        <v>145</v>
      </c>
    </row>
    <row r="23" spans="1:4" ht="18" customHeight="1" x14ac:dyDescent="0.2">
      <c r="A23" s="18" t="s">
        <v>69</v>
      </c>
      <c r="B23" s="15">
        <v>204</v>
      </c>
      <c r="C23" s="16">
        <v>178</v>
      </c>
      <c r="D23" s="17">
        <v>382</v>
      </c>
    </row>
    <row r="24" spans="1:4" ht="18" customHeight="1" x14ac:dyDescent="0.2">
      <c r="A24" s="14">
        <v>15</v>
      </c>
      <c r="B24" s="15">
        <v>16</v>
      </c>
      <c r="C24" s="16">
        <v>13</v>
      </c>
      <c r="D24" s="17">
        <v>29</v>
      </c>
    </row>
    <row r="25" spans="1:4" ht="18" customHeight="1" x14ac:dyDescent="0.2">
      <c r="A25" s="14">
        <v>16</v>
      </c>
      <c r="B25" s="15">
        <v>17</v>
      </c>
      <c r="C25" s="16">
        <v>14</v>
      </c>
      <c r="D25" s="17">
        <v>31</v>
      </c>
    </row>
    <row r="26" spans="1:4" ht="18" customHeight="1" x14ac:dyDescent="0.2">
      <c r="A26" s="14">
        <v>17</v>
      </c>
      <c r="B26" s="15">
        <v>20</v>
      </c>
      <c r="C26" s="16">
        <v>11</v>
      </c>
      <c r="D26" s="17">
        <v>31</v>
      </c>
    </row>
    <row r="27" spans="1:4" ht="18" customHeight="1" x14ac:dyDescent="0.2">
      <c r="A27" s="14">
        <v>18</v>
      </c>
      <c r="B27" s="15">
        <v>15</v>
      </c>
      <c r="C27" s="16">
        <v>13</v>
      </c>
      <c r="D27" s="17">
        <v>28</v>
      </c>
    </row>
    <row r="28" spans="1:4" ht="18" customHeight="1" x14ac:dyDescent="0.2">
      <c r="A28" s="14">
        <v>19</v>
      </c>
      <c r="B28" s="15">
        <v>9</v>
      </c>
      <c r="C28" s="16">
        <v>17</v>
      </c>
      <c r="D28" s="17">
        <v>26</v>
      </c>
    </row>
    <row r="29" spans="1:4" ht="18" customHeight="1" x14ac:dyDescent="0.2">
      <c r="A29" s="18" t="s">
        <v>70</v>
      </c>
      <c r="B29" s="15">
        <v>77</v>
      </c>
      <c r="C29" s="16">
        <v>68</v>
      </c>
      <c r="D29" s="17">
        <v>145</v>
      </c>
    </row>
    <row r="30" spans="1:4" ht="18" customHeight="1" x14ac:dyDescent="0.2">
      <c r="A30" s="14">
        <v>20</v>
      </c>
      <c r="B30" s="15">
        <v>21</v>
      </c>
      <c r="C30" s="16">
        <v>9</v>
      </c>
      <c r="D30" s="17">
        <v>30</v>
      </c>
    </row>
    <row r="31" spans="1:4" ht="18" customHeight="1" x14ac:dyDescent="0.2">
      <c r="A31" s="14">
        <v>21</v>
      </c>
      <c r="B31" s="15">
        <v>12</v>
      </c>
      <c r="C31" s="16">
        <v>14</v>
      </c>
      <c r="D31" s="17">
        <v>26</v>
      </c>
    </row>
    <row r="32" spans="1:4" ht="18" customHeight="1" x14ac:dyDescent="0.2">
      <c r="A32" s="14">
        <v>22</v>
      </c>
      <c r="B32" s="15">
        <v>9</v>
      </c>
      <c r="C32" s="16">
        <v>19</v>
      </c>
      <c r="D32" s="17">
        <v>28</v>
      </c>
    </row>
    <row r="33" spans="1:4" ht="18" customHeight="1" x14ac:dyDescent="0.2">
      <c r="A33" s="14">
        <v>23</v>
      </c>
      <c r="B33" s="15">
        <v>12</v>
      </c>
      <c r="C33" s="16">
        <v>19</v>
      </c>
      <c r="D33" s="17">
        <v>31</v>
      </c>
    </row>
    <row r="34" spans="1:4" ht="18" customHeight="1" x14ac:dyDescent="0.2">
      <c r="A34" s="14">
        <v>24</v>
      </c>
      <c r="B34" s="15">
        <v>11</v>
      </c>
      <c r="C34" s="16">
        <v>18</v>
      </c>
      <c r="D34" s="17">
        <v>29</v>
      </c>
    </row>
    <row r="35" spans="1:4" ht="18" customHeight="1" x14ac:dyDescent="0.2">
      <c r="A35" s="18" t="s">
        <v>71</v>
      </c>
      <c r="B35" s="15">
        <v>65</v>
      </c>
      <c r="C35" s="16">
        <v>79</v>
      </c>
      <c r="D35" s="17">
        <v>144</v>
      </c>
    </row>
    <row r="36" spans="1:4" ht="18" customHeight="1" x14ac:dyDescent="0.2">
      <c r="A36" s="14">
        <v>25</v>
      </c>
      <c r="B36" s="15">
        <v>18</v>
      </c>
      <c r="C36" s="16">
        <v>15</v>
      </c>
      <c r="D36" s="17">
        <v>33</v>
      </c>
    </row>
    <row r="37" spans="1:4" ht="18" customHeight="1" x14ac:dyDescent="0.2">
      <c r="A37" s="14">
        <v>26</v>
      </c>
      <c r="B37" s="15">
        <v>20</v>
      </c>
      <c r="C37" s="16">
        <v>12</v>
      </c>
      <c r="D37" s="17">
        <v>32</v>
      </c>
    </row>
    <row r="38" spans="1:4" ht="18" customHeight="1" x14ac:dyDescent="0.2">
      <c r="A38" s="14">
        <v>27</v>
      </c>
      <c r="B38" s="15">
        <v>21</v>
      </c>
      <c r="C38" s="16">
        <v>7</v>
      </c>
      <c r="D38" s="17">
        <v>28</v>
      </c>
    </row>
    <row r="39" spans="1:4" ht="18" customHeight="1" x14ac:dyDescent="0.2">
      <c r="A39" s="14">
        <v>28</v>
      </c>
      <c r="B39" s="15">
        <v>20</v>
      </c>
      <c r="C39" s="16">
        <v>16</v>
      </c>
      <c r="D39" s="17">
        <v>36</v>
      </c>
    </row>
    <row r="40" spans="1:4" ht="18" customHeight="1" x14ac:dyDescent="0.2">
      <c r="A40" s="14">
        <v>29</v>
      </c>
      <c r="B40" s="15">
        <v>19</v>
      </c>
      <c r="C40" s="16">
        <v>24</v>
      </c>
      <c r="D40" s="17">
        <v>43</v>
      </c>
    </row>
    <row r="41" spans="1:4" ht="18" customHeight="1" x14ac:dyDescent="0.2">
      <c r="A41" s="18" t="s">
        <v>72</v>
      </c>
      <c r="B41" s="15">
        <v>98</v>
      </c>
      <c r="C41" s="16">
        <v>74</v>
      </c>
      <c r="D41" s="17">
        <v>172</v>
      </c>
    </row>
    <row r="42" spans="1:4" ht="18" customHeight="1" x14ac:dyDescent="0.2">
      <c r="A42" s="14">
        <v>30</v>
      </c>
      <c r="B42" s="15">
        <v>20</v>
      </c>
      <c r="C42" s="16">
        <v>19</v>
      </c>
      <c r="D42" s="17">
        <v>39</v>
      </c>
    </row>
    <row r="43" spans="1:4" ht="18" customHeight="1" x14ac:dyDescent="0.2">
      <c r="A43" s="14">
        <v>31</v>
      </c>
      <c r="B43" s="15">
        <v>29</v>
      </c>
      <c r="C43" s="16">
        <v>11</v>
      </c>
      <c r="D43" s="17">
        <v>40</v>
      </c>
    </row>
    <row r="44" spans="1:4" ht="18" customHeight="1" x14ac:dyDescent="0.2">
      <c r="A44" s="14">
        <v>32</v>
      </c>
      <c r="B44" s="15">
        <v>26</v>
      </c>
      <c r="C44" s="16">
        <v>26</v>
      </c>
      <c r="D44" s="17">
        <v>52</v>
      </c>
    </row>
    <row r="45" spans="1:4" ht="18" customHeight="1" x14ac:dyDescent="0.2">
      <c r="A45" s="14">
        <v>33</v>
      </c>
      <c r="B45" s="15">
        <v>23</v>
      </c>
      <c r="C45" s="16">
        <v>22</v>
      </c>
      <c r="D45" s="17">
        <v>45</v>
      </c>
    </row>
    <row r="46" spans="1:4" ht="18" customHeight="1" x14ac:dyDescent="0.2">
      <c r="A46" s="14">
        <v>34</v>
      </c>
      <c r="B46" s="15">
        <v>29</v>
      </c>
      <c r="C46" s="16">
        <v>17</v>
      </c>
      <c r="D46" s="17">
        <v>46</v>
      </c>
    </row>
    <row r="47" spans="1:4" ht="18" customHeight="1" x14ac:dyDescent="0.2">
      <c r="A47" s="18" t="s">
        <v>73</v>
      </c>
      <c r="B47" s="15">
        <v>127</v>
      </c>
      <c r="C47" s="16">
        <v>95</v>
      </c>
      <c r="D47" s="17">
        <v>222</v>
      </c>
    </row>
    <row r="48" spans="1:4" ht="18" customHeight="1" x14ac:dyDescent="0.2">
      <c r="A48" s="14">
        <v>35</v>
      </c>
      <c r="B48" s="15">
        <v>29</v>
      </c>
      <c r="C48" s="16">
        <v>24</v>
      </c>
      <c r="D48" s="17">
        <v>53</v>
      </c>
    </row>
    <row r="49" spans="1:4" ht="18" customHeight="1" x14ac:dyDescent="0.2">
      <c r="A49" s="14">
        <v>36</v>
      </c>
      <c r="B49" s="15">
        <v>23</v>
      </c>
      <c r="C49" s="16">
        <v>16</v>
      </c>
      <c r="D49" s="17">
        <v>39</v>
      </c>
    </row>
    <row r="50" spans="1:4" ht="18" customHeight="1" x14ac:dyDescent="0.2">
      <c r="A50" s="14">
        <v>37</v>
      </c>
      <c r="B50" s="15">
        <v>25</v>
      </c>
      <c r="C50" s="16">
        <v>22</v>
      </c>
      <c r="D50" s="17">
        <v>47</v>
      </c>
    </row>
    <row r="51" spans="1:4" ht="18" customHeight="1" x14ac:dyDescent="0.2">
      <c r="A51" s="14">
        <v>38</v>
      </c>
      <c r="B51" s="15">
        <v>18</v>
      </c>
      <c r="C51" s="16">
        <v>24</v>
      </c>
      <c r="D51" s="17">
        <v>42</v>
      </c>
    </row>
    <row r="52" spans="1:4" ht="18" customHeight="1" x14ac:dyDescent="0.2">
      <c r="A52" s="14">
        <v>39</v>
      </c>
      <c r="B52" s="15">
        <v>33</v>
      </c>
      <c r="C52" s="16">
        <v>19</v>
      </c>
      <c r="D52" s="17">
        <v>52</v>
      </c>
    </row>
    <row r="53" spans="1:4" ht="18" customHeight="1" x14ac:dyDescent="0.2">
      <c r="A53" s="18" t="s">
        <v>74</v>
      </c>
      <c r="B53" s="15">
        <v>128</v>
      </c>
      <c r="C53" s="16">
        <v>105</v>
      </c>
      <c r="D53" s="17">
        <v>233</v>
      </c>
    </row>
    <row r="54" spans="1:4" ht="18" customHeight="1" x14ac:dyDescent="0.2">
      <c r="A54" s="14">
        <v>40</v>
      </c>
      <c r="B54" s="15">
        <v>26</v>
      </c>
      <c r="C54" s="16">
        <v>15</v>
      </c>
      <c r="D54" s="17">
        <v>41</v>
      </c>
    </row>
    <row r="55" spans="1:4" ht="18" customHeight="1" x14ac:dyDescent="0.2">
      <c r="A55" s="14">
        <v>41</v>
      </c>
      <c r="B55" s="15">
        <v>17</v>
      </c>
      <c r="C55" s="16">
        <v>14</v>
      </c>
      <c r="D55" s="17">
        <v>31</v>
      </c>
    </row>
    <row r="56" spans="1:4" ht="18" customHeight="1" x14ac:dyDescent="0.2">
      <c r="A56" s="14">
        <v>42</v>
      </c>
      <c r="B56" s="15">
        <v>20</v>
      </c>
      <c r="C56" s="16">
        <v>17</v>
      </c>
      <c r="D56" s="17">
        <v>37</v>
      </c>
    </row>
    <row r="57" spans="1:4" ht="18" customHeight="1" x14ac:dyDescent="0.2">
      <c r="A57" s="14">
        <v>43</v>
      </c>
      <c r="B57" s="15">
        <v>18</v>
      </c>
      <c r="C57" s="16">
        <v>17</v>
      </c>
      <c r="D57" s="17">
        <v>35</v>
      </c>
    </row>
    <row r="58" spans="1:4" ht="18" customHeight="1" x14ac:dyDescent="0.2">
      <c r="A58" s="14">
        <v>44</v>
      </c>
      <c r="B58" s="15">
        <v>37</v>
      </c>
      <c r="C58" s="16">
        <v>14</v>
      </c>
      <c r="D58" s="17">
        <v>51</v>
      </c>
    </row>
    <row r="59" spans="1:4" ht="18" customHeight="1" x14ac:dyDescent="0.2">
      <c r="A59" s="18" t="s">
        <v>75</v>
      </c>
      <c r="B59" s="15">
        <v>118</v>
      </c>
      <c r="C59" s="16">
        <v>77</v>
      </c>
      <c r="D59" s="17">
        <v>195</v>
      </c>
    </row>
    <row r="60" spans="1:4" ht="18" customHeight="1" x14ac:dyDescent="0.2">
      <c r="A60" s="14">
        <v>45</v>
      </c>
      <c r="B60" s="15">
        <v>30</v>
      </c>
      <c r="C60" s="16">
        <v>18</v>
      </c>
      <c r="D60" s="17">
        <v>48</v>
      </c>
    </row>
    <row r="61" spans="1:4" ht="18" customHeight="1" x14ac:dyDescent="0.2">
      <c r="A61" s="14">
        <v>46</v>
      </c>
      <c r="B61" s="15">
        <v>19</v>
      </c>
      <c r="C61" s="16">
        <v>30</v>
      </c>
      <c r="D61" s="17">
        <v>49</v>
      </c>
    </row>
    <row r="62" spans="1:4" ht="18" customHeight="1" x14ac:dyDescent="0.2">
      <c r="A62" s="14">
        <v>47</v>
      </c>
      <c r="B62" s="15">
        <v>26</v>
      </c>
      <c r="C62" s="16">
        <v>14</v>
      </c>
      <c r="D62" s="17">
        <v>40</v>
      </c>
    </row>
    <row r="63" spans="1:4" ht="18" customHeight="1" x14ac:dyDescent="0.2">
      <c r="A63" s="14">
        <v>48</v>
      </c>
      <c r="B63" s="15">
        <v>13</v>
      </c>
      <c r="C63" s="16">
        <v>22</v>
      </c>
      <c r="D63" s="17">
        <v>35</v>
      </c>
    </row>
    <row r="64" spans="1:4" ht="18" customHeight="1" x14ac:dyDescent="0.2">
      <c r="A64" s="14">
        <v>49</v>
      </c>
      <c r="B64" s="15">
        <v>21</v>
      </c>
      <c r="C64" s="16">
        <v>19</v>
      </c>
      <c r="D64" s="17">
        <v>40</v>
      </c>
    </row>
    <row r="65" spans="1:4" ht="18" customHeight="1" x14ac:dyDescent="0.2">
      <c r="A65" s="18" t="s">
        <v>76</v>
      </c>
      <c r="B65" s="15">
        <v>109</v>
      </c>
      <c r="C65" s="16">
        <v>103</v>
      </c>
      <c r="D65" s="17">
        <v>212</v>
      </c>
    </row>
    <row r="66" spans="1:4" ht="18" customHeight="1" x14ac:dyDescent="0.2">
      <c r="A66" s="14">
        <v>50</v>
      </c>
      <c r="B66" s="15">
        <v>15</v>
      </c>
      <c r="C66" s="16">
        <v>21</v>
      </c>
      <c r="D66" s="17">
        <v>36</v>
      </c>
    </row>
    <row r="67" spans="1:4" ht="18" customHeight="1" x14ac:dyDescent="0.2">
      <c r="A67" s="14">
        <v>51</v>
      </c>
      <c r="B67" s="15">
        <v>16</v>
      </c>
      <c r="C67" s="16">
        <v>18</v>
      </c>
      <c r="D67" s="17">
        <v>34</v>
      </c>
    </row>
    <row r="68" spans="1:4" ht="18" customHeight="1" x14ac:dyDescent="0.2">
      <c r="A68" s="14">
        <v>52</v>
      </c>
      <c r="B68" s="15">
        <v>12</v>
      </c>
      <c r="C68" s="16">
        <v>18</v>
      </c>
      <c r="D68" s="17">
        <v>30</v>
      </c>
    </row>
    <row r="69" spans="1:4" ht="18" customHeight="1" x14ac:dyDescent="0.2">
      <c r="A69" s="14">
        <v>53</v>
      </c>
      <c r="B69" s="15">
        <v>21</v>
      </c>
      <c r="C69" s="16">
        <v>15</v>
      </c>
      <c r="D69" s="17">
        <v>36</v>
      </c>
    </row>
    <row r="70" spans="1:4" ht="18" customHeight="1" x14ac:dyDescent="0.2">
      <c r="A70" s="14">
        <v>54</v>
      </c>
      <c r="B70" s="15">
        <v>24</v>
      </c>
      <c r="C70" s="16">
        <v>20</v>
      </c>
      <c r="D70" s="17">
        <v>44</v>
      </c>
    </row>
    <row r="71" spans="1:4" ht="18" customHeight="1" x14ac:dyDescent="0.2">
      <c r="A71" s="18" t="s">
        <v>77</v>
      </c>
      <c r="B71" s="15">
        <v>88</v>
      </c>
      <c r="C71" s="16">
        <v>92</v>
      </c>
      <c r="D71" s="17">
        <v>180</v>
      </c>
    </row>
    <row r="72" spans="1:4" ht="18" customHeight="1" x14ac:dyDescent="0.2">
      <c r="A72" s="14">
        <v>55</v>
      </c>
      <c r="B72" s="15">
        <v>20</v>
      </c>
      <c r="C72" s="16">
        <v>24</v>
      </c>
      <c r="D72" s="17">
        <v>44</v>
      </c>
    </row>
    <row r="73" spans="1:4" ht="18" customHeight="1" x14ac:dyDescent="0.2">
      <c r="A73" s="14">
        <v>56</v>
      </c>
      <c r="B73" s="15">
        <v>20</v>
      </c>
      <c r="C73" s="16">
        <v>37</v>
      </c>
      <c r="D73" s="17">
        <v>57</v>
      </c>
    </row>
    <row r="74" spans="1:4" ht="18" customHeight="1" x14ac:dyDescent="0.2">
      <c r="A74" s="14">
        <v>57</v>
      </c>
      <c r="B74" s="15">
        <v>29</v>
      </c>
      <c r="C74" s="16">
        <v>36</v>
      </c>
      <c r="D74" s="17">
        <v>65</v>
      </c>
    </row>
    <row r="75" spans="1:4" ht="18" customHeight="1" x14ac:dyDescent="0.2">
      <c r="A75" s="14">
        <v>58</v>
      </c>
      <c r="B75" s="15">
        <v>29</v>
      </c>
      <c r="C75" s="16">
        <v>33</v>
      </c>
      <c r="D75" s="17">
        <v>62</v>
      </c>
    </row>
    <row r="76" spans="1:4" ht="18" customHeight="1" x14ac:dyDescent="0.2">
      <c r="A76" s="14">
        <v>59</v>
      </c>
      <c r="B76" s="15">
        <v>33</v>
      </c>
      <c r="C76" s="16">
        <v>41</v>
      </c>
      <c r="D76" s="17">
        <v>74</v>
      </c>
    </row>
    <row r="77" spans="1:4" ht="18" customHeight="1" x14ac:dyDescent="0.2">
      <c r="A77" s="18" t="s">
        <v>78</v>
      </c>
      <c r="B77" s="15">
        <v>131</v>
      </c>
      <c r="C77" s="16">
        <v>171</v>
      </c>
      <c r="D77" s="17">
        <v>302</v>
      </c>
    </row>
    <row r="78" spans="1:4" ht="18" customHeight="1" x14ac:dyDescent="0.2">
      <c r="A78" s="14">
        <v>60</v>
      </c>
      <c r="B78" s="15">
        <v>49</v>
      </c>
      <c r="C78" s="16">
        <v>49</v>
      </c>
      <c r="D78" s="17">
        <v>98</v>
      </c>
    </row>
    <row r="79" spans="1:4" ht="18" customHeight="1" x14ac:dyDescent="0.2">
      <c r="A79" s="14">
        <v>61</v>
      </c>
      <c r="B79" s="15">
        <v>49</v>
      </c>
      <c r="C79" s="16">
        <v>42</v>
      </c>
      <c r="D79" s="17">
        <v>91</v>
      </c>
    </row>
    <row r="80" spans="1:4" ht="18" customHeight="1" x14ac:dyDescent="0.2">
      <c r="A80" s="14">
        <v>62</v>
      </c>
      <c r="B80" s="15">
        <v>57</v>
      </c>
      <c r="C80" s="16">
        <v>54</v>
      </c>
      <c r="D80" s="17">
        <v>111</v>
      </c>
    </row>
    <row r="81" spans="1:4" ht="18" customHeight="1" x14ac:dyDescent="0.2">
      <c r="A81" s="14">
        <v>63</v>
      </c>
      <c r="B81" s="15">
        <v>25</v>
      </c>
      <c r="C81" s="16">
        <v>24</v>
      </c>
      <c r="D81" s="17">
        <v>49</v>
      </c>
    </row>
    <row r="82" spans="1:4" ht="18" customHeight="1" x14ac:dyDescent="0.2">
      <c r="A82" s="14">
        <v>64</v>
      </c>
      <c r="B82" s="15">
        <v>25</v>
      </c>
      <c r="C82" s="16">
        <v>44</v>
      </c>
      <c r="D82" s="17">
        <v>69</v>
      </c>
    </row>
    <row r="83" spans="1:4" ht="18" customHeight="1" x14ac:dyDescent="0.2">
      <c r="A83" s="18" t="s">
        <v>79</v>
      </c>
      <c r="B83" s="15">
        <v>205</v>
      </c>
      <c r="C83" s="16">
        <v>213</v>
      </c>
      <c r="D83" s="17">
        <v>418</v>
      </c>
    </row>
    <row r="84" spans="1:4" ht="18" customHeight="1" x14ac:dyDescent="0.2">
      <c r="A84" s="18" t="s">
        <v>80</v>
      </c>
      <c r="B84" s="15">
        <v>1146</v>
      </c>
      <c r="C84" s="16">
        <v>1077</v>
      </c>
      <c r="D84" s="17">
        <v>2223</v>
      </c>
    </row>
    <row r="85" spans="1:4" ht="18" customHeight="1" x14ac:dyDescent="0.2">
      <c r="A85" s="14">
        <v>65</v>
      </c>
      <c r="B85" s="15">
        <v>32</v>
      </c>
      <c r="C85" s="16">
        <v>34</v>
      </c>
      <c r="D85" s="17">
        <v>66</v>
      </c>
    </row>
    <row r="86" spans="1:4" ht="18" customHeight="1" x14ac:dyDescent="0.2">
      <c r="A86" s="14">
        <v>66</v>
      </c>
      <c r="B86" s="15">
        <v>33</v>
      </c>
      <c r="C86" s="16">
        <v>35</v>
      </c>
      <c r="D86" s="17">
        <v>68</v>
      </c>
    </row>
    <row r="87" spans="1:4" ht="18" customHeight="1" x14ac:dyDescent="0.2">
      <c r="A87" s="14">
        <v>67</v>
      </c>
      <c r="B87" s="15">
        <v>25</v>
      </c>
      <c r="C87" s="16">
        <v>40</v>
      </c>
      <c r="D87" s="17">
        <v>65</v>
      </c>
    </row>
    <row r="88" spans="1:4" ht="18" customHeight="1" x14ac:dyDescent="0.2">
      <c r="A88" s="14">
        <v>68</v>
      </c>
      <c r="B88" s="15">
        <v>30</v>
      </c>
      <c r="C88" s="16">
        <v>38</v>
      </c>
      <c r="D88" s="17">
        <v>68</v>
      </c>
    </row>
    <row r="89" spans="1:4" ht="18" customHeight="1" x14ac:dyDescent="0.2">
      <c r="A89" s="14">
        <v>69</v>
      </c>
      <c r="B89" s="15">
        <v>25</v>
      </c>
      <c r="C89" s="16">
        <v>30</v>
      </c>
      <c r="D89" s="17">
        <v>55</v>
      </c>
    </row>
    <row r="90" spans="1:4" ht="18" customHeight="1" x14ac:dyDescent="0.2">
      <c r="A90" s="18" t="s">
        <v>81</v>
      </c>
      <c r="B90" s="15">
        <v>145</v>
      </c>
      <c r="C90" s="16">
        <v>177</v>
      </c>
      <c r="D90" s="17">
        <v>322</v>
      </c>
    </row>
    <row r="91" spans="1:4" ht="18" customHeight="1" x14ac:dyDescent="0.2">
      <c r="A91" s="14">
        <v>70</v>
      </c>
      <c r="B91" s="15">
        <v>24</v>
      </c>
      <c r="C91" s="16">
        <v>33</v>
      </c>
      <c r="D91" s="17">
        <v>57</v>
      </c>
    </row>
    <row r="92" spans="1:4" ht="18" customHeight="1" x14ac:dyDescent="0.2">
      <c r="A92" s="14">
        <v>71</v>
      </c>
      <c r="B92" s="15">
        <v>26</v>
      </c>
      <c r="C92" s="16">
        <v>34</v>
      </c>
      <c r="D92" s="17">
        <v>60</v>
      </c>
    </row>
    <row r="93" spans="1:4" ht="18" customHeight="1" x14ac:dyDescent="0.2">
      <c r="A93" s="14">
        <v>72</v>
      </c>
      <c r="B93" s="15">
        <v>32</v>
      </c>
      <c r="C93" s="16">
        <v>38</v>
      </c>
      <c r="D93" s="17">
        <v>70</v>
      </c>
    </row>
    <row r="94" spans="1:4" ht="18" customHeight="1" x14ac:dyDescent="0.2">
      <c r="A94" s="14">
        <v>73</v>
      </c>
      <c r="B94" s="15">
        <v>39</v>
      </c>
      <c r="C94" s="16">
        <v>36</v>
      </c>
      <c r="D94" s="17">
        <v>75</v>
      </c>
    </row>
    <row r="95" spans="1:4" ht="18" customHeight="1" x14ac:dyDescent="0.2">
      <c r="A95" s="14">
        <v>74</v>
      </c>
      <c r="B95" s="15">
        <v>27</v>
      </c>
      <c r="C95" s="16">
        <v>39</v>
      </c>
      <c r="D95" s="17">
        <v>66</v>
      </c>
    </row>
    <row r="96" spans="1:4" ht="18" customHeight="1" x14ac:dyDescent="0.2">
      <c r="A96" s="18" t="s">
        <v>82</v>
      </c>
      <c r="B96" s="15">
        <v>148</v>
      </c>
      <c r="C96" s="16">
        <v>180</v>
      </c>
      <c r="D96" s="17">
        <v>328</v>
      </c>
    </row>
    <row r="97" spans="1:4" ht="18" customHeight="1" x14ac:dyDescent="0.2">
      <c r="A97" s="14">
        <v>75</v>
      </c>
      <c r="B97" s="15">
        <v>24</v>
      </c>
      <c r="C97" s="16">
        <v>37</v>
      </c>
      <c r="D97" s="17">
        <v>61</v>
      </c>
    </row>
    <row r="98" spans="1:4" ht="18" customHeight="1" x14ac:dyDescent="0.2">
      <c r="A98" s="14">
        <v>76</v>
      </c>
      <c r="B98" s="15">
        <v>18</v>
      </c>
      <c r="C98" s="16">
        <v>32</v>
      </c>
      <c r="D98" s="17">
        <v>50</v>
      </c>
    </row>
    <row r="99" spans="1:4" ht="18" customHeight="1" x14ac:dyDescent="0.2">
      <c r="A99" s="14">
        <v>77</v>
      </c>
      <c r="B99" s="15">
        <v>20</v>
      </c>
      <c r="C99" s="16">
        <v>38</v>
      </c>
      <c r="D99" s="17">
        <v>58</v>
      </c>
    </row>
    <row r="100" spans="1:4" ht="18" customHeight="1" x14ac:dyDescent="0.2">
      <c r="A100" s="14">
        <v>78</v>
      </c>
      <c r="B100" s="15">
        <v>19</v>
      </c>
      <c r="C100" s="16">
        <v>33</v>
      </c>
      <c r="D100" s="17">
        <v>52</v>
      </c>
    </row>
    <row r="101" spans="1:4" ht="18" customHeight="1" x14ac:dyDescent="0.2">
      <c r="A101" s="14">
        <v>79</v>
      </c>
      <c r="B101" s="15">
        <v>13</v>
      </c>
      <c r="C101" s="16">
        <v>23</v>
      </c>
      <c r="D101" s="17">
        <v>36</v>
      </c>
    </row>
    <row r="102" spans="1:4" ht="18" customHeight="1" x14ac:dyDescent="0.2">
      <c r="A102" s="18" t="s">
        <v>83</v>
      </c>
      <c r="B102" s="15">
        <v>94</v>
      </c>
      <c r="C102" s="16">
        <v>163</v>
      </c>
      <c r="D102" s="17">
        <v>257</v>
      </c>
    </row>
    <row r="103" spans="1:4" ht="18" customHeight="1" x14ac:dyDescent="0.2">
      <c r="A103" s="14">
        <v>80</v>
      </c>
      <c r="B103" s="15">
        <v>17</v>
      </c>
      <c r="C103" s="16">
        <v>36</v>
      </c>
      <c r="D103" s="17">
        <v>53</v>
      </c>
    </row>
    <row r="104" spans="1:4" ht="18" customHeight="1" x14ac:dyDescent="0.2">
      <c r="A104" s="14">
        <v>81</v>
      </c>
      <c r="B104" s="15">
        <v>19</v>
      </c>
      <c r="C104" s="16">
        <v>32</v>
      </c>
      <c r="D104" s="17">
        <v>51</v>
      </c>
    </row>
    <row r="105" spans="1:4" ht="18" customHeight="1" x14ac:dyDescent="0.2">
      <c r="A105" s="14">
        <v>82</v>
      </c>
      <c r="B105" s="15">
        <v>13</v>
      </c>
      <c r="C105" s="16">
        <v>35</v>
      </c>
      <c r="D105" s="17">
        <v>48</v>
      </c>
    </row>
    <row r="106" spans="1:4" ht="18" customHeight="1" x14ac:dyDescent="0.2">
      <c r="A106" s="14">
        <v>83</v>
      </c>
      <c r="B106" s="15">
        <v>14</v>
      </c>
      <c r="C106" s="16">
        <v>26</v>
      </c>
      <c r="D106" s="17">
        <v>40</v>
      </c>
    </row>
    <row r="107" spans="1:4" ht="18" customHeight="1" x14ac:dyDescent="0.2">
      <c r="A107" s="14">
        <v>84</v>
      </c>
      <c r="B107" s="15">
        <v>15</v>
      </c>
      <c r="C107" s="16">
        <v>25</v>
      </c>
      <c r="D107" s="17">
        <v>40</v>
      </c>
    </row>
    <row r="108" spans="1:4" ht="18" customHeight="1" x14ac:dyDescent="0.2">
      <c r="A108" s="18" t="s">
        <v>84</v>
      </c>
      <c r="B108" s="15">
        <v>78</v>
      </c>
      <c r="C108" s="16">
        <v>154</v>
      </c>
      <c r="D108" s="17">
        <v>232</v>
      </c>
    </row>
    <row r="109" spans="1:4" ht="18" customHeight="1" x14ac:dyDescent="0.2">
      <c r="A109" s="14">
        <v>85</v>
      </c>
      <c r="B109" s="15">
        <v>13</v>
      </c>
      <c r="C109" s="16">
        <v>31</v>
      </c>
      <c r="D109" s="17">
        <v>44</v>
      </c>
    </row>
    <row r="110" spans="1:4" ht="18" customHeight="1" x14ac:dyDescent="0.2">
      <c r="A110" s="14">
        <v>86</v>
      </c>
      <c r="B110" s="15">
        <v>5</v>
      </c>
      <c r="C110" s="16">
        <v>22</v>
      </c>
      <c r="D110" s="17">
        <v>27</v>
      </c>
    </row>
    <row r="111" spans="1:4" ht="18" customHeight="1" x14ac:dyDescent="0.2">
      <c r="A111" s="14">
        <v>87</v>
      </c>
      <c r="B111" s="15">
        <v>8</v>
      </c>
      <c r="C111" s="16">
        <v>25</v>
      </c>
      <c r="D111" s="17">
        <v>33</v>
      </c>
    </row>
    <row r="112" spans="1:4" ht="18" customHeight="1" x14ac:dyDescent="0.2">
      <c r="A112" s="14">
        <v>88</v>
      </c>
      <c r="B112" s="15">
        <v>8</v>
      </c>
      <c r="C112" s="16">
        <v>19</v>
      </c>
      <c r="D112" s="17">
        <v>27</v>
      </c>
    </row>
    <row r="113" spans="1:4" ht="18" customHeight="1" x14ac:dyDescent="0.2">
      <c r="A113" s="14">
        <v>89</v>
      </c>
      <c r="B113" s="15">
        <v>15</v>
      </c>
      <c r="C113" s="16">
        <v>22</v>
      </c>
      <c r="D113" s="17">
        <v>37</v>
      </c>
    </row>
    <row r="114" spans="1:4" ht="18" customHeight="1" x14ac:dyDescent="0.2">
      <c r="A114" s="18" t="s">
        <v>85</v>
      </c>
      <c r="B114" s="15">
        <v>49</v>
      </c>
      <c r="C114" s="16">
        <v>119</v>
      </c>
      <c r="D114" s="17">
        <v>168</v>
      </c>
    </row>
    <row r="115" spans="1:4" ht="18" customHeight="1" x14ac:dyDescent="0.2">
      <c r="A115" s="14">
        <v>90</v>
      </c>
      <c r="B115" s="15">
        <v>3</v>
      </c>
      <c r="C115" s="16">
        <v>14</v>
      </c>
      <c r="D115" s="17">
        <v>17</v>
      </c>
    </row>
    <row r="116" spans="1:4" ht="18" customHeight="1" x14ac:dyDescent="0.2">
      <c r="A116" s="14">
        <v>91</v>
      </c>
      <c r="B116" s="15">
        <v>3</v>
      </c>
      <c r="C116" s="16">
        <v>11</v>
      </c>
      <c r="D116" s="17">
        <v>14</v>
      </c>
    </row>
    <row r="117" spans="1:4" ht="18" customHeight="1" x14ac:dyDescent="0.2">
      <c r="A117" s="14">
        <v>92</v>
      </c>
      <c r="B117" s="15">
        <v>4</v>
      </c>
      <c r="C117" s="16">
        <v>6</v>
      </c>
      <c r="D117" s="17">
        <v>10</v>
      </c>
    </row>
    <row r="118" spans="1:4" ht="18" customHeight="1" x14ac:dyDescent="0.2">
      <c r="A118" s="14">
        <v>93</v>
      </c>
      <c r="B118" s="15">
        <v>2</v>
      </c>
      <c r="C118" s="16">
        <v>7</v>
      </c>
      <c r="D118" s="17">
        <v>9</v>
      </c>
    </row>
    <row r="119" spans="1:4" ht="18" customHeight="1" x14ac:dyDescent="0.2">
      <c r="A119" s="14">
        <v>94</v>
      </c>
      <c r="B119" s="15">
        <v>5</v>
      </c>
      <c r="C119" s="16">
        <v>7</v>
      </c>
      <c r="D119" s="17">
        <v>12</v>
      </c>
    </row>
    <row r="120" spans="1:4" ht="18" customHeight="1" x14ac:dyDescent="0.2">
      <c r="A120" s="18" t="s">
        <v>86</v>
      </c>
      <c r="B120" s="15">
        <v>17</v>
      </c>
      <c r="C120" s="16">
        <v>45</v>
      </c>
      <c r="D120" s="17">
        <v>62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6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3</v>
      </c>
      <c r="C126" s="16">
        <v>20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534</v>
      </c>
      <c r="C130" s="5">
        <v>861</v>
      </c>
      <c r="D130" s="6">
        <v>1395</v>
      </c>
    </row>
    <row r="131" spans="1:4" ht="18" customHeight="1" x14ac:dyDescent="0.2">
      <c r="A131" s="20" t="s">
        <v>65</v>
      </c>
      <c r="B131" s="7">
        <v>1884</v>
      </c>
      <c r="C131" s="8">
        <v>2116</v>
      </c>
      <c r="D131" s="9">
        <v>400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9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6</v>
      </c>
      <c r="C5" s="12">
        <v>5</v>
      </c>
      <c r="D5" s="13">
        <v>11</v>
      </c>
    </row>
    <row r="6" spans="1:4" ht="18" customHeight="1" x14ac:dyDescent="0.2">
      <c r="A6" s="14">
        <v>1</v>
      </c>
      <c r="B6" s="15">
        <v>5</v>
      </c>
      <c r="C6" s="16">
        <v>11</v>
      </c>
      <c r="D6" s="17">
        <v>16</v>
      </c>
    </row>
    <row r="7" spans="1:4" ht="18" customHeight="1" x14ac:dyDescent="0.2">
      <c r="A7" s="14">
        <v>2</v>
      </c>
      <c r="B7" s="15">
        <v>4</v>
      </c>
      <c r="C7" s="16">
        <v>4</v>
      </c>
      <c r="D7" s="17">
        <v>8</v>
      </c>
    </row>
    <row r="8" spans="1:4" ht="18" customHeight="1" x14ac:dyDescent="0.2">
      <c r="A8" s="14">
        <v>3</v>
      </c>
      <c r="B8" s="15">
        <v>7</v>
      </c>
      <c r="C8" s="16">
        <v>7</v>
      </c>
      <c r="D8" s="17">
        <v>14</v>
      </c>
    </row>
    <row r="9" spans="1:4" ht="18" customHeight="1" x14ac:dyDescent="0.2">
      <c r="A9" s="14">
        <v>4</v>
      </c>
      <c r="B9" s="15">
        <v>4</v>
      </c>
      <c r="C9" s="16">
        <v>3</v>
      </c>
      <c r="D9" s="17">
        <v>7</v>
      </c>
    </row>
    <row r="10" spans="1:4" ht="18" customHeight="1" x14ac:dyDescent="0.2">
      <c r="A10" s="18" t="s">
        <v>66</v>
      </c>
      <c r="B10" s="15">
        <v>26</v>
      </c>
      <c r="C10" s="16">
        <v>30</v>
      </c>
      <c r="D10" s="17">
        <v>56</v>
      </c>
    </row>
    <row r="11" spans="1:4" ht="18" customHeight="1" x14ac:dyDescent="0.2">
      <c r="A11" s="14">
        <v>5</v>
      </c>
      <c r="B11" s="15">
        <v>5</v>
      </c>
      <c r="C11" s="16">
        <v>5</v>
      </c>
      <c r="D11" s="17">
        <v>10</v>
      </c>
    </row>
    <row r="12" spans="1:4" ht="18" customHeight="1" x14ac:dyDescent="0.2">
      <c r="A12" s="14">
        <v>6</v>
      </c>
      <c r="B12" s="15">
        <v>6</v>
      </c>
      <c r="C12" s="16">
        <v>5</v>
      </c>
      <c r="D12" s="17">
        <v>11</v>
      </c>
    </row>
    <row r="13" spans="1:4" ht="18" customHeight="1" x14ac:dyDescent="0.2">
      <c r="A13" s="14">
        <v>7</v>
      </c>
      <c r="B13" s="15">
        <v>7</v>
      </c>
      <c r="C13" s="16">
        <v>5</v>
      </c>
      <c r="D13" s="17">
        <v>12</v>
      </c>
    </row>
    <row r="14" spans="1:4" ht="18" customHeight="1" x14ac:dyDescent="0.2">
      <c r="A14" s="14">
        <v>8</v>
      </c>
      <c r="B14" s="15">
        <v>5</v>
      </c>
      <c r="C14" s="16">
        <v>4</v>
      </c>
      <c r="D14" s="17">
        <v>9</v>
      </c>
    </row>
    <row r="15" spans="1:4" ht="18" customHeight="1" x14ac:dyDescent="0.2">
      <c r="A15" s="14">
        <v>9</v>
      </c>
      <c r="B15" s="15">
        <v>5</v>
      </c>
      <c r="C15" s="16">
        <v>8</v>
      </c>
      <c r="D15" s="17">
        <v>13</v>
      </c>
    </row>
    <row r="16" spans="1:4" ht="18" customHeight="1" x14ac:dyDescent="0.2">
      <c r="A16" s="18" t="s">
        <v>67</v>
      </c>
      <c r="B16" s="15">
        <v>28</v>
      </c>
      <c r="C16" s="16">
        <v>27</v>
      </c>
      <c r="D16" s="17">
        <v>55</v>
      </c>
    </row>
    <row r="17" spans="1:4" ht="18" customHeight="1" x14ac:dyDescent="0.2">
      <c r="A17" s="14">
        <v>10</v>
      </c>
      <c r="B17" s="15">
        <v>6</v>
      </c>
      <c r="C17" s="16">
        <v>4</v>
      </c>
      <c r="D17" s="17">
        <v>10</v>
      </c>
    </row>
    <row r="18" spans="1:4" ht="18" customHeight="1" x14ac:dyDescent="0.2">
      <c r="A18" s="14">
        <v>11</v>
      </c>
      <c r="B18" s="15">
        <v>4</v>
      </c>
      <c r="C18" s="16">
        <v>1</v>
      </c>
      <c r="D18" s="17">
        <v>5</v>
      </c>
    </row>
    <row r="19" spans="1:4" ht="18" customHeight="1" x14ac:dyDescent="0.2">
      <c r="A19" s="14">
        <v>12</v>
      </c>
      <c r="B19" s="15">
        <v>5</v>
      </c>
      <c r="C19" s="16">
        <v>2</v>
      </c>
      <c r="D19" s="17">
        <v>7</v>
      </c>
    </row>
    <row r="20" spans="1:4" ht="18" customHeight="1" x14ac:dyDescent="0.2">
      <c r="A20" s="14">
        <v>13</v>
      </c>
      <c r="B20" s="15">
        <v>3</v>
      </c>
      <c r="C20" s="16">
        <v>3</v>
      </c>
      <c r="D20" s="17">
        <v>6</v>
      </c>
    </row>
    <row r="21" spans="1:4" ht="18" customHeight="1" x14ac:dyDescent="0.2">
      <c r="A21" s="14">
        <v>14</v>
      </c>
      <c r="B21" s="15">
        <v>7</v>
      </c>
      <c r="C21" s="16">
        <v>6</v>
      </c>
      <c r="D21" s="17">
        <v>13</v>
      </c>
    </row>
    <row r="22" spans="1:4" ht="18" customHeight="1" x14ac:dyDescent="0.2">
      <c r="A22" s="18" t="s">
        <v>68</v>
      </c>
      <c r="B22" s="15">
        <v>25</v>
      </c>
      <c r="C22" s="16">
        <v>16</v>
      </c>
      <c r="D22" s="17">
        <v>41</v>
      </c>
    </row>
    <row r="23" spans="1:4" ht="18" customHeight="1" x14ac:dyDescent="0.2">
      <c r="A23" s="18" t="s">
        <v>69</v>
      </c>
      <c r="B23" s="15">
        <v>79</v>
      </c>
      <c r="C23" s="16">
        <v>73</v>
      </c>
      <c r="D23" s="17">
        <v>152</v>
      </c>
    </row>
    <row r="24" spans="1:4" ht="18" customHeight="1" x14ac:dyDescent="0.2">
      <c r="A24" s="14">
        <v>15</v>
      </c>
      <c r="B24" s="15">
        <v>11</v>
      </c>
      <c r="C24" s="16">
        <v>6</v>
      </c>
      <c r="D24" s="17">
        <v>17</v>
      </c>
    </row>
    <row r="25" spans="1:4" ht="18" customHeight="1" x14ac:dyDescent="0.2">
      <c r="A25" s="14">
        <v>16</v>
      </c>
      <c r="B25" s="15">
        <v>7</v>
      </c>
      <c r="C25" s="16">
        <v>4</v>
      </c>
      <c r="D25" s="17">
        <v>11</v>
      </c>
    </row>
    <row r="26" spans="1:4" ht="18" customHeight="1" x14ac:dyDescent="0.2">
      <c r="A26" s="14">
        <v>17</v>
      </c>
      <c r="B26" s="15">
        <v>8</v>
      </c>
      <c r="C26" s="16">
        <v>6</v>
      </c>
      <c r="D26" s="17">
        <v>14</v>
      </c>
    </row>
    <row r="27" spans="1:4" ht="18" customHeight="1" x14ac:dyDescent="0.2">
      <c r="A27" s="14">
        <v>18</v>
      </c>
      <c r="B27" s="15">
        <v>5</v>
      </c>
      <c r="C27" s="16">
        <v>7</v>
      </c>
      <c r="D27" s="17">
        <v>12</v>
      </c>
    </row>
    <row r="28" spans="1:4" ht="18" customHeight="1" x14ac:dyDescent="0.2">
      <c r="A28" s="14">
        <v>19</v>
      </c>
      <c r="B28" s="15">
        <v>4</v>
      </c>
      <c r="C28" s="16">
        <v>5</v>
      </c>
      <c r="D28" s="17">
        <v>9</v>
      </c>
    </row>
    <row r="29" spans="1:4" ht="18" customHeight="1" x14ac:dyDescent="0.2">
      <c r="A29" s="18" t="s">
        <v>70</v>
      </c>
      <c r="B29" s="15">
        <v>35</v>
      </c>
      <c r="C29" s="16">
        <v>28</v>
      </c>
      <c r="D29" s="17">
        <v>63</v>
      </c>
    </row>
    <row r="30" spans="1:4" ht="18" customHeight="1" x14ac:dyDescent="0.2">
      <c r="A30" s="14">
        <v>20</v>
      </c>
      <c r="B30" s="15">
        <v>7</v>
      </c>
      <c r="C30" s="16">
        <v>6</v>
      </c>
      <c r="D30" s="17">
        <v>13</v>
      </c>
    </row>
    <row r="31" spans="1:4" ht="18" customHeight="1" x14ac:dyDescent="0.2">
      <c r="A31" s="14">
        <v>21</v>
      </c>
      <c r="B31" s="15">
        <v>8</v>
      </c>
      <c r="C31" s="16">
        <v>7</v>
      </c>
      <c r="D31" s="17">
        <v>15</v>
      </c>
    </row>
    <row r="32" spans="1:4" ht="18" customHeight="1" x14ac:dyDescent="0.2">
      <c r="A32" s="14">
        <v>22</v>
      </c>
      <c r="B32" s="15">
        <v>11</v>
      </c>
      <c r="C32" s="16">
        <v>7</v>
      </c>
      <c r="D32" s="17">
        <v>18</v>
      </c>
    </row>
    <row r="33" spans="1:4" ht="18" customHeight="1" x14ac:dyDescent="0.2">
      <c r="A33" s="14">
        <v>23</v>
      </c>
      <c r="B33" s="15">
        <v>9</v>
      </c>
      <c r="C33" s="16">
        <v>8</v>
      </c>
      <c r="D33" s="17">
        <v>17</v>
      </c>
    </row>
    <row r="34" spans="1:4" ht="18" customHeight="1" x14ac:dyDescent="0.2">
      <c r="A34" s="14">
        <v>24</v>
      </c>
      <c r="B34" s="15">
        <v>7</v>
      </c>
      <c r="C34" s="16">
        <v>5</v>
      </c>
      <c r="D34" s="17">
        <v>12</v>
      </c>
    </row>
    <row r="35" spans="1:4" ht="18" customHeight="1" x14ac:dyDescent="0.2">
      <c r="A35" s="18" t="s">
        <v>71</v>
      </c>
      <c r="B35" s="15">
        <v>42</v>
      </c>
      <c r="C35" s="16">
        <v>33</v>
      </c>
      <c r="D35" s="17">
        <v>75</v>
      </c>
    </row>
    <row r="36" spans="1:4" ht="18" customHeight="1" x14ac:dyDescent="0.2">
      <c r="A36" s="14">
        <v>25</v>
      </c>
      <c r="B36" s="15">
        <v>16</v>
      </c>
      <c r="C36" s="16">
        <v>8</v>
      </c>
      <c r="D36" s="17">
        <v>24</v>
      </c>
    </row>
    <row r="37" spans="1:4" ht="18" customHeight="1" x14ac:dyDescent="0.2">
      <c r="A37" s="14">
        <v>26</v>
      </c>
      <c r="B37" s="15">
        <v>11</v>
      </c>
      <c r="C37" s="16">
        <v>6</v>
      </c>
      <c r="D37" s="17">
        <v>17</v>
      </c>
    </row>
    <row r="38" spans="1:4" ht="18" customHeight="1" x14ac:dyDescent="0.2">
      <c r="A38" s="14">
        <v>27</v>
      </c>
      <c r="B38" s="15">
        <v>11</v>
      </c>
      <c r="C38" s="16">
        <v>10</v>
      </c>
      <c r="D38" s="17">
        <v>21</v>
      </c>
    </row>
    <row r="39" spans="1:4" ht="18" customHeight="1" x14ac:dyDescent="0.2">
      <c r="A39" s="14">
        <v>28</v>
      </c>
      <c r="B39" s="15">
        <v>7</v>
      </c>
      <c r="C39" s="16">
        <v>12</v>
      </c>
      <c r="D39" s="17">
        <v>19</v>
      </c>
    </row>
    <row r="40" spans="1:4" ht="18" customHeight="1" x14ac:dyDescent="0.2">
      <c r="A40" s="14">
        <v>29</v>
      </c>
      <c r="B40" s="15">
        <v>2</v>
      </c>
      <c r="C40" s="16">
        <v>5</v>
      </c>
      <c r="D40" s="17">
        <v>7</v>
      </c>
    </row>
    <row r="41" spans="1:4" ht="18" customHeight="1" x14ac:dyDescent="0.2">
      <c r="A41" s="18" t="s">
        <v>72</v>
      </c>
      <c r="B41" s="15">
        <v>47</v>
      </c>
      <c r="C41" s="16">
        <v>41</v>
      </c>
      <c r="D41" s="17">
        <v>88</v>
      </c>
    </row>
    <row r="42" spans="1:4" ht="18" customHeight="1" x14ac:dyDescent="0.2">
      <c r="A42" s="14">
        <v>30</v>
      </c>
      <c r="B42" s="15">
        <v>6</v>
      </c>
      <c r="C42" s="16">
        <v>8</v>
      </c>
      <c r="D42" s="17">
        <v>14</v>
      </c>
    </row>
    <row r="43" spans="1:4" ht="18" customHeight="1" x14ac:dyDescent="0.2">
      <c r="A43" s="14">
        <v>31</v>
      </c>
      <c r="B43" s="15">
        <v>11</v>
      </c>
      <c r="C43" s="16">
        <v>15</v>
      </c>
      <c r="D43" s="17">
        <v>26</v>
      </c>
    </row>
    <row r="44" spans="1:4" ht="18" customHeight="1" x14ac:dyDescent="0.2">
      <c r="A44" s="14">
        <v>32</v>
      </c>
      <c r="B44" s="15">
        <v>8</v>
      </c>
      <c r="C44" s="16">
        <v>6</v>
      </c>
      <c r="D44" s="17">
        <v>14</v>
      </c>
    </row>
    <row r="45" spans="1:4" ht="18" customHeight="1" x14ac:dyDescent="0.2">
      <c r="A45" s="14">
        <v>33</v>
      </c>
      <c r="B45" s="15">
        <v>12</v>
      </c>
      <c r="C45" s="16">
        <v>10</v>
      </c>
      <c r="D45" s="17">
        <v>22</v>
      </c>
    </row>
    <row r="46" spans="1:4" ht="18" customHeight="1" x14ac:dyDescent="0.2">
      <c r="A46" s="14">
        <v>34</v>
      </c>
      <c r="B46" s="15">
        <v>14</v>
      </c>
      <c r="C46" s="16">
        <v>10</v>
      </c>
      <c r="D46" s="17">
        <v>24</v>
      </c>
    </row>
    <row r="47" spans="1:4" ht="18" customHeight="1" x14ac:dyDescent="0.2">
      <c r="A47" s="18" t="s">
        <v>73</v>
      </c>
      <c r="B47" s="15">
        <v>51</v>
      </c>
      <c r="C47" s="16">
        <v>49</v>
      </c>
      <c r="D47" s="17">
        <v>100</v>
      </c>
    </row>
    <row r="48" spans="1:4" ht="18" customHeight="1" x14ac:dyDescent="0.2">
      <c r="A48" s="14">
        <v>35</v>
      </c>
      <c r="B48" s="15">
        <v>7</v>
      </c>
      <c r="C48" s="16">
        <v>20</v>
      </c>
      <c r="D48" s="17">
        <v>27</v>
      </c>
    </row>
    <row r="49" spans="1:4" ht="18" customHeight="1" x14ac:dyDescent="0.2">
      <c r="A49" s="14">
        <v>36</v>
      </c>
      <c r="B49" s="15">
        <v>13</v>
      </c>
      <c r="C49" s="16">
        <v>12</v>
      </c>
      <c r="D49" s="17">
        <v>25</v>
      </c>
    </row>
    <row r="50" spans="1:4" ht="18" customHeight="1" x14ac:dyDescent="0.2">
      <c r="A50" s="14">
        <v>37</v>
      </c>
      <c r="B50" s="15">
        <v>14</v>
      </c>
      <c r="C50" s="16">
        <v>8</v>
      </c>
      <c r="D50" s="17">
        <v>22</v>
      </c>
    </row>
    <row r="51" spans="1:4" ht="18" customHeight="1" x14ac:dyDescent="0.2">
      <c r="A51" s="14">
        <v>38</v>
      </c>
      <c r="B51" s="15">
        <v>13</v>
      </c>
      <c r="C51" s="16">
        <v>13</v>
      </c>
      <c r="D51" s="17">
        <v>26</v>
      </c>
    </row>
    <row r="52" spans="1:4" ht="18" customHeight="1" x14ac:dyDescent="0.2">
      <c r="A52" s="14">
        <v>39</v>
      </c>
      <c r="B52" s="15">
        <v>13</v>
      </c>
      <c r="C52" s="16">
        <v>9</v>
      </c>
      <c r="D52" s="17">
        <v>22</v>
      </c>
    </row>
    <row r="53" spans="1:4" ht="18" customHeight="1" x14ac:dyDescent="0.2">
      <c r="A53" s="18" t="s">
        <v>74</v>
      </c>
      <c r="B53" s="15">
        <v>60</v>
      </c>
      <c r="C53" s="16">
        <v>62</v>
      </c>
      <c r="D53" s="17">
        <v>122</v>
      </c>
    </row>
    <row r="54" spans="1:4" ht="18" customHeight="1" x14ac:dyDescent="0.2">
      <c r="A54" s="14">
        <v>40</v>
      </c>
      <c r="B54" s="15">
        <v>12</v>
      </c>
      <c r="C54" s="16">
        <v>14</v>
      </c>
      <c r="D54" s="17">
        <v>26</v>
      </c>
    </row>
    <row r="55" spans="1:4" ht="18" customHeight="1" x14ac:dyDescent="0.2">
      <c r="A55" s="14">
        <v>41</v>
      </c>
      <c r="B55" s="15">
        <v>11</v>
      </c>
      <c r="C55" s="16">
        <v>14</v>
      </c>
      <c r="D55" s="17">
        <v>25</v>
      </c>
    </row>
    <row r="56" spans="1:4" ht="18" customHeight="1" x14ac:dyDescent="0.2">
      <c r="A56" s="14">
        <v>42</v>
      </c>
      <c r="B56" s="15">
        <v>9</v>
      </c>
      <c r="C56" s="16">
        <v>9</v>
      </c>
      <c r="D56" s="17">
        <v>18</v>
      </c>
    </row>
    <row r="57" spans="1:4" ht="18" customHeight="1" x14ac:dyDescent="0.2">
      <c r="A57" s="14">
        <v>43</v>
      </c>
      <c r="B57" s="15">
        <v>15</v>
      </c>
      <c r="C57" s="16">
        <v>7</v>
      </c>
      <c r="D57" s="17">
        <v>22</v>
      </c>
    </row>
    <row r="58" spans="1:4" ht="18" customHeight="1" x14ac:dyDescent="0.2">
      <c r="A58" s="14">
        <v>44</v>
      </c>
      <c r="B58" s="15">
        <v>8</v>
      </c>
      <c r="C58" s="16">
        <v>9</v>
      </c>
      <c r="D58" s="17">
        <v>17</v>
      </c>
    </row>
    <row r="59" spans="1:4" ht="18" customHeight="1" x14ac:dyDescent="0.2">
      <c r="A59" s="18" t="s">
        <v>75</v>
      </c>
      <c r="B59" s="15">
        <v>55</v>
      </c>
      <c r="C59" s="16">
        <v>53</v>
      </c>
      <c r="D59" s="17">
        <v>108</v>
      </c>
    </row>
    <row r="60" spans="1:4" ht="18" customHeight="1" x14ac:dyDescent="0.2">
      <c r="A60" s="14">
        <v>45</v>
      </c>
      <c r="B60" s="15">
        <v>15</v>
      </c>
      <c r="C60" s="16">
        <v>14</v>
      </c>
      <c r="D60" s="17">
        <v>29</v>
      </c>
    </row>
    <row r="61" spans="1:4" ht="18" customHeight="1" x14ac:dyDescent="0.2">
      <c r="A61" s="14">
        <v>46</v>
      </c>
      <c r="B61" s="15">
        <v>6</v>
      </c>
      <c r="C61" s="16">
        <v>12</v>
      </c>
      <c r="D61" s="17">
        <v>18</v>
      </c>
    </row>
    <row r="62" spans="1:4" ht="18" customHeight="1" x14ac:dyDescent="0.2">
      <c r="A62" s="14">
        <v>47</v>
      </c>
      <c r="B62" s="15">
        <v>13</v>
      </c>
      <c r="C62" s="16">
        <v>8</v>
      </c>
      <c r="D62" s="17">
        <v>21</v>
      </c>
    </row>
    <row r="63" spans="1:4" ht="18" customHeight="1" x14ac:dyDescent="0.2">
      <c r="A63" s="14">
        <v>48</v>
      </c>
      <c r="B63" s="15">
        <v>18</v>
      </c>
      <c r="C63" s="16">
        <v>14</v>
      </c>
      <c r="D63" s="17">
        <v>32</v>
      </c>
    </row>
    <row r="64" spans="1:4" ht="18" customHeight="1" x14ac:dyDescent="0.2">
      <c r="A64" s="14">
        <v>49</v>
      </c>
      <c r="B64" s="15">
        <v>14</v>
      </c>
      <c r="C64" s="16">
        <v>17</v>
      </c>
      <c r="D64" s="17">
        <v>31</v>
      </c>
    </row>
    <row r="65" spans="1:4" ht="18" customHeight="1" x14ac:dyDescent="0.2">
      <c r="A65" s="18" t="s">
        <v>76</v>
      </c>
      <c r="B65" s="15">
        <v>66</v>
      </c>
      <c r="C65" s="16">
        <v>65</v>
      </c>
      <c r="D65" s="17">
        <v>131</v>
      </c>
    </row>
    <row r="66" spans="1:4" ht="18" customHeight="1" x14ac:dyDescent="0.2">
      <c r="A66" s="14">
        <v>50</v>
      </c>
      <c r="B66" s="15">
        <v>13</v>
      </c>
      <c r="C66" s="16">
        <v>10</v>
      </c>
      <c r="D66" s="17">
        <v>23</v>
      </c>
    </row>
    <row r="67" spans="1:4" ht="18" customHeight="1" x14ac:dyDescent="0.2">
      <c r="A67" s="14">
        <v>51</v>
      </c>
      <c r="B67" s="15">
        <v>10</v>
      </c>
      <c r="C67" s="16">
        <v>10</v>
      </c>
      <c r="D67" s="17">
        <v>20</v>
      </c>
    </row>
    <row r="68" spans="1:4" ht="18" customHeight="1" x14ac:dyDescent="0.2">
      <c r="A68" s="14">
        <v>52</v>
      </c>
      <c r="B68" s="15">
        <v>7</v>
      </c>
      <c r="C68" s="16">
        <v>15</v>
      </c>
      <c r="D68" s="17">
        <v>22</v>
      </c>
    </row>
    <row r="69" spans="1:4" ht="18" customHeight="1" x14ac:dyDescent="0.2">
      <c r="A69" s="14">
        <v>53</v>
      </c>
      <c r="B69" s="15">
        <v>14</v>
      </c>
      <c r="C69" s="16">
        <v>6</v>
      </c>
      <c r="D69" s="17">
        <v>20</v>
      </c>
    </row>
    <row r="70" spans="1:4" ht="18" customHeight="1" x14ac:dyDescent="0.2">
      <c r="A70" s="14">
        <v>54</v>
      </c>
      <c r="B70" s="15">
        <v>16</v>
      </c>
      <c r="C70" s="16">
        <v>14</v>
      </c>
      <c r="D70" s="17">
        <v>30</v>
      </c>
    </row>
    <row r="71" spans="1:4" ht="18" customHeight="1" x14ac:dyDescent="0.2">
      <c r="A71" s="18" t="s">
        <v>77</v>
      </c>
      <c r="B71" s="15">
        <v>60</v>
      </c>
      <c r="C71" s="16">
        <v>55</v>
      </c>
      <c r="D71" s="17">
        <v>115</v>
      </c>
    </row>
    <row r="72" spans="1:4" ht="18" customHeight="1" x14ac:dyDescent="0.2">
      <c r="A72" s="14">
        <v>55</v>
      </c>
      <c r="B72" s="15">
        <v>11</v>
      </c>
      <c r="C72" s="16">
        <v>14</v>
      </c>
      <c r="D72" s="17">
        <v>25</v>
      </c>
    </row>
    <row r="73" spans="1:4" ht="18" customHeight="1" x14ac:dyDescent="0.2">
      <c r="A73" s="14">
        <v>56</v>
      </c>
      <c r="B73" s="15">
        <v>9</v>
      </c>
      <c r="C73" s="16">
        <v>12</v>
      </c>
      <c r="D73" s="17">
        <v>21</v>
      </c>
    </row>
    <row r="74" spans="1:4" ht="18" customHeight="1" x14ac:dyDescent="0.2">
      <c r="A74" s="14">
        <v>57</v>
      </c>
      <c r="B74" s="15">
        <v>11</v>
      </c>
      <c r="C74" s="16">
        <v>18</v>
      </c>
      <c r="D74" s="17">
        <v>29</v>
      </c>
    </row>
    <row r="75" spans="1:4" ht="18" customHeight="1" x14ac:dyDescent="0.2">
      <c r="A75" s="14">
        <v>58</v>
      </c>
      <c r="B75" s="15">
        <v>16</v>
      </c>
      <c r="C75" s="16">
        <v>10</v>
      </c>
      <c r="D75" s="17">
        <v>26</v>
      </c>
    </row>
    <row r="76" spans="1:4" ht="18" customHeight="1" x14ac:dyDescent="0.2">
      <c r="A76" s="14">
        <v>59</v>
      </c>
      <c r="B76" s="15">
        <v>20</v>
      </c>
      <c r="C76" s="16">
        <v>21</v>
      </c>
      <c r="D76" s="17">
        <v>41</v>
      </c>
    </row>
    <row r="77" spans="1:4" ht="18" customHeight="1" x14ac:dyDescent="0.2">
      <c r="A77" s="18" t="s">
        <v>78</v>
      </c>
      <c r="B77" s="15">
        <v>67</v>
      </c>
      <c r="C77" s="16">
        <v>75</v>
      </c>
      <c r="D77" s="17">
        <v>142</v>
      </c>
    </row>
    <row r="78" spans="1:4" ht="18" customHeight="1" x14ac:dyDescent="0.2">
      <c r="A78" s="14">
        <v>60</v>
      </c>
      <c r="B78" s="15">
        <v>21</v>
      </c>
      <c r="C78" s="16">
        <v>18</v>
      </c>
      <c r="D78" s="17">
        <v>39</v>
      </c>
    </row>
    <row r="79" spans="1:4" ht="18" customHeight="1" x14ac:dyDescent="0.2">
      <c r="A79" s="14">
        <v>61</v>
      </c>
      <c r="B79" s="15">
        <v>9</v>
      </c>
      <c r="C79" s="16">
        <v>20</v>
      </c>
      <c r="D79" s="17">
        <v>29</v>
      </c>
    </row>
    <row r="80" spans="1:4" ht="18" customHeight="1" x14ac:dyDescent="0.2">
      <c r="A80" s="14">
        <v>62</v>
      </c>
      <c r="B80" s="15">
        <v>16</v>
      </c>
      <c r="C80" s="16">
        <v>30</v>
      </c>
      <c r="D80" s="17">
        <v>46</v>
      </c>
    </row>
    <row r="81" spans="1:4" ht="18" customHeight="1" x14ac:dyDescent="0.2">
      <c r="A81" s="14">
        <v>63</v>
      </c>
      <c r="B81" s="15">
        <v>16</v>
      </c>
      <c r="C81" s="16">
        <v>8</v>
      </c>
      <c r="D81" s="17">
        <v>24</v>
      </c>
    </row>
    <row r="82" spans="1:4" ht="18" customHeight="1" x14ac:dyDescent="0.2">
      <c r="A82" s="14">
        <v>64</v>
      </c>
      <c r="B82" s="15">
        <v>14</v>
      </c>
      <c r="C82" s="16">
        <v>10</v>
      </c>
      <c r="D82" s="17">
        <v>24</v>
      </c>
    </row>
    <row r="83" spans="1:4" ht="18" customHeight="1" x14ac:dyDescent="0.2">
      <c r="A83" s="18" t="s">
        <v>79</v>
      </c>
      <c r="B83" s="15">
        <v>76</v>
      </c>
      <c r="C83" s="16">
        <v>86</v>
      </c>
      <c r="D83" s="17">
        <v>162</v>
      </c>
    </row>
    <row r="84" spans="1:4" ht="18" customHeight="1" x14ac:dyDescent="0.2">
      <c r="A84" s="18" t="s">
        <v>80</v>
      </c>
      <c r="B84" s="15">
        <v>559</v>
      </c>
      <c r="C84" s="16">
        <v>547</v>
      </c>
      <c r="D84" s="17">
        <v>1106</v>
      </c>
    </row>
    <row r="85" spans="1:4" ht="18" customHeight="1" x14ac:dyDescent="0.2">
      <c r="A85" s="14">
        <v>65</v>
      </c>
      <c r="B85" s="15">
        <v>16</v>
      </c>
      <c r="C85" s="16">
        <v>14</v>
      </c>
      <c r="D85" s="17">
        <v>30</v>
      </c>
    </row>
    <row r="86" spans="1:4" ht="18" customHeight="1" x14ac:dyDescent="0.2">
      <c r="A86" s="14">
        <v>66</v>
      </c>
      <c r="B86" s="15">
        <v>15</v>
      </c>
      <c r="C86" s="16">
        <v>17</v>
      </c>
      <c r="D86" s="17">
        <v>32</v>
      </c>
    </row>
    <row r="87" spans="1:4" ht="18" customHeight="1" x14ac:dyDescent="0.2">
      <c r="A87" s="14">
        <v>67</v>
      </c>
      <c r="B87" s="15">
        <v>12</v>
      </c>
      <c r="C87" s="16">
        <v>16</v>
      </c>
      <c r="D87" s="17">
        <v>28</v>
      </c>
    </row>
    <row r="88" spans="1:4" ht="18" customHeight="1" x14ac:dyDescent="0.2">
      <c r="A88" s="14">
        <v>68</v>
      </c>
      <c r="B88" s="15">
        <v>15</v>
      </c>
      <c r="C88" s="16">
        <v>18</v>
      </c>
      <c r="D88" s="17">
        <v>33</v>
      </c>
    </row>
    <row r="89" spans="1:4" ht="18" customHeight="1" x14ac:dyDescent="0.2">
      <c r="A89" s="14">
        <v>69</v>
      </c>
      <c r="B89" s="15">
        <v>13</v>
      </c>
      <c r="C89" s="16">
        <v>15</v>
      </c>
      <c r="D89" s="17">
        <v>28</v>
      </c>
    </row>
    <row r="90" spans="1:4" ht="18" customHeight="1" x14ac:dyDescent="0.2">
      <c r="A90" s="18" t="s">
        <v>81</v>
      </c>
      <c r="B90" s="15">
        <v>71</v>
      </c>
      <c r="C90" s="16">
        <v>80</v>
      </c>
      <c r="D90" s="17">
        <v>151</v>
      </c>
    </row>
    <row r="91" spans="1:4" ht="18" customHeight="1" x14ac:dyDescent="0.2">
      <c r="A91" s="14">
        <v>70</v>
      </c>
      <c r="B91" s="15">
        <v>8</v>
      </c>
      <c r="C91" s="16">
        <v>11</v>
      </c>
      <c r="D91" s="17">
        <v>19</v>
      </c>
    </row>
    <row r="92" spans="1:4" ht="18" customHeight="1" x14ac:dyDescent="0.2">
      <c r="A92" s="14">
        <v>71</v>
      </c>
      <c r="B92" s="15">
        <v>6</v>
      </c>
      <c r="C92" s="16">
        <v>16</v>
      </c>
      <c r="D92" s="17">
        <v>22</v>
      </c>
    </row>
    <row r="93" spans="1:4" ht="18" customHeight="1" x14ac:dyDescent="0.2">
      <c r="A93" s="14">
        <v>72</v>
      </c>
      <c r="B93" s="15">
        <v>9</v>
      </c>
      <c r="C93" s="16">
        <v>8</v>
      </c>
      <c r="D93" s="17">
        <v>17</v>
      </c>
    </row>
    <row r="94" spans="1:4" ht="18" customHeight="1" x14ac:dyDescent="0.2">
      <c r="A94" s="14">
        <v>73</v>
      </c>
      <c r="B94" s="15">
        <v>10</v>
      </c>
      <c r="C94" s="16">
        <v>26</v>
      </c>
      <c r="D94" s="17">
        <v>36</v>
      </c>
    </row>
    <row r="95" spans="1:4" ht="18" customHeight="1" x14ac:dyDescent="0.2">
      <c r="A95" s="14">
        <v>74</v>
      </c>
      <c r="B95" s="15">
        <v>12</v>
      </c>
      <c r="C95" s="16">
        <v>10</v>
      </c>
      <c r="D95" s="17">
        <v>22</v>
      </c>
    </row>
    <row r="96" spans="1:4" ht="18" customHeight="1" x14ac:dyDescent="0.2">
      <c r="A96" s="18" t="s">
        <v>82</v>
      </c>
      <c r="B96" s="15">
        <v>45</v>
      </c>
      <c r="C96" s="16">
        <v>71</v>
      </c>
      <c r="D96" s="17">
        <v>116</v>
      </c>
    </row>
    <row r="97" spans="1:4" ht="18" customHeight="1" x14ac:dyDescent="0.2">
      <c r="A97" s="14">
        <v>75</v>
      </c>
      <c r="B97" s="15">
        <v>10</v>
      </c>
      <c r="C97" s="16">
        <v>10</v>
      </c>
      <c r="D97" s="17">
        <v>20</v>
      </c>
    </row>
    <row r="98" spans="1:4" ht="18" customHeight="1" x14ac:dyDescent="0.2">
      <c r="A98" s="14">
        <v>76</v>
      </c>
      <c r="B98" s="15">
        <v>13</v>
      </c>
      <c r="C98" s="16">
        <v>15</v>
      </c>
      <c r="D98" s="17">
        <v>28</v>
      </c>
    </row>
    <row r="99" spans="1:4" ht="18" customHeight="1" x14ac:dyDescent="0.2">
      <c r="A99" s="14">
        <v>77</v>
      </c>
      <c r="B99" s="15">
        <v>7</v>
      </c>
      <c r="C99" s="16">
        <v>11</v>
      </c>
      <c r="D99" s="17">
        <v>18</v>
      </c>
    </row>
    <row r="100" spans="1:4" ht="18" customHeight="1" x14ac:dyDescent="0.2">
      <c r="A100" s="14">
        <v>78</v>
      </c>
      <c r="B100" s="15">
        <v>5</v>
      </c>
      <c r="C100" s="16">
        <v>15</v>
      </c>
      <c r="D100" s="17">
        <v>20</v>
      </c>
    </row>
    <row r="101" spans="1:4" ht="18" customHeight="1" x14ac:dyDescent="0.2">
      <c r="A101" s="14">
        <v>79</v>
      </c>
      <c r="B101" s="15">
        <v>7</v>
      </c>
      <c r="C101" s="16">
        <v>13</v>
      </c>
      <c r="D101" s="17">
        <v>20</v>
      </c>
    </row>
    <row r="102" spans="1:4" ht="18" customHeight="1" x14ac:dyDescent="0.2">
      <c r="A102" s="18" t="s">
        <v>83</v>
      </c>
      <c r="B102" s="15">
        <v>42</v>
      </c>
      <c r="C102" s="16">
        <v>64</v>
      </c>
      <c r="D102" s="17">
        <v>106</v>
      </c>
    </row>
    <row r="103" spans="1:4" ht="18" customHeight="1" x14ac:dyDescent="0.2">
      <c r="A103" s="14">
        <v>80</v>
      </c>
      <c r="B103" s="15">
        <v>7</v>
      </c>
      <c r="C103" s="16">
        <v>17</v>
      </c>
      <c r="D103" s="17">
        <v>24</v>
      </c>
    </row>
    <row r="104" spans="1:4" ht="18" customHeight="1" x14ac:dyDescent="0.2">
      <c r="A104" s="14">
        <v>81</v>
      </c>
      <c r="B104" s="15">
        <v>6</v>
      </c>
      <c r="C104" s="16">
        <v>10</v>
      </c>
      <c r="D104" s="17">
        <v>16</v>
      </c>
    </row>
    <row r="105" spans="1:4" ht="18" customHeight="1" x14ac:dyDescent="0.2">
      <c r="A105" s="14">
        <v>82</v>
      </c>
      <c r="B105" s="15">
        <v>9</v>
      </c>
      <c r="C105" s="16">
        <v>16</v>
      </c>
      <c r="D105" s="17">
        <v>25</v>
      </c>
    </row>
    <row r="106" spans="1:4" ht="18" customHeight="1" x14ac:dyDescent="0.2">
      <c r="A106" s="14">
        <v>83</v>
      </c>
      <c r="B106" s="15">
        <v>6</v>
      </c>
      <c r="C106" s="16">
        <v>5</v>
      </c>
      <c r="D106" s="17">
        <v>11</v>
      </c>
    </row>
    <row r="107" spans="1:4" ht="18" customHeight="1" x14ac:dyDescent="0.2">
      <c r="A107" s="14">
        <v>84</v>
      </c>
      <c r="B107" s="15">
        <v>5</v>
      </c>
      <c r="C107" s="16">
        <v>16</v>
      </c>
      <c r="D107" s="17">
        <v>21</v>
      </c>
    </row>
    <row r="108" spans="1:4" ht="18" customHeight="1" x14ac:dyDescent="0.2">
      <c r="A108" s="18" t="s">
        <v>84</v>
      </c>
      <c r="B108" s="15">
        <v>33</v>
      </c>
      <c r="C108" s="16">
        <v>64</v>
      </c>
      <c r="D108" s="17">
        <v>97</v>
      </c>
    </row>
    <row r="109" spans="1:4" ht="18" customHeight="1" x14ac:dyDescent="0.2">
      <c r="A109" s="14">
        <v>85</v>
      </c>
      <c r="B109" s="15">
        <v>7</v>
      </c>
      <c r="C109" s="16">
        <v>14</v>
      </c>
      <c r="D109" s="17">
        <v>21</v>
      </c>
    </row>
    <row r="110" spans="1:4" ht="18" customHeight="1" x14ac:dyDescent="0.2">
      <c r="A110" s="14">
        <v>86</v>
      </c>
      <c r="B110" s="15">
        <v>3</v>
      </c>
      <c r="C110" s="16">
        <v>11</v>
      </c>
      <c r="D110" s="17">
        <v>14</v>
      </c>
    </row>
    <row r="111" spans="1:4" ht="18" customHeight="1" x14ac:dyDescent="0.2">
      <c r="A111" s="14">
        <v>87</v>
      </c>
      <c r="B111" s="15">
        <v>2</v>
      </c>
      <c r="C111" s="16">
        <v>13</v>
      </c>
      <c r="D111" s="17">
        <v>15</v>
      </c>
    </row>
    <row r="112" spans="1:4" ht="18" customHeight="1" x14ac:dyDescent="0.2">
      <c r="A112" s="14">
        <v>88</v>
      </c>
      <c r="B112" s="15">
        <v>3</v>
      </c>
      <c r="C112" s="16">
        <v>6</v>
      </c>
      <c r="D112" s="17">
        <v>9</v>
      </c>
    </row>
    <row r="113" spans="1:4" ht="18" customHeight="1" x14ac:dyDescent="0.2">
      <c r="A113" s="14">
        <v>89</v>
      </c>
      <c r="B113" s="15">
        <v>2</v>
      </c>
      <c r="C113" s="16">
        <v>12</v>
      </c>
      <c r="D113" s="17">
        <v>14</v>
      </c>
    </row>
    <row r="114" spans="1:4" ht="18" customHeight="1" x14ac:dyDescent="0.2">
      <c r="A114" s="18" t="s">
        <v>85</v>
      </c>
      <c r="B114" s="15">
        <v>17</v>
      </c>
      <c r="C114" s="16">
        <v>56</v>
      </c>
      <c r="D114" s="17">
        <v>73</v>
      </c>
    </row>
    <row r="115" spans="1:4" ht="18" customHeight="1" x14ac:dyDescent="0.2">
      <c r="A115" s="14">
        <v>90</v>
      </c>
      <c r="B115" s="15">
        <v>3</v>
      </c>
      <c r="C115" s="16">
        <v>4</v>
      </c>
      <c r="D115" s="17">
        <v>7</v>
      </c>
    </row>
    <row r="116" spans="1:4" ht="18" customHeight="1" x14ac:dyDescent="0.2">
      <c r="A116" s="14">
        <v>91</v>
      </c>
      <c r="B116" s="15">
        <v>2</v>
      </c>
      <c r="C116" s="16">
        <v>2</v>
      </c>
      <c r="D116" s="17">
        <v>4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0</v>
      </c>
      <c r="C118" s="16">
        <v>7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86</v>
      </c>
      <c r="B120" s="15">
        <v>6</v>
      </c>
      <c r="C120" s="16">
        <v>24</v>
      </c>
      <c r="D120" s="17">
        <v>30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7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215</v>
      </c>
      <c r="C130" s="5">
        <v>367</v>
      </c>
      <c r="D130" s="6">
        <v>582</v>
      </c>
    </row>
    <row r="131" spans="1:4" ht="18" customHeight="1" x14ac:dyDescent="0.2">
      <c r="A131" s="20" t="s">
        <v>65</v>
      </c>
      <c r="B131" s="7">
        <v>853</v>
      </c>
      <c r="C131" s="8">
        <v>987</v>
      </c>
      <c r="D131" s="9">
        <v>184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19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3</v>
      </c>
      <c r="C5" s="12">
        <v>30</v>
      </c>
      <c r="D5" s="13">
        <v>53</v>
      </c>
    </row>
    <row r="6" spans="1:4" ht="18" customHeight="1" x14ac:dyDescent="0.2">
      <c r="A6" s="14">
        <v>1</v>
      </c>
      <c r="B6" s="15">
        <v>35</v>
      </c>
      <c r="C6" s="16">
        <v>32</v>
      </c>
      <c r="D6" s="17">
        <v>67</v>
      </c>
    </row>
    <row r="7" spans="1:4" ht="18" customHeight="1" x14ac:dyDescent="0.2">
      <c r="A7" s="14">
        <v>2</v>
      </c>
      <c r="B7" s="15">
        <v>20</v>
      </c>
      <c r="C7" s="16">
        <v>23</v>
      </c>
      <c r="D7" s="17">
        <v>43</v>
      </c>
    </row>
    <row r="8" spans="1:4" ht="18" customHeight="1" x14ac:dyDescent="0.2">
      <c r="A8" s="14">
        <v>3</v>
      </c>
      <c r="B8" s="15">
        <v>35</v>
      </c>
      <c r="C8" s="16">
        <v>21</v>
      </c>
      <c r="D8" s="17">
        <v>56</v>
      </c>
    </row>
    <row r="9" spans="1:4" ht="18" customHeight="1" x14ac:dyDescent="0.2">
      <c r="A9" s="14">
        <v>4</v>
      </c>
      <c r="B9" s="15">
        <v>26</v>
      </c>
      <c r="C9" s="16">
        <v>27</v>
      </c>
      <c r="D9" s="17">
        <v>53</v>
      </c>
    </row>
    <row r="10" spans="1:4" ht="18" customHeight="1" x14ac:dyDescent="0.2">
      <c r="A10" s="18" t="s">
        <v>66</v>
      </c>
      <c r="B10" s="15">
        <v>139</v>
      </c>
      <c r="C10" s="16">
        <v>133</v>
      </c>
      <c r="D10" s="17">
        <v>272</v>
      </c>
    </row>
    <row r="11" spans="1:4" ht="18" customHeight="1" x14ac:dyDescent="0.2">
      <c r="A11" s="14">
        <v>5</v>
      </c>
      <c r="B11" s="15">
        <v>33</v>
      </c>
      <c r="C11" s="16">
        <v>32</v>
      </c>
      <c r="D11" s="17">
        <v>65</v>
      </c>
    </row>
    <row r="12" spans="1:4" ht="18" customHeight="1" x14ac:dyDescent="0.2">
      <c r="A12" s="14">
        <v>6</v>
      </c>
      <c r="B12" s="15">
        <v>19</v>
      </c>
      <c r="C12" s="16">
        <v>28</v>
      </c>
      <c r="D12" s="17">
        <v>47</v>
      </c>
    </row>
    <row r="13" spans="1:4" ht="18" customHeight="1" x14ac:dyDescent="0.2">
      <c r="A13" s="14">
        <v>7</v>
      </c>
      <c r="B13" s="15">
        <v>35</v>
      </c>
      <c r="C13" s="16">
        <v>20</v>
      </c>
      <c r="D13" s="17">
        <v>55</v>
      </c>
    </row>
    <row r="14" spans="1:4" ht="18" customHeight="1" x14ac:dyDescent="0.2">
      <c r="A14" s="14">
        <v>8</v>
      </c>
      <c r="B14" s="15">
        <v>35</v>
      </c>
      <c r="C14" s="16">
        <v>27</v>
      </c>
      <c r="D14" s="17">
        <v>62</v>
      </c>
    </row>
    <row r="15" spans="1:4" ht="18" customHeight="1" x14ac:dyDescent="0.2">
      <c r="A15" s="14">
        <v>9</v>
      </c>
      <c r="B15" s="15">
        <v>33</v>
      </c>
      <c r="C15" s="16">
        <v>30</v>
      </c>
      <c r="D15" s="17">
        <v>63</v>
      </c>
    </row>
    <row r="16" spans="1:4" ht="18" customHeight="1" x14ac:dyDescent="0.2">
      <c r="A16" s="18" t="s">
        <v>67</v>
      </c>
      <c r="B16" s="15">
        <v>155</v>
      </c>
      <c r="C16" s="16">
        <v>137</v>
      </c>
      <c r="D16" s="17">
        <v>292</v>
      </c>
    </row>
    <row r="17" spans="1:4" ht="18" customHeight="1" x14ac:dyDescent="0.2">
      <c r="A17" s="14">
        <v>10</v>
      </c>
      <c r="B17" s="15">
        <v>23</v>
      </c>
      <c r="C17" s="16">
        <v>27</v>
      </c>
      <c r="D17" s="17">
        <v>50</v>
      </c>
    </row>
    <row r="18" spans="1:4" ht="18" customHeight="1" x14ac:dyDescent="0.2">
      <c r="A18" s="14">
        <v>11</v>
      </c>
      <c r="B18" s="15">
        <v>36</v>
      </c>
      <c r="C18" s="16">
        <v>31</v>
      </c>
      <c r="D18" s="17">
        <v>67</v>
      </c>
    </row>
    <row r="19" spans="1:4" ht="18" customHeight="1" x14ac:dyDescent="0.2">
      <c r="A19" s="14">
        <v>12</v>
      </c>
      <c r="B19" s="15">
        <v>30</v>
      </c>
      <c r="C19" s="16">
        <v>25</v>
      </c>
      <c r="D19" s="17">
        <v>55</v>
      </c>
    </row>
    <row r="20" spans="1:4" ht="18" customHeight="1" x14ac:dyDescent="0.2">
      <c r="A20" s="14">
        <v>13</v>
      </c>
      <c r="B20" s="15">
        <v>33</v>
      </c>
      <c r="C20" s="16">
        <v>33</v>
      </c>
      <c r="D20" s="17">
        <v>66</v>
      </c>
    </row>
    <row r="21" spans="1:4" ht="18" customHeight="1" x14ac:dyDescent="0.2">
      <c r="A21" s="14">
        <v>14</v>
      </c>
      <c r="B21" s="15">
        <v>34</v>
      </c>
      <c r="C21" s="16">
        <v>28</v>
      </c>
      <c r="D21" s="17">
        <v>62</v>
      </c>
    </row>
    <row r="22" spans="1:4" ht="18" customHeight="1" x14ac:dyDescent="0.2">
      <c r="A22" s="18" t="s">
        <v>68</v>
      </c>
      <c r="B22" s="15">
        <v>156</v>
      </c>
      <c r="C22" s="16">
        <v>144</v>
      </c>
      <c r="D22" s="17">
        <v>300</v>
      </c>
    </row>
    <row r="23" spans="1:4" ht="18" customHeight="1" x14ac:dyDescent="0.2">
      <c r="A23" s="18" t="s">
        <v>69</v>
      </c>
      <c r="B23" s="15">
        <v>450</v>
      </c>
      <c r="C23" s="16">
        <v>414</v>
      </c>
      <c r="D23" s="17">
        <v>864</v>
      </c>
    </row>
    <row r="24" spans="1:4" ht="18" customHeight="1" x14ac:dyDescent="0.2">
      <c r="A24" s="14">
        <v>15</v>
      </c>
      <c r="B24" s="15">
        <v>23</v>
      </c>
      <c r="C24" s="16">
        <v>33</v>
      </c>
      <c r="D24" s="17">
        <v>56</v>
      </c>
    </row>
    <row r="25" spans="1:4" ht="18" customHeight="1" x14ac:dyDescent="0.2">
      <c r="A25" s="14">
        <v>16</v>
      </c>
      <c r="B25" s="15">
        <v>25</v>
      </c>
      <c r="C25" s="16">
        <v>36</v>
      </c>
      <c r="D25" s="17">
        <v>61</v>
      </c>
    </row>
    <row r="26" spans="1:4" ht="18" customHeight="1" x14ac:dyDescent="0.2">
      <c r="A26" s="14">
        <v>17</v>
      </c>
      <c r="B26" s="15">
        <v>26</v>
      </c>
      <c r="C26" s="16">
        <v>31</v>
      </c>
      <c r="D26" s="17">
        <v>57</v>
      </c>
    </row>
    <row r="27" spans="1:4" ht="18" customHeight="1" x14ac:dyDescent="0.2">
      <c r="A27" s="14">
        <v>18</v>
      </c>
      <c r="B27" s="15">
        <v>23</v>
      </c>
      <c r="C27" s="16">
        <v>26</v>
      </c>
      <c r="D27" s="17">
        <v>49</v>
      </c>
    </row>
    <row r="28" spans="1:4" ht="18" customHeight="1" x14ac:dyDescent="0.2">
      <c r="A28" s="14">
        <v>19</v>
      </c>
      <c r="B28" s="15">
        <v>26</v>
      </c>
      <c r="C28" s="16">
        <v>29</v>
      </c>
      <c r="D28" s="17">
        <v>55</v>
      </c>
    </row>
    <row r="29" spans="1:4" ht="18" customHeight="1" x14ac:dyDescent="0.2">
      <c r="A29" s="18" t="s">
        <v>70</v>
      </c>
      <c r="B29" s="15">
        <v>123</v>
      </c>
      <c r="C29" s="16">
        <v>155</v>
      </c>
      <c r="D29" s="17">
        <v>278</v>
      </c>
    </row>
    <row r="30" spans="1:4" ht="18" customHeight="1" x14ac:dyDescent="0.2">
      <c r="A30" s="14">
        <v>20</v>
      </c>
      <c r="B30" s="15">
        <v>27</v>
      </c>
      <c r="C30" s="16">
        <v>26</v>
      </c>
      <c r="D30" s="17">
        <v>53</v>
      </c>
    </row>
    <row r="31" spans="1:4" ht="18" customHeight="1" x14ac:dyDescent="0.2">
      <c r="A31" s="14">
        <v>21</v>
      </c>
      <c r="B31" s="15">
        <v>32</v>
      </c>
      <c r="C31" s="16">
        <v>24</v>
      </c>
      <c r="D31" s="17">
        <v>56</v>
      </c>
    </row>
    <row r="32" spans="1:4" ht="18" customHeight="1" x14ac:dyDescent="0.2">
      <c r="A32" s="14">
        <v>22</v>
      </c>
      <c r="B32" s="15">
        <v>28</v>
      </c>
      <c r="C32" s="16">
        <v>34</v>
      </c>
      <c r="D32" s="17">
        <v>62</v>
      </c>
    </row>
    <row r="33" spans="1:4" ht="18" customHeight="1" x14ac:dyDescent="0.2">
      <c r="A33" s="14">
        <v>23</v>
      </c>
      <c r="B33" s="15">
        <v>46</v>
      </c>
      <c r="C33" s="16">
        <v>23</v>
      </c>
      <c r="D33" s="17">
        <v>69</v>
      </c>
    </row>
    <row r="34" spans="1:4" ht="18" customHeight="1" x14ac:dyDescent="0.2">
      <c r="A34" s="14">
        <v>24</v>
      </c>
      <c r="B34" s="15">
        <v>29</v>
      </c>
      <c r="C34" s="16">
        <v>29</v>
      </c>
      <c r="D34" s="17">
        <v>58</v>
      </c>
    </row>
    <row r="35" spans="1:4" ht="18" customHeight="1" x14ac:dyDescent="0.2">
      <c r="A35" s="18" t="s">
        <v>71</v>
      </c>
      <c r="B35" s="15">
        <v>162</v>
      </c>
      <c r="C35" s="16">
        <v>136</v>
      </c>
      <c r="D35" s="17">
        <v>298</v>
      </c>
    </row>
    <row r="36" spans="1:4" ht="18" customHeight="1" x14ac:dyDescent="0.2">
      <c r="A36" s="14">
        <v>25</v>
      </c>
      <c r="B36" s="15">
        <v>35</v>
      </c>
      <c r="C36" s="16">
        <v>32</v>
      </c>
      <c r="D36" s="17">
        <v>67</v>
      </c>
    </row>
    <row r="37" spans="1:4" ht="18" customHeight="1" x14ac:dyDescent="0.2">
      <c r="A37" s="14">
        <v>26</v>
      </c>
      <c r="B37" s="15">
        <v>34</v>
      </c>
      <c r="C37" s="16">
        <v>25</v>
      </c>
      <c r="D37" s="17">
        <v>59</v>
      </c>
    </row>
    <row r="38" spans="1:4" ht="18" customHeight="1" x14ac:dyDescent="0.2">
      <c r="A38" s="14">
        <v>27</v>
      </c>
      <c r="B38" s="15">
        <v>38</v>
      </c>
      <c r="C38" s="16">
        <v>34</v>
      </c>
      <c r="D38" s="17">
        <v>72</v>
      </c>
    </row>
    <row r="39" spans="1:4" ht="18" customHeight="1" x14ac:dyDescent="0.2">
      <c r="A39" s="14">
        <v>28</v>
      </c>
      <c r="B39" s="15">
        <v>31</v>
      </c>
      <c r="C39" s="16">
        <v>30</v>
      </c>
      <c r="D39" s="17">
        <v>61</v>
      </c>
    </row>
    <row r="40" spans="1:4" ht="18" customHeight="1" x14ac:dyDescent="0.2">
      <c r="A40" s="14">
        <v>29</v>
      </c>
      <c r="B40" s="15">
        <v>33</v>
      </c>
      <c r="C40" s="16">
        <v>41</v>
      </c>
      <c r="D40" s="17">
        <v>74</v>
      </c>
    </row>
    <row r="41" spans="1:4" ht="18" customHeight="1" x14ac:dyDescent="0.2">
      <c r="A41" s="18" t="s">
        <v>72</v>
      </c>
      <c r="B41" s="15">
        <v>171</v>
      </c>
      <c r="C41" s="16">
        <v>162</v>
      </c>
      <c r="D41" s="17">
        <v>333</v>
      </c>
    </row>
    <row r="42" spans="1:4" ht="18" customHeight="1" x14ac:dyDescent="0.2">
      <c r="A42" s="14">
        <v>30</v>
      </c>
      <c r="B42" s="15">
        <v>39</v>
      </c>
      <c r="C42" s="16">
        <v>24</v>
      </c>
      <c r="D42" s="17">
        <v>63</v>
      </c>
    </row>
    <row r="43" spans="1:4" ht="18" customHeight="1" x14ac:dyDescent="0.2">
      <c r="A43" s="14">
        <v>31</v>
      </c>
      <c r="B43" s="15">
        <v>42</v>
      </c>
      <c r="C43" s="16">
        <v>44</v>
      </c>
      <c r="D43" s="17">
        <v>86</v>
      </c>
    </row>
    <row r="44" spans="1:4" ht="18" customHeight="1" x14ac:dyDescent="0.2">
      <c r="A44" s="14">
        <v>32</v>
      </c>
      <c r="B44" s="15">
        <v>45</v>
      </c>
      <c r="C44" s="16">
        <v>38</v>
      </c>
      <c r="D44" s="17">
        <v>83</v>
      </c>
    </row>
    <row r="45" spans="1:4" ht="18" customHeight="1" x14ac:dyDescent="0.2">
      <c r="A45" s="14">
        <v>33</v>
      </c>
      <c r="B45" s="15">
        <v>44</v>
      </c>
      <c r="C45" s="16">
        <v>55</v>
      </c>
      <c r="D45" s="17">
        <v>99</v>
      </c>
    </row>
    <row r="46" spans="1:4" ht="18" customHeight="1" x14ac:dyDescent="0.2">
      <c r="A46" s="14">
        <v>34</v>
      </c>
      <c r="B46" s="15">
        <v>54</v>
      </c>
      <c r="C46" s="16">
        <v>49</v>
      </c>
      <c r="D46" s="17">
        <v>103</v>
      </c>
    </row>
    <row r="47" spans="1:4" ht="18" customHeight="1" x14ac:dyDescent="0.2">
      <c r="A47" s="18" t="s">
        <v>73</v>
      </c>
      <c r="B47" s="15">
        <v>224</v>
      </c>
      <c r="C47" s="16">
        <v>210</v>
      </c>
      <c r="D47" s="17">
        <v>434</v>
      </c>
    </row>
    <row r="48" spans="1:4" ht="18" customHeight="1" x14ac:dyDescent="0.2">
      <c r="A48" s="14">
        <v>35</v>
      </c>
      <c r="B48" s="15">
        <v>49</v>
      </c>
      <c r="C48" s="16">
        <v>48</v>
      </c>
      <c r="D48" s="17">
        <v>97</v>
      </c>
    </row>
    <row r="49" spans="1:4" ht="18" customHeight="1" x14ac:dyDescent="0.2">
      <c r="A49" s="14">
        <v>36</v>
      </c>
      <c r="B49" s="15">
        <v>56</v>
      </c>
      <c r="C49" s="16">
        <v>57</v>
      </c>
      <c r="D49" s="17">
        <v>113</v>
      </c>
    </row>
    <row r="50" spans="1:4" ht="18" customHeight="1" x14ac:dyDescent="0.2">
      <c r="A50" s="14">
        <v>37</v>
      </c>
      <c r="B50" s="15">
        <v>50</v>
      </c>
      <c r="C50" s="16">
        <v>49</v>
      </c>
      <c r="D50" s="17">
        <v>99</v>
      </c>
    </row>
    <row r="51" spans="1:4" ht="18" customHeight="1" x14ac:dyDescent="0.2">
      <c r="A51" s="14">
        <v>38</v>
      </c>
      <c r="B51" s="15">
        <v>48</v>
      </c>
      <c r="C51" s="16">
        <v>46</v>
      </c>
      <c r="D51" s="17">
        <v>94</v>
      </c>
    </row>
    <row r="52" spans="1:4" ht="18" customHeight="1" x14ac:dyDescent="0.2">
      <c r="A52" s="14">
        <v>39</v>
      </c>
      <c r="B52" s="15">
        <v>50</v>
      </c>
      <c r="C52" s="16">
        <v>36</v>
      </c>
      <c r="D52" s="17">
        <v>86</v>
      </c>
    </row>
    <row r="53" spans="1:4" ht="18" customHeight="1" x14ac:dyDescent="0.2">
      <c r="A53" s="18" t="s">
        <v>74</v>
      </c>
      <c r="B53" s="15">
        <v>253</v>
      </c>
      <c r="C53" s="16">
        <v>236</v>
      </c>
      <c r="D53" s="17">
        <v>489</v>
      </c>
    </row>
    <row r="54" spans="1:4" ht="18" customHeight="1" x14ac:dyDescent="0.2">
      <c r="A54" s="14">
        <v>40</v>
      </c>
      <c r="B54" s="15">
        <v>45</v>
      </c>
      <c r="C54" s="16">
        <v>44</v>
      </c>
      <c r="D54" s="17">
        <v>89</v>
      </c>
    </row>
    <row r="55" spans="1:4" ht="18" customHeight="1" x14ac:dyDescent="0.2">
      <c r="A55" s="14">
        <v>41</v>
      </c>
      <c r="B55" s="15">
        <v>45</v>
      </c>
      <c r="C55" s="16">
        <v>50</v>
      </c>
      <c r="D55" s="17">
        <v>95</v>
      </c>
    </row>
    <row r="56" spans="1:4" ht="18" customHeight="1" x14ac:dyDescent="0.2">
      <c r="A56" s="14">
        <v>42</v>
      </c>
      <c r="B56" s="15">
        <v>39</v>
      </c>
      <c r="C56" s="16">
        <v>42</v>
      </c>
      <c r="D56" s="17">
        <v>81</v>
      </c>
    </row>
    <row r="57" spans="1:4" ht="18" customHeight="1" x14ac:dyDescent="0.2">
      <c r="A57" s="14">
        <v>43</v>
      </c>
      <c r="B57" s="15">
        <v>37</v>
      </c>
      <c r="C57" s="16">
        <v>33</v>
      </c>
      <c r="D57" s="17">
        <v>70</v>
      </c>
    </row>
    <row r="58" spans="1:4" ht="18" customHeight="1" x14ac:dyDescent="0.2">
      <c r="A58" s="14">
        <v>44</v>
      </c>
      <c r="B58" s="15">
        <v>41</v>
      </c>
      <c r="C58" s="16">
        <v>40</v>
      </c>
      <c r="D58" s="17">
        <v>81</v>
      </c>
    </row>
    <row r="59" spans="1:4" ht="18" customHeight="1" x14ac:dyDescent="0.2">
      <c r="A59" s="18" t="s">
        <v>75</v>
      </c>
      <c r="B59" s="15">
        <v>207</v>
      </c>
      <c r="C59" s="16">
        <v>209</v>
      </c>
      <c r="D59" s="17">
        <v>416</v>
      </c>
    </row>
    <row r="60" spans="1:4" ht="18" customHeight="1" x14ac:dyDescent="0.2">
      <c r="A60" s="14">
        <v>45</v>
      </c>
      <c r="B60" s="15">
        <v>42</v>
      </c>
      <c r="C60" s="16">
        <v>48</v>
      </c>
      <c r="D60" s="17">
        <v>90</v>
      </c>
    </row>
    <row r="61" spans="1:4" ht="18" customHeight="1" x14ac:dyDescent="0.2">
      <c r="A61" s="14">
        <v>46</v>
      </c>
      <c r="B61" s="15">
        <v>45</v>
      </c>
      <c r="C61" s="16">
        <v>39</v>
      </c>
      <c r="D61" s="17">
        <v>84</v>
      </c>
    </row>
    <row r="62" spans="1:4" ht="18" customHeight="1" x14ac:dyDescent="0.2">
      <c r="A62" s="14">
        <v>47</v>
      </c>
      <c r="B62" s="15">
        <v>32</v>
      </c>
      <c r="C62" s="16">
        <v>27</v>
      </c>
      <c r="D62" s="17">
        <v>59</v>
      </c>
    </row>
    <row r="63" spans="1:4" ht="18" customHeight="1" x14ac:dyDescent="0.2">
      <c r="A63" s="14">
        <v>48</v>
      </c>
      <c r="B63" s="15">
        <v>36</v>
      </c>
      <c r="C63" s="16">
        <v>35</v>
      </c>
      <c r="D63" s="17">
        <v>71</v>
      </c>
    </row>
    <row r="64" spans="1:4" ht="18" customHeight="1" x14ac:dyDescent="0.2">
      <c r="A64" s="14">
        <v>49</v>
      </c>
      <c r="B64" s="15">
        <v>29</v>
      </c>
      <c r="C64" s="16">
        <v>48</v>
      </c>
      <c r="D64" s="17">
        <v>77</v>
      </c>
    </row>
    <row r="65" spans="1:4" ht="18" customHeight="1" x14ac:dyDescent="0.2">
      <c r="A65" s="18" t="s">
        <v>76</v>
      </c>
      <c r="B65" s="15">
        <v>184</v>
      </c>
      <c r="C65" s="16">
        <v>197</v>
      </c>
      <c r="D65" s="17">
        <v>381</v>
      </c>
    </row>
    <row r="66" spans="1:4" ht="18" customHeight="1" x14ac:dyDescent="0.2">
      <c r="A66" s="14">
        <v>50</v>
      </c>
      <c r="B66" s="15">
        <v>42</v>
      </c>
      <c r="C66" s="16">
        <v>35</v>
      </c>
      <c r="D66" s="17">
        <v>77</v>
      </c>
    </row>
    <row r="67" spans="1:4" ht="18" customHeight="1" x14ac:dyDescent="0.2">
      <c r="A67" s="14">
        <v>51</v>
      </c>
      <c r="B67" s="15">
        <v>32</v>
      </c>
      <c r="C67" s="16">
        <v>37</v>
      </c>
      <c r="D67" s="17">
        <v>69</v>
      </c>
    </row>
    <row r="68" spans="1:4" ht="18" customHeight="1" x14ac:dyDescent="0.2">
      <c r="A68" s="14">
        <v>52</v>
      </c>
      <c r="B68" s="15">
        <v>32</v>
      </c>
      <c r="C68" s="16">
        <v>32</v>
      </c>
      <c r="D68" s="17">
        <v>64</v>
      </c>
    </row>
    <row r="69" spans="1:4" ht="18" customHeight="1" x14ac:dyDescent="0.2">
      <c r="A69" s="14">
        <v>53</v>
      </c>
      <c r="B69" s="15">
        <v>41</v>
      </c>
      <c r="C69" s="16">
        <v>41</v>
      </c>
      <c r="D69" s="17">
        <v>82</v>
      </c>
    </row>
    <row r="70" spans="1:4" ht="18" customHeight="1" x14ac:dyDescent="0.2">
      <c r="A70" s="14">
        <v>54</v>
      </c>
      <c r="B70" s="15">
        <v>44</v>
      </c>
      <c r="C70" s="16">
        <v>41</v>
      </c>
      <c r="D70" s="17">
        <v>85</v>
      </c>
    </row>
    <row r="71" spans="1:4" ht="18" customHeight="1" x14ac:dyDescent="0.2">
      <c r="A71" s="18" t="s">
        <v>77</v>
      </c>
      <c r="B71" s="15">
        <v>191</v>
      </c>
      <c r="C71" s="16">
        <v>186</v>
      </c>
      <c r="D71" s="17">
        <v>377</v>
      </c>
    </row>
    <row r="72" spans="1:4" ht="18" customHeight="1" x14ac:dyDescent="0.2">
      <c r="A72" s="14">
        <v>55</v>
      </c>
      <c r="B72" s="15">
        <v>52</v>
      </c>
      <c r="C72" s="16">
        <v>31</v>
      </c>
      <c r="D72" s="17">
        <v>83</v>
      </c>
    </row>
    <row r="73" spans="1:4" ht="18" customHeight="1" x14ac:dyDescent="0.2">
      <c r="A73" s="14">
        <v>56</v>
      </c>
      <c r="B73" s="15">
        <v>44</v>
      </c>
      <c r="C73" s="16">
        <v>47</v>
      </c>
      <c r="D73" s="17">
        <v>91</v>
      </c>
    </row>
    <row r="74" spans="1:4" ht="18" customHeight="1" x14ac:dyDescent="0.2">
      <c r="A74" s="14">
        <v>57</v>
      </c>
      <c r="B74" s="15">
        <v>43</v>
      </c>
      <c r="C74" s="16">
        <v>43</v>
      </c>
      <c r="D74" s="17">
        <v>86</v>
      </c>
    </row>
    <row r="75" spans="1:4" ht="18" customHeight="1" x14ac:dyDescent="0.2">
      <c r="A75" s="14">
        <v>58</v>
      </c>
      <c r="B75" s="15">
        <v>54</v>
      </c>
      <c r="C75" s="16">
        <v>56</v>
      </c>
      <c r="D75" s="17">
        <v>110</v>
      </c>
    </row>
    <row r="76" spans="1:4" ht="18" customHeight="1" x14ac:dyDescent="0.2">
      <c r="A76" s="14">
        <v>59</v>
      </c>
      <c r="B76" s="15">
        <v>47</v>
      </c>
      <c r="C76" s="16">
        <v>53</v>
      </c>
      <c r="D76" s="17">
        <v>100</v>
      </c>
    </row>
    <row r="77" spans="1:4" ht="18" customHeight="1" x14ac:dyDescent="0.2">
      <c r="A77" s="18" t="s">
        <v>78</v>
      </c>
      <c r="B77" s="15">
        <v>240</v>
      </c>
      <c r="C77" s="16">
        <v>230</v>
      </c>
      <c r="D77" s="17">
        <v>470</v>
      </c>
    </row>
    <row r="78" spans="1:4" ht="18" customHeight="1" x14ac:dyDescent="0.2">
      <c r="A78" s="14">
        <v>60</v>
      </c>
      <c r="B78" s="15">
        <v>65</v>
      </c>
      <c r="C78" s="16">
        <v>56</v>
      </c>
      <c r="D78" s="17">
        <v>121</v>
      </c>
    </row>
    <row r="79" spans="1:4" ht="18" customHeight="1" x14ac:dyDescent="0.2">
      <c r="A79" s="14">
        <v>61</v>
      </c>
      <c r="B79" s="15">
        <v>56</v>
      </c>
      <c r="C79" s="16">
        <v>73</v>
      </c>
      <c r="D79" s="17">
        <v>129</v>
      </c>
    </row>
    <row r="80" spans="1:4" ht="18" customHeight="1" x14ac:dyDescent="0.2">
      <c r="A80" s="14">
        <v>62</v>
      </c>
      <c r="B80" s="15">
        <v>53</v>
      </c>
      <c r="C80" s="16">
        <v>61</v>
      </c>
      <c r="D80" s="17">
        <v>114</v>
      </c>
    </row>
    <row r="81" spans="1:4" ht="18" customHeight="1" x14ac:dyDescent="0.2">
      <c r="A81" s="14">
        <v>63</v>
      </c>
      <c r="B81" s="15">
        <v>24</v>
      </c>
      <c r="C81" s="16">
        <v>41</v>
      </c>
      <c r="D81" s="17">
        <v>65</v>
      </c>
    </row>
    <row r="82" spans="1:4" ht="18" customHeight="1" x14ac:dyDescent="0.2">
      <c r="A82" s="14">
        <v>64</v>
      </c>
      <c r="B82" s="15">
        <v>36</v>
      </c>
      <c r="C82" s="16">
        <v>35</v>
      </c>
      <c r="D82" s="17">
        <v>71</v>
      </c>
    </row>
    <row r="83" spans="1:4" ht="18" customHeight="1" x14ac:dyDescent="0.2">
      <c r="A83" s="18" t="s">
        <v>79</v>
      </c>
      <c r="B83" s="15">
        <v>234</v>
      </c>
      <c r="C83" s="16">
        <v>266</v>
      </c>
      <c r="D83" s="17">
        <v>500</v>
      </c>
    </row>
    <row r="84" spans="1:4" ht="18" customHeight="1" x14ac:dyDescent="0.2">
      <c r="A84" s="18" t="s">
        <v>80</v>
      </c>
      <c r="B84" s="15">
        <v>1989</v>
      </c>
      <c r="C84" s="16">
        <v>1987</v>
      </c>
      <c r="D84" s="17">
        <v>3976</v>
      </c>
    </row>
    <row r="85" spans="1:4" ht="18" customHeight="1" x14ac:dyDescent="0.2">
      <c r="A85" s="14">
        <v>65</v>
      </c>
      <c r="B85" s="15">
        <v>57</v>
      </c>
      <c r="C85" s="16">
        <v>52</v>
      </c>
      <c r="D85" s="17">
        <v>109</v>
      </c>
    </row>
    <row r="86" spans="1:4" ht="18" customHeight="1" x14ac:dyDescent="0.2">
      <c r="A86" s="14">
        <v>66</v>
      </c>
      <c r="B86" s="15">
        <v>51</v>
      </c>
      <c r="C86" s="16">
        <v>39</v>
      </c>
      <c r="D86" s="17">
        <v>90</v>
      </c>
    </row>
    <row r="87" spans="1:4" ht="18" customHeight="1" x14ac:dyDescent="0.2">
      <c r="A87" s="14">
        <v>67</v>
      </c>
      <c r="B87" s="15">
        <v>34</v>
      </c>
      <c r="C87" s="16">
        <v>56</v>
      </c>
      <c r="D87" s="17">
        <v>90</v>
      </c>
    </row>
    <row r="88" spans="1:4" ht="18" customHeight="1" x14ac:dyDescent="0.2">
      <c r="A88" s="14">
        <v>68</v>
      </c>
      <c r="B88" s="15">
        <v>36</v>
      </c>
      <c r="C88" s="16">
        <v>40</v>
      </c>
      <c r="D88" s="17">
        <v>76</v>
      </c>
    </row>
    <row r="89" spans="1:4" ht="18" customHeight="1" x14ac:dyDescent="0.2">
      <c r="A89" s="14">
        <v>69</v>
      </c>
      <c r="B89" s="15">
        <v>37</v>
      </c>
      <c r="C89" s="16">
        <v>40</v>
      </c>
      <c r="D89" s="17">
        <v>77</v>
      </c>
    </row>
    <row r="90" spans="1:4" ht="18" customHeight="1" x14ac:dyDescent="0.2">
      <c r="A90" s="18" t="s">
        <v>81</v>
      </c>
      <c r="B90" s="15">
        <v>215</v>
      </c>
      <c r="C90" s="16">
        <v>227</v>
      </c>
      <c r="D90" s="17">
        <v>442</v>
      </c>
    </row>
    <row r="91" spans="1:4" ht="18" customHeight="1" x14ac:dyDescent="0.2">
      <c r="A91" s="14">
        <v>70</v>
      </c>
      <c r="B91" s="15">
        <v>20</v>
      </c>
      <c r="C91" s="16">
        <v>28</v>
      </c>
      <c r="D91" s="17">
        <v>48</v>
      </c>
    </row>
    <row r="92" spans="1:4" ht="18" customHeight="1" x14ac:dyDescent="0.2">
      <c r="A92" s="14">
        <v>71</v>
      </c>
      <c r="B92" s="15">
        <v>26</v>
      </c>
      <c r="C92" s="16">
        <v>32</v>
      </c>
      <c r="D92" s="17">
        <v>58</v>
      </c>
    </row>
    <row r="93" spans="1:4" ht="18" customHeight="1" x14ac:dyDescent="0.2">
      <c r="A93" s="14">
        <v>72</v>
      </c>
      <c r="B93" s="15">
        <v>34</v>
      </c>
      <c r="C93" s="16">
        <v>23</v>
      </c>
      <c r="D93" s="17">
        <v>57</v>
      </c>
    </row>
    <row r="94" spans="1:4" ht="18" customHeight="1" x14ac:dyDescent="0.2">
      <c r="A94" s="14">
        <v>73</v>
      </c>
      <c r="B94" s="15">
        <v>25</v>
      </c>
      <c r="C94" s="16">
        <v>47</v>
      </c>
      <c r="D94" s="17">
        <v>72</v>
      </c>
    </row>
    <row r="95" spans="1:4" ht="18" customHeight="1" x14ac:dyDescent="0.2">
      <c r="A95" s="14">
        <v>74</v>
      </c>
      <c r="B95" s="15">
        <v>27</v>
      </c>
      <c r="C95" s="16">
        <v>43</v>
      </c>
      <c r="D95" s="17">
        <v>70</v>
      </c>
    </row>
    <row r="96" spans="1:4" ht="18" customHeight="1" x14ac:dyDescent="0.2">
      <c r="A96" s="18" t="s">
        <v>82</v>
      </c>
      <c r="B96" s="15">
        <v>132</v>
      </c>
      <c r="C96" s="16">
        <v>173</v>
      </c>
      <c r="D96" s="17">
        <v>305</v>
      </c>
    </row>
    <row r="97" spans="1:4" ht="18" customHeight="1" x14ac:dyDescent="0.2">
      <c r="A97" s="14">
        <v>75</v>
      </c>
      <c r="B97" s="15">
        <v>24</v>
      </c>
      <c r="C97" s="16">
        <v>44</v>
      </c>
      <c r="D97" s="17">
        <v>68</v>
      </c>
    </row>
    <row r="98" spans="1:4" ht="18" customHeight="1" x14ac:dyDescent="0.2">
      <c r="A98" s="14">
        <v>76</v>
      </c>
      <c r="B98" s="15">
        <v>17</v>
      </c>
      <c r="C98" s="16">
        <v>45</v>
      </c>
      <c r="D98" s="17">
        <v>62</v>
      </c>
    </row>
    <row r="99" spans="1:4" ht="18" customHeight="1" x14ac:dyDescent="0.2">
      <c r="A99" s="14">
        <v>77</v>
      </c>
      <c r="B99" s="15">
        <v>36</v>
      </c>
      <c r="C99" s="16">
        <v>32</v>
      </c>
      <c r="D99" s="17">
        <v>68</v>
      </c>
    </row>
    <row r="100" spans="1:4" ht="18" customHeight="1" x14ac:dyDescent="0.2">
      <c r="A100" s="14">
        <v>78</v>
      </c>
      <c r="B100" s="15">
        <v>24</v>
      </c>
      <c r="C100" s="16">
        <v>40</v>
      </c>
      <c r="D100" s="17">
        <v>64</v>
      </c>
    </row>
    <row r="101" spans="1:4" ht="18" customHeight="1" x14ac:dyDescent="0.2">
      <c r="A101" s="14">
        <v>79</v>
      </c>
      <c r="B101" s="15">
        <v>20</v>
      </c>
      <c r="C101" s="16">
        <v>27</v>
      </c>
      <c r="D101" s="17">
        <v>47</v>
      </c>
    </row>
    <row r="102" spans="1:4" ht="18" customHeight="1" x14ac:dyDescent="0.2">
      <c r="A102" s="18" t="s">
        <v>83</v>
      </c>
      <c r="B102" s="15">
        <v>121</v>
      </c>
      <c r="C102" s="16">
        <v>188</v>
      </c>
      <c r="D102" s="17">
        <v>309</v>
      </c>
    </row>
    <row r="103" spans="1:4" ht="18" customHeight="1" x14ac:dyDescent="0.2">
      <c r="A103" s="14">
        <v>80</v>
      </c>
      <c r="B103" s="15">
        <v>21</v>
      </c>
      <c r="C103" s="16">
        <v>36</v>
      </c>
      <c r="D103" s="17">
        <v>57</v>
      </c>
    </row>
    <row r="104" spans="1:4" ht="18" customHeight="1" x14ac:dyDescent="0.2">
      <c r="A104" s="14">
        <v>81</v>
      </c>
      <c r="B104" s="15">
        <v>27</v>
      </c>
      <c r="C104" s="16">
        <v>33</v>
      </c>
      <c r="D104" s="17">
        <v>60</v>
      </c>
    </row>
    <row r="105" spans="1:4" ht="18" customHeight="1" x14ac:dyDescent="0.2">
      <c r="A105" s="14">
        <v>82</v>
      </c>
      <c r="B105" s="15">
        <v>16</v>
      </c>
      <c r="C105" s="16">
        <v>21</v>
      </c>
      <c r="D105" s="17">
        <v>37</v>
      </c>
    </row>
    <row r="106" spans="1:4" ht="18" customHeight="1" x14ac:dyDescent="0.2">
      <c r="A106" s="14">
        <v>83</v>
      </c>
      <c r="B106" s="15">
        <v>23</v>
      </c>
      <c r="C106" s="16">
        <v>27</v>
      </c>
      <c r="D106" s="17">
        <v>50</v>
      </c>
    </row>
    <row r="107" spans="1:4" ht="18" customHeight="1" x14ac:dyDescent="0.2">
      <c r="A107" s="14">
        <v>84</v>
      </c>
      <c r="B107" s="15">
        <v>9</v>
      </c>
      <c r="C107" s="16">
        <v>26</v>
      </c>
      <c r="D107" s="17">
        <v>35</v>
      </c>
    </row>
    <row r="108" spans="1:4" ht="18" customHeight="1" x14ac:dyDescent="0.2">
      <c r="A108" s="18" t="s">
        <v>84</v>
      </c>
      <c r="B108" s="15">
        <v>96</v>
      </c>
      <c r="C108" s="16">
        <v>143</v>
      </c>
      <c r="D108" s="17">
        <v>239</v>
      </c>
    </row>
    <row r="109" spans="1:4" ht="18" customHeight="1" x14ac:dyDescent="0.2">
      <c r="A109" s="14">
        <v>85</v>
      </c>
      <c r="B109" s="15">
        <v>7</v>
      </c>
      <c r="C109" s="16">
        <v>14</v>
      </c>
      <c r="D109" s="17">
        <v>21</v>
      </c>
    </row>
    <row r="110" spans="1:4" ht="18" customHeight="1" x14ac:dyDescent="0.2">
      <c r="A110" s="14">
        <v>86</v>
      </c>
      <c r="B110" s="15">
        <v>11</v>
      </c>
      <c r="C110" s="16">
        <v>15</v>
      </c>
      <c r="D110" s="17">
        <v>26</v>
      </c>
    </row>
    <row r="111" spans="1:4" ht="18" customHeight="1" x14ac:dyDescent="0.2">
      <c r="A111" s="14">
        <v>87</v>
      </c>
      <c r="B111" s="15">
        <v>7</v>
      </c>
      <c r="C111" s="16">
        <v>20</v>
      </c>
      <c r="D111" s="17">
        <v>27</v>
      </c>
    </row>
    <row r="112" spans="1:4" ht="18" customHeight="1" x14ac:dyDescent="0.2">
      <c r="A112" s="14">
        <v>88</v>
      </c>
      <c r="B112" s="15">
        <v>9</v>
      </c>
      <c r="C112" s="16">
        <v>18</v>
      </c>
      <c r="D112" s="17">
        <v>27</v>
      </c>
    </row>
    <row r="113" spans="1:4" ht="18" customHeight="1" x14ac:dyDescent="0.2">
      <c r="A113" s="14">
        <v>89</v>
      </c>
      <c r="B113" s="15">
        <v>3</v>
      </c>
      <c r="C113" s="16">
        <v>24</v>
      </c>
      <c r="D113" s="17">
        <v>27</v>
      </c>
    </row>
    <row r="114" spans="1:4" ht="18" customHeight="1" x14ac:dyDescent="0.2">
      <c r="A114" s="18" t="s">
        <v>85</v>
      </c>
      <c r="B114" s="15">
        <v>37</v>
      </c>
      <c r="C114" s="16">
        <v>91</v>
      </c>
      <c r="D114" s="17">
        <v>128</v>
      </c>
    </row>
    <row r="115" spans="1:4" ht="18" customHeight="1" x14ac:dyDescent="0.2">
      <c r="A115" s="14">
        <v>90</v>
      </c>
      <c r="B115" s="15">
        <v>5</v>
      </c>
      <c r="C115" s="16">
        <v>17</v>
      </c>
      <c r="D115" s="17">
        <v>22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7</v>
      </c>
      <c r="D117" s="17">
        <v>9</v>
      </c>
    </row>
    <row r="118" spans="1:4" ht="18" customHeight="1" x14ac:dyDescent="0.2">
      <c r="A118" s="14">
        <v>93</v>
      </c>
      <c r="B118" s="15">
        <v>3</v>
      </c>
      <c r="C118" s="16">
        <v>5</v>
      </c>
      <c r="D118" s="17">
        <v>8</v>
      </c>
    </row>
    <row r="119" spans="1:4" ht="18" customHeight="1" x14ac:dyDescent="0.2">
      <c r="A119" s="14">
        <v>94</v>
      </c>
      <c r="B119" s="15">
        <v>3</v>
      </c>
      <c r="C119" s="16">
        <v>8</v>
      </c>
      <c r="D119" s="17">
        <v>11</v>
      </c>
    </row>
    <row r="120" spans="1:4" ht="18" customHeight="1" x14ac:dyDescent="0.2">
      <c r="A120" s="18" t="s">
        <v>86</v>
      </c>
      <c r="B120" s="15">
        <v>14</v>
      </c>
      <c r="C120" s="16">
        <v>44</v>
      </c>
      <c r="D120" s="17">
        <v>58</v>
      </c>
    </row>
    <row r="121" spans="1:4" ht="18" customHeight="1" x14ac:dyDescent="0.2">
      <c r="A121" s="14">
        <v>95</v>
      </c>
      <c r="B121" s="15">
        <v>2</v>
      </c>
      <c r="C121" s="16">
        <v>2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3</v>
      </c>
      <c r="C126" s="16">
        <v>10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90</v>
      </c>
      <c r="B130" s="4">
        <v>618</v>
      </c>
      <c r="C130" s="5">
        <v>876</v>
      </c>
      <c r="D130" s="6">
        <v>1494</v>
      </c>
    </row>
    <row r="131" spans="1:4" ht="18" customHeight="1" x14ac:dyDescent="0.2">
      <c r="A131" s="20" t="s">
        <v>65</v>
      </c>
      <c r="B131" s="7">
        <v>3057</v>
      </c>
      <c r="C131" s="8">
        <v>3277</v>
      </c>
      <c r="D131" s="9">
        <v>633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20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3</v>
      </c>
      <c r="C5" s="12">
        <v>25</v>
      </c>
      <c r="D5" s="13">
        <v>48</v>
      </c>
    </row>
    <row r="6" spans="1:4" ht="18" customHeight="1" x14ac:dyDescent="0.2">
      <c r="A6" s="14">
        <v>1</v>
      </c>
      <c r="B6" s="15">
        <v>34</v>
      </c>
      <c r="C6" s="16">
        <v>29</v>
      </c>
      <c r="D6" s="17">
        <v>63</v>
      </c>
    </row>
    <row r="7" spans="1:4" ht="18" customHeight="1" x14ac:dyDescent="0.2">
      <c r="A7" s="14">
        <v>2</v>
      </c>
      <c r="B7" s="15">
        <v>36</v>
      </c>
      <c r="C7" s="16">
        <v>36</v>
      </c>
      <c r="D7" s="17">
        <v>72</v>
      </c>
    </row>
    <row r="8" spans="1:4" ht="18" customHeight="1" x14ac:dyDescent="0.2">
      <c r="A8" s="14">
        <v>3</v>
      </c>
      <c r="B8" s="15">
        <v>31</v>
      </c>
      <c r="C8" s="16">
        <v>27</v>
      </c>
      <c r="D8" s="17">
        <v>58</v>
      </c>
    </row>
    <row r="9" spans="1:4" ht="18" customHeight="1" x14ac:dyDescent="0.2">
      <c r="A9" s="14">
        <v>4</v>
      </c>
      <c r="B9" s="15">
        <v>41</v>
      </c>
      <c r="C9" s="16">
        <v>37</v>
      </c>
      <c r="D9" s="17">
        <v>78</v>
      </c>
    </row>
    <row r="10" spans="1:4" ht="18" customHeight="1" x14ac:dyDescent="0.2">
      <c r="A10" s="18" t="s">
        <v>66</v>
      </c>
      <c r="B10" s="15">
        <v>165</v>
      </c>
      <c r="C10" s="16">
        <v>154</v>
      </c>
      <c r="D10" s="17">
        <v>319</v>
      </c>
    </row>
    <row r="11" spans="1:4" ht="18" customHeight="1" x14ac:dyDescent="0.2">
      <c r="A11" s="14">
        <v>5</v>
      </c>
      <c r="B11" s="15">
        <v>40</v>
      </c>
      <c r="C11" s="16">
        <v>48</v>
      </c>
      <c r="D11" s="17">
        <v>88</v>
      </c>
    </row>
    <row r="12" spans="1:4" ht="18" customHeight="1" x14ac:dyDescent="0.2">
      <c r="A12" s="14">
        <v>6</v>
      </c>
      <c r="B12" s="15">
        <v>46</v>
      </c>
      <c r="C12" s="16">
        <v>52</v>
      </c>
      <c r="D12" s="17">
        <v>98</v>
      </c>
    </row>
    <row r="13" spans="1:4" ht="18" customHeight="1" x14ac:dyDescent="0.2">
      <c r="A13" s="14">
        <v>7</v>
      </c>
      <c r="B13" s="15">
        <v>56</v>
      </c>
      <c r="C13" s="16">
        <v>42</v>
      </c>
      <c r="D13" s="17">
        <v>98</v>
      </c>
    </row>
    <row r="14" spans="1:4" ht="18" customHeight="1" x14ac:dyDescent="0.2">
      <c r="A14" s="14">
        <v>8</v>
      </c>
      <c r="B14" s="15">
        <v>34</v>
      </c>
      <c r="C14" s="16">
        <v>45</v>
      </c>
      <c r="D14" s="17">
        <v>79</v>
      </c>
    </row>
    <row r="15" spans="1:4" ht="18" customHeight="1" x14ac:dyDescent="0.2">
      <c r="A15" s="14">
        <v>9</v>
      </c>
      <c r="B15" s="15">
        <v>30</v>
      </c>
      <c r="C15" s="16">
        <v>50</v>
      </c>
      <c r="D15" s="17">
        <v>80</v>
      </c>
    </row>
    <row r="16" spans="1:4" ht="18" customHeight="1" x14ac:dyDescent="0.2">
      <c r="A16" s="18" t="s">
        <v>67</v>
      </c>
      <c r="B16" s="15">
        <v>206</v>
      </c>
      <c r="C16" s="16">
        <v>237</v>
      </c>
      <c r="D16" s="17">
        <v>443</v>
      </c>
    </row>
    <row r="17" spans="1:4" ht="18" customHeight="1" x14ac:dyDescent="0.2">
      <c r="A17" s="14">
        <v>10</v>
      </c>
      <c r="B17" s="15">
        <v>47</v>
      </c>
      <c r="C17" s="16">
        <v>52</v>
      </c>
      <c r="D17" s="17">
        <v>99</v>
      </c>
    </row>
    <row r="18" spans="1:4" ht="18" customHeight="1" x14ac:dyDescent="0.2">
      <c r="A18" s="14">
        <v>11</v>
      </c>
      <c r="B18" s="15">
        <v>32</v>
      </c>
      <c r="C18" s="16">
        <v>35</v>
      </c>
      <c r="D18" s="17">
        <v>67</v>
      </c>
    </row>
    <row r="19" spans="1:4" ht="18" customHeight="1" x14ac:dyDescent="0.2">
      <c r="A19" s="14">
        <v>12</v>
      </c>
      <c r="B19" s="15">
        <v>42</v>
      </c>
      <c r="C19" s="16">
        <v>43</v>
      </c>
      <c r="D19" s="17">
        <v>85</v>
      </c>
    </row>
    <row r="20" spans="1:4" ht="18" customHeight="1" x14ac:dyDescent="0.2">
      <c r="A20" s="14">
        <v>13</v>
      </c>
      <c r="B20" s="15">
        <v>49</v>
      </c>
      <c r="C20" s="16">
        <v>44</v>
      </c>
      <c r="D20" s="17">
        <v>93</v>
      </c>
    </row>
    <row r="21" spans="1:4" ht="18" customHeight="1" x14ac:dyDescent="0.2">
      <c r="A21" s="14">
        <v>14</v>
      </c>
      <c r="B21" s="15">
        <v>51</v>
      </c>
      <c r="C21" s="16">
        <v>49</v>
      </c>
      <c r="D21" s="17">
        <v>100</v>
      </c>
    </row>
    <row r="22" spans="1:4" ht="18" customHeight="1" x14ac:dyDescent="0.2">
      <c r="A22" s="18" t="s">
        <v>68</v>
      </c>
      <c r="B22" s="15">
        <v>221</v>
      </c>
      <c r="C22" s="16">
        <v>223</v>
      </c>
      <c r="D22" s="17">
        <v>444</v>
      </c>
    </row>
    <row r="23" spans="1:4" ht="18" customHeight="1" x14ac:dyDescent="0.2">
      <c r="A23" s="18" t="s">
        <v>69</v>
      </c>
      <c r="B23" s="15">
        <v>592</v>
      </c>
      <c r="C23" s="16">
        <v>614</v>
      </c>
      <c r="D23" s="17">
        <v>1206</v>
      </c>
    </row>
    <row r="24" spans="1:4" ht="18" customHeight="1" x14ac:dyDescent="0.2">
      <c r="A24" s="14">
        <v>15</v>
      </c>
      <c r="B24" s="15">
        <v>37</v>
      </c>
      <c r="C24" s="16">
        <v>40</v>
      </c>
      <c r="D24" s="17">
        <v>77</v>
      </c>
    </row>
    <row r="25" spans="1:4" ht="18" customHeight="1" x14ac:dyDescent="0.2">
      <c r="A25" s="14">
        <v>16</v>
      </c>
      <c r="B25" s="15">
        <v>45</v>
      </c>
      <c r="C25" s="16">
        <v>33</v>
      </c>
      <c r="D25" s="17">
        <v>78</v>
      </c>
    </row>
    <row r="26" spans="1:4" ht="18" customHeight="1" x14ac:dyDescent="0.2">
      <c r="A26" s="14">
        <v>17</v>
      </c>
      <c r="B26" s="15">
        <v>60</v>
      </c>
      <c r="C26" s="16">
        <v>33</v>
      </c>
      <c r="D26" s="17">
        <v>93</v>
      </c>
    </row>
    <row r="27" spans="1:4" ht="18" customHeight="1" x14ac:dyDescent="0.2">
      <c r="A27" s="14">
        <v>18</v>
      </c>
      <c r="B27" s="15">
        <v>41</v>
      </c>
      <c r="C27" s="16">
        <v>30</v>
      </c>
      <c r="D27" s="17">
        <v>71</v>
      </c>
    </row>
    <row r="28" spans="1:4" ht="18" customHeight="1" x14ac:dyDescent="0.2">
      <c r="A28" s="14">
        <v>19</v>
      </c>
      <c r="B28" s="15">
        <v>35</v>
      </c>
      <c r="C28" s="16">
        <v>31</v>
      </c>
      <c r="D28" s="17">
        <v>66</v>
      </c>
    </row>
    <row r="29" spans="1:4" ht="18" customHeight="1" x14ac:dyDescent="0.2">
      <c r="A29" s="18" t="s">
        <v>70</v>
      </c>
      <c r="B29" s="15">
        <v>218</v>
      </c>
      <c r="C29" s="16">
        <v>167</v>
      </c>
      <c r="D29" s="17">
        <v>385</v>
      </c>
    </row>
    <row r="30" spans="1:4" ht="18" customHeight="1" x14ac:dyDescent="0.2">
      <c r="A30" s="14">
        <v>20</v>
      </c>
      <c r="B30" s="15">
        <v>43</v>
      </c>
      <c r="C30" s="16">
        <v>32</v>
      </c>
      <c r="D30" s="17">
        <v>75</v>
      </c>
    </row>
    <row r="31" spans="1:4" ht="18" customHeight="1" x14ac:dyDescent="0.2">
      <c r="A31" s="14">
        <v>21</v>
      </c>
      <c r="B31" s="15">
        <v>34</v>
      </c>
      <c r="C31" s="16">
        <v>36</v>
      </c>
      <c r="D31" s="17">
        <v>70</v>
      </c>
    </row>
    <row r="32" spans="1:4" ht="18" customHeight="1" x14ac:dyDescent="0.2">
      <c r="A32" s="14">
        <v>22</v>
      </c>
      <c r="B32" s="15">
        <v>37</v>
      </c>
      <c r="C32" s="16">
        <v>41</v>
      </c>
      <c r="D32" s="17">
        <v>78</v>
      </c>
    </row>
    <row r="33" spans="1:4" ht="18" customHeight="1" x14ac:dyDescent="0.2">
      <c r="A33" s="14">
        <v>23</v>
      </c>
      <c r="B33" s="15">
        <v>37</v>
      </c>
      <c r="C33" s="16">
        <v>33</v>
      </c>
      <c r="D33" s="17">
        <v>70</v>
      </c>
    </row>
    <row r="34" spans="1:4" ht="18" customHeight="1" x14ac:dyDescent="0.2">
      <c r="A34" s="14">
        <v>24</v>
      </c>
      <c r="B34" s="15">
        <v>33</v>
      </c>
      <c r="C34" s="16">
        <v>37</v>
      </c>
      <c r="D34" s="17">
        <v>70</v>
      </c>
    </row>
    <row r="35" spans="1:4" ht="18" customHeight="1" x14ac:dyDescent="0.2">
      <c r="A35" s="18" t="s">
        <v>71</v>
      </c>
      <c r="B35" s="15">
        <v>184</v>
      </c>
      <c r="C35" s="16">
        <v>179</v>
      </c>
      <c r="D35" s="17">
        <v>363</v>
      </c>
    </row>
    <row r="36" spans="1:4" ht="18" customHeight="1" x14ac:dyDescent="0.2">
      <c r="A36" s="14">
        <v>25</v>
      </c>
      <c r="B36" s="15">
        <v>55</v>
      </c>
      <c r="C36" s="16">
        <v>44</v>
      </c>
      <c r="D36" s="17">
        <v>99</v>
      </c>
    </row>
    <row r="37" spans="1:4" ht="18" customHeight="1" x14ac:dyDescent="0.2">
      <c r="A37" s="14">
        <v>26</v>
      </c>
      <c r="B37" s="15">
        <v>54</v>
      </c>
      <c r="C37" s="16">
        <v>42</v>
      </c>
      <c r="D37" s="17">
        <v>96</v>
      </c>
    </row>
    <row r="38" spans="1:4" ht="18" customHeight="1" x14ac:dyDescent="0.2">
      <c r="A38" s="14">
        <v>27</v>
      </c>
      <c r="B38" s="15">
        <v>46</v>
      </c>
      <c r="C38" s="16">
        <v>38</v>
      </c>
      <c r="D38" s="17">
        <v>84</v>
      </c>
    </row>
    <row r="39" spans="1:4" ht="18" customHeight="1" x14ac:dyDescent="0.2">
      <c r="A39" s="14">
        <v>28</v>
      </c>
      <c r="B39" s="15">
        <v>47</v>
      </c>
      <c r="C39" s="16">
        <v>34</v>
      </c>
      <c r="D39" s="17">
        <v>81</v>
      </c>
    </row>
    <row r="40" spans="1:4" ht="18" customHeight="1" x14ac:dyDescent="0.2">
      <c r="A40" s="14">
        <v>29</v>
      </c>
      <c r="B40" s="15">
        <v>39</v>
      </c>
      <c r="C40" s="16">
        <v>31</v>
      </c>
      <c r="D40" s="17">
        <v>70</v>
      </c>
    </row>
    <row r="41" spans="1:4" ht="18" customHeight="1" x14ac:dyDescent="0.2">
      <c r="A41" s="18" t="s">
        <v>72</v>
      </c>
      <c r="B41" s="15">
        <v>241</v>
      </c>
      <c r="C41" s="16">
        <v>189</v>
      </c>
      <c r="D41" s="17">
        <v>430</v>
      </c>
    </row>
    <row r="42" spans="1:4" ht="18" customHeight="1" x14ac:dyDescent="0.2">
      <c r="A42" s="14">
        <v>30</v>
      </c>
      <c r="B42" s="15">
        <v>42</v>
      </c>
      <c r="C42" s="16">
        <v>42</v>
      </c>
      <c r="D42" s="17">
        <v>84</v>
      </c>
    </row>
    <row r="43" spans="1:4" ht="18" customHeight="1" x14ac:dyDescent="0.2">
      <c r="A43" s="14">
        <v>31</v>
      </c>
      <c r="B43" s="15">
        <v>61</v>
      </c>
      <c r="C43" s="16">
        <v>37</v>
      </c>
      <c r="D43" s="17">
        <v>98</v>
      </c>
    </row>
    <row r="44" spans="1:4" ht="18" customHeight="1" x14ac:dyDescent="0.2">
      <c r="A44" s="14">
        <v>32</v>
      </c>
      <c r="B44" s="15">
        <v>57</v>
      </c>
      <c r="C44" s="16">
        <v>58</v>
      </c>
      <c r="D44" s="17">
        <v>115</v>
      </c>
    </row>
    <row r="45" spans="1:4" ht="18" customHeight="1" x14ac:dyDescent="0.2">
      <c r="A45" s="14">
        <v>33</v>
      </c>
      <c r="B45" s="15">
        <v>57</v>
      </c>
      <c r="C45" s="16">
        <v>55</v>
      </c>
      <c r="D45" s="17">
        <v>112</v>
      </c>
    </row>
    <row r="46" spans="1:4" ht="18" customHeight="1" x14ac:dyDescent="0.2">
      <c r="A46" s="14">
        <v>34</v>
      </c>
      <c r="B46" s="15">
        <v>62</v>
      </c>
      <c r="C46" s="16">
        <v>56</v>
      </c>
      <c r="D46" s="17">
        <v>118</v>
      </c>
    </row>
    <row r="47" spans="1:4" ht="18" customHeight="1" x14ac:dyDescent="0.2">
      <c r="A47" s="18" t="s">
        <v>73</v>
      </c>
      <c r="B47" s="15">
        <v>279</v>
      </c>
      <c r="C47" s="16">
        <v>248</v>
      </c>
      <c r="D47" s="17">
        <v>527</v>
      </c>
    </row>
    <row r="48" spans="1:4" ht="18" customHeight="1" x14ac:dyDescent="0.2">
      <c r="A48" s="14">
        <v>35</v>
      </c>
      <c r="B48" s="15">
        <v>62</v>
      </c>
      <c r="C48" s="16">
        <v>48</v>
      </c>
      <c r="D48" s="17">
        <v>110</v>
      </c>
    </row>
    <row r="49" spans="1:4" ht="18" customHeight="1" x14ac:dyDescent="0.2">
      <c r="A49" s="14">
        <v>36</v>
      </c>
      <c r="B49" s="15">
        <v>63</v>
      </c>
      <c r="C49" s="16">
        <v>73</v>
      </c>
      <c r="D49" s="17">
        <v>136</v>
      </c>
    </row>
    <row r="50" spans="1:4" ht="18" customHeight="1" x14ac:dyDescent="0.2">
      <c r="A50" s="14">
        <v>37</v>
      </c>
      <c r="B50" s="15">
        <v>64</v>
      </c>
      <c r="C50" s="16">
        <v>68</v>
      </c>
      <c r="D50" s="17">
        <v>132</v>
      </c>
    </row>
    <row r="51" spans="1:4" ht="18" customHeight="1" x14ac:dyDescent="0.2">
      <c r="A51" s="14">
        <v>38</v>
      </c>
      <c r="B51" s="15">
        <v>79</v>
      </c>
      <c r="C51" s="16">
        <v>65</v>
      </c>
      <c r="D51" s="17">
        <v>144</v>
      </c>
    </row>
    <row r="52" spans="1:4" ht="18" customHeight="1" x14ac:dyDescent="0.2">
      <c r="A52" s="14">
        <v>39</v>
      </c>
      <c r="B52" s="15">
        <v>67</v>
      </c>
      <c r="C52" s="16">
        <v>53</v>
      </c>
      <c r="D52" s="17">
        <v>120</v>
      </c>
    </row>
    <row r="53" spans="1:4" ht="18" customHeight="1" x14ac:dyDescent="0.2">
      <c r="A53" s="18" t="s">
        <v>74</v>
      </c>
      <c r="B53" s="15">
        <v>335</v>
      </c>
      <c r="C53" s="16">
        <v>307</v>
      </c>
      <c r="D53" s="17">
        <v>642</v>
      </c>
    </row>
    <row r="54" spans="1:4" ht="18" customHeight="1" x14ac:dyDescent="0.2">
      <c r="A54" s="14">
        <v>40</v>
      </c>
      <c r="B54" s="15">
        <v>60</v>
      </c>
      <c r="C54" s="16">
        <v>77</v>
      </c>
      <c r="D54" s="17">
        <v>137</v>
      </c>
    </row>
    <row r="55" spans="1:4" ht="18" customHeight="1" x14ac:dyDescent="0.2">
      <c r="A55" s="14">
        <v>41</v>
      </c>
      <c r="B55" s="15">
        <v>63</v>
      </c>
      <c r="C55" s="16">
        <v>62</v>
      </c>
      <c r="D55" s="17">
        <v>125</v>
      </c>
    </row>
    <row r="56" spans="1:4" ht="18" customHeight="1" x14ac:dyDescent="0.2">
      <c r="A56" s="14">
        <v>42</v>
      </c>
      <c r="B56" s="15">
        <v>73</v>
      </c>
      <c r="C56" s="16">
        <v>62</v>
      </c>
      <c r="D56" s="17">
        <v>135</v>
      </c>
    </row>
    <row r="57" spans="1:4" ht="18" customHeight="1" x14ac:dyDescent="0.2">
      <c r="A57" s="14">
        <v>43</v>
      </c>
      <c r="B57" s="15">
        <v>55</v>
      </c>
      <c r="C57" s="16">
        <v>53</v>
      </c>
      <c r="D57" s="17">
        <v>108</v>
      </c>
    </row>
    <row r="58" spans="1:4" ht="18" customHeight="1" x14ac:dyDescent="0.2">
      <c r="A58" s="14">
        <v>44</v>
      </c>
      <c r="B58" s="15">
        <v>48</v>
      </c>
      <c r="C58" s="16">
        <v>51</v>
      </c>
      <c r="D58" s="17">
        <v>99</v>
      </c>
    </row>
    <row r="59" spans="1:4" ht="18" customHeight="1" x14ac:dyDescent="0.2">
      <c r="A59" s="18" t="s">
        <v>75</v>
      </c>
      <c r="B59" s="15">
        <v>299</v>
      </c>
      <c r="C59" s="16">
        <v>305</v>
      </c>
      <c r="D59" s="17">
        <v>604</v>
      </c>
    </row>
    <row r="60" spans="1:4" ht="18" customHeight="1" x14ac:dyDescent="0.2">
      <c r="A60" s="14">
        <v>45</v>
      </c>
      <c r="B60" s="15">
        <v>42</v>
      </c>
      <c r="C60" s="16">
        <v>48</v>
      </c>
      <c r="D60" s="17">
        <v>90</v>
      </c>
    </row>
    <row r="61" spans="1:4" ht="18" customHeight="1" x14ac:dyDescent="0.2">
      <c r="A61" s="14">
        <v>46</v>
      </c>
      <c r="B61" s="15">
        <v>46</v>
      </c>
      <c r="C61" s="16">
        <v>44</v>
      </c>
      <c r="D61" s="17">
        <v>90</v>
      </c>
    </row>
    <row r="62" spans="1:4" ht="18" customHeight="1" x14ac:dyDescent="0.2">
      <c r="A62" s="14">
        <v>47</v>
      </c>
      <c r="B62" s="15">
        <v>55</v>
      </c>
      <c r="C62" s="16">
        <v>38</v>
      </c>
      <c r="D62" s="17">
        <v>93</v>
      </c>
    </row>
    <row r="63" spans="1:4" ht="18" customHeight="1" x14ac:dyDescent="0.2">
      <c r="A63" s="14">
        <v>48</v>
      </c>
      <c r="B63" s="15">
        <v>52</v>
      </c>
      <c r="C63" s="16">
        <v>39</v>
      </c>
      <c r="D63" s="17">
        <v>91</v>
      </c>
    </row>
    <row r="64" spans="1:4" ht="18" customHeight="1" x14ac:dyDescent="0.2">
      <c r="A64" s="14">
        <v>49</v>
      </c>
      <c r="B64" s="15">
        <v>53</v>
      </c>
      <c r="C64" s="16">
        <v>48</v>
      </c>
      <c r="D64" s="17">
        <v>101</v>
      </c>
    </row>
    <row r="65" spans="1:4" ht="18" customHeight="1" x14ac:dyDescent="0.2">
      <c r="A65" s="18" t="s">
        <v>76</v>
      </c>
      <c r="B65" s="15">
        <v>248</v>
      </c>
      <c r="C65" s="16">
        <v>217</v>
      </c>
      <c r="D65" s="17">
        <v>465</v>
      </c>
    </row>
    <row r="66" spans="1:4" ht="18" customHeight="1" x14ac:dyDescent="0.2">
      <c r="A66" s="14">
        <v>50</v>
      </c>
      <c r="B66" s="15">
        <v>54</v>
      </c>
      <c r="C66" s="16">
        <v>59</v>
      </c>
      <c r="D66" s="17">
        <v>113</v>
      </c>
    </row>
    <row r="67" spans="1:4" ht="18" customHeight="1" x14ac:dyDescent="0.2">
      <c r="A67" s="14">
        <v>51</v>
      </c>
      <c r="B67" s="15">
        <v>52</v>
      </c>
      <c r="C67" s="16">
        <v>40</v>
      </c>
      <c r="D67" s="17">
        <v>92</v>
      </c>
    </row>
    <row r="68" spans="1:4" ht="18" customHeight="1" x14ac:dyDescent="0.2">
      <c r="A68" s="14">
        <v>52</v>
      </c>
      <c r="B68" s="15">
        <v>45</v>
      </c>
      <c r="C68" s="16">
        <v>50</v>
      </c>
      <c r="D68" s="17">
        <v>95</v>
      </c>
    </row>
    <row r="69" spans="1:4" ht="18" customHeight="1" x14ac:dyDescent="0.2">
      <c r="A69" s="14">
        <v>53</v>
      </c>
      <c r="B69" s="15">
        <v>52</v>
      </c>
      <c r="C69" s="16">
        <v>53</v>
      </c>
      <c r="D69" s="17">
        <v>105</v>
      </c>
    </row>
    <row r="70" spans="1:4" ht="18" customHeight="1" x14ac:dyDescent="0.2">
      <c r="A70" s="14">
        <v>54</v>
      </c>
      <c r="B70" s="15">
        <v>42</v>
      </c>
      <c r="C70" s="16">
        <v>63</v>
      </c>
      <c r="D70" s="17">
        <v>105</v>
      </c>
    </row>
    <row r="71" spans="1:4" ht="18" customHeight="1" x14ac:dyDescent="0.2">
      <c r="A71" s="18" t="s">
        <v>77</v>
      </c>
      <c r="B71" s="15">
        <v>245</v>
      </c>
      <c r="C71" s="16">
        <v>265</v>
      </c>
      <c r="D71" s="17">
        <v>510</v>
      </c>
    </row>
    <row r="72" spans="1:4" ht="18" customHeight="1" x14ac:dyDescent="0.2">
      <c r="A72" s="14">
        <v>55</v>
      </c>
      <c r="B72" s="15">
        <v>53</v>
      </c>
      <c r="C72" s="16">
        <v>53</v>
      </c>
      <c r="D72" s="17">
        <v>106</v>
      </c>
    </row>
    <row r="73" spans="1:4" ht="18" customHeight="1" x14ac:dyDescent="0.2">
      <c r="A73" s="14">
        <v>56</v>
      </c>
      <c r="B73" s="15">
        <v>59</v>
      </c>
      <c r="C73" s="16">
        <v>60</v>
      </c>
      <c r="D73" s="17">
        <v>119</v>
      </c>
    </row>
    <row r="74" spans="1:4" ht="18" customHeight="1" x14ac:dyDescent="0.2">
      <c r="A74" s="14">
        <v>57</v>
      </c>
      <c r="B74" s="15">
        <v>59</v>
      </c>
      <c r="C74" s="16">
        <v>53</v>
      </c>
      <c r="D74" s="17">
        <v>112</v>
      </c>
    </row>
    <row r="75" spans="1:4" ht="18" customHeight="1" x14ac:dyDescent="0.2">
      <c r="A75" s="14">
        <v>58</v>
      </c>
      <c r="B75" s="15">
        <v>68</v>
      </c>
      <c r="C75" s="16">
        <v>63</v>
      </c>
      <c r="D75" s="17">
        <v>131</v>
      </c>
    </row>
    <row r="76" spans="1:4" ht="18" customHeight="1" x14ac:dyDescent="0.2">
      <c r="A76" s="14">
        <v>59</v>
      </c>
      <c r="B76" s="15">
        <v>69</v>
      </c>
      <c r="C76" s="16">
        <v>85</v>
      </c>
      <c r="D76" s="17">
        <v>154</v>
      </c>
    </row>
    <row r="77" spans="1:4" ht="18" customHeight="1" x14ac:dyDescent="0.2">
      <c r="A77" s="18" t="s">
        <v>78</v>
      </c>
      <c r="B77" s="15">
        <v>308</v>
      </c>
      <c r="C77" s="16">
        <v>314</v>
      </c>
      <c r="D77" s="17">
        <v>622</v>
      </c>
    </row>
    <row r="78" spans="1:4" ht="18" customHeight="1" x14ac:dyDescent="0.2">
      <c r="A78" s="14">
        <v>60</v>
      </c>
      <c r="B78" s="15">
        <v>88</v>
      </c>
      <c r="C78" s="16">
        <v>93</v>
      </c>
      <c r="D78" s="17">
        <v>181</v>
      </c>
    </row>
    <row r="79" spans="1:4" ht="18" customHeight="1" x14ac:dyDescent="0.2">
      <c r="A79" s="14">
        <v>61</v>
      </c>
      <c r="B79" s="15">
        <v>85</v>
      </c>
      <c r="C79" s="16">
        <v>95</v>
      </c>
      <c r="D79" s="17">
        <v>180</v>
      </c>
    </row>
    <row r="80" spans="1:4" ht="18" customHeight="1" x14ac:dyDescent="0.2">
      <c r="A80" s="14">
        <v>62</v>
      </c>
      <c r="B80" s="15">
        <v>96</v>
      </c>
      <c r="C80" s="16">
        <v>74</v>
      </c>
      <c r="D80" s="17">
        <v>170</v>
      </c>
    </row>
    <row r="81" spans="1:4" ht="18" customHeight="1" x14ac:dyDescent="0.2">
      <c r="A81" s="14">
        <v>63</v>
      </c>
      <c r="B81" s="15">
        <v>48</v>
      </c>
      <c r="C81" s="16">
        <v>39</v>
      </c>
      <c r="D81" s="17">
        <v>87</v>
      </c>
    </row>
    <row r="82" spans="1:4" ht="18" customHeight="1" x14ac:dyDescent="0.2">
      <c r="A82" s="14">
        <v>64</v>
      </c>
      <c r="B82" s="15">
        <v>56</v>
      </c>
      <c r="C82" s="16">
        <v>48</v>
      </c>
      <c r="D82" s="17">
        <v>104</v>
      </c>
    </row>
    <row r="83" spans="1:4" ht="18" customHeight="1" x14ac:dyDescent="0.2">
      <c r="A83" s="18" t="s">
        <v>79</v>
      </c>
      <c r="B83" s="15">
        <v>373</v>
      </c>
      <c r="C83" s="16">
        <v>349</v>
      </c>
      <c r="D83" s="17">
        <v>722</v>
      </c>
    </row>
    <row r="84" spans="1:4" ht="18" customHeight="1" x14ac:dyDescent="0.2">
      <c r="A84" s="18" t="s">
        <v>80</v>
      </c>
      <c r="B84" s="15">
        <v>2730</v>
      </c>
      <c r="C84" s="16">
        <v>2540</v>
      </c>
      <c r="D84" s="17">
        <v>5270</v>
      </c>
    </row>
    <row r="85" spans="1:4" ht="18" customHeight="1" x14ac:dyDescent="0.2">
      <c r="A85" s="14">
        <v>65</v>
      </c>
      <c r="B85" s="15">
        <v>61</v>
      </c>
      <c r="C85" s="16">
        <v>68</v>
      </c>
      <c r="D85" s="17">
        <v>129</v>
      </c>
    </row>
    <row r="86" spans="1:4" ht="18" customHeight="1" x14ac:dyDescent="0.2">
      <c r="A86" s="14">
        <v>66</v>
      </c>
      <c r="B86" s="15">
        <v>52</v>
      </c>
      <c r="C86" s="16">
        <v>49</v>
      </c>
      <c r="D86" s="17">
        <v>101</v>
      </c>
    </row>
    <row r="87" spans="1:4" ht="18" customHeight="1" x14ac:dyDescent="0.2">
      <c r="A87" s="14">
        <v>67</v>
      </c>
      <c r="B87" s="15">
        <v>69</v>
      </c>
      <c r="C87" s="16">
        <v>67</v>
      </c>
      <c r="D87" s="17">
        <v>136</v>
      </c>
    </row>
    <row r="88" spans="1:4" ht="18" customHeight="1" x14ac:dyDescent="0.2">
      <c r="A88" s="14">
        <v>68</v>
      </c>
      <c r="B88" s="15">
        <v>58</v>
      </c>
      <c r="C88" s="16">
        <v>59</v>
      </c>
      <c r="D88" s="17">
        <v>117</v>
      </c>
    </row>
    <row r="89" spans="1:4" ht="18" customHeight="1" x14ac:dyDescent="0.2">
      <c r="A89" s="14">
        <v>69</v>
      </c>
      <c r="B89" s="15">
        <v>41</v>
      </c>
      <c r="C89" s="16">
        <v>51</v>
      </c>
      <c r="D89" s="17">
        <v>92</v>
      </c>
    </row>
    <row r="90" spans="1:4" ht="18" customHeight="1" x14ac:dyDescent="0.2">
      <c r="A90" s="18" t="s">
        <v>81</v>
      </c>
      <c r="B90" s="15">
        <v>281</v>
      </c>
      <c r="C90" s="16">
        <v>294</v>
      </c>
      <c r="D90" s="17">
        <v>575</v>
      </c>
    </row>
    <row r="91" spans="1:4" ht="18" customHeight="1" x14ac:dyDescent="0.2">
      <c r="A91" s="14">
        <v>70</v>
      </c>
      <c r="B91" s="15">
        <v>35</v>
      </c>
      <c r="C91" s="16">
        <v>37</v>
      </c>
      <c r="D91" s="17">
        <v>72</v>
      </c>
    </row>
    <row r="92" spans="1:4" ht="18" customHeight="1" x14ac:dyDescent="0.2">
      <c r="A92" s="14">
        <v>71</v>
      </c>
      <c r="B92" s="15">
        <v>38</v>
      </c>
      <c r="C92" s="16">
        <v>41</v>
      </c>
      <c r="D92" s="17">
        <v>79</v>
      </c>
    </row>
    <row r="93" spans="1:4" ht="18" customHeight="1" x14ac:dyDescent="0.2">
      <c r="A93" s="14">
        <v>72</v>
      </c>
      <c r="B93" s="15">
        <v>43</v>
      </c>
      <c r="C93" s="16">
        <v>45</v>
      </c>
      <c r="D93" s="17">
        <v>88</v>
      </c>
    </row>
    <row r="94" spans="1:4" ht="18" customHeight="1" x14ac:dyDescent="0.2">
      <c r="A94" s="14">
        <v>73</v>
      </c>
      <c r="B94" s="15">
        <v>39</v>
      </c>
      <c r="C94" s="16">
        <v>46</v>
      </c>
      <c r="D94" s="17">
        <v>85</v>
      </c>
    </row>
    <row r="95" spans="1:4" ht="18" customHeight="1" x14ac:dyDescent="0.2">
      <c r="A95" s="14">
        <v>74</v>
      </c>
      <c r="B95" s="15">
        <v>37</v>
      </c>
      <c r="C95" s="16">
        <v>35</v>
      </c>
      <c r="D95" s="17">
        <v>72</v>
      </c>
    </row>
    <row r="96" spans="1:4" ht="18" customHeight="1" x14ac:dyDescent="0.2">
      <c r="A96" s="18" t="s">
        <v>82</v>
      </c>
      <c r="B96" s="15">
        <v>192</v>
      </c>
      <c r="C96" s="16">
        <v>204</v>
      </c>
      <c r="D96" s="17">
        <v>396</v>
      </c>
    </row>
    <row r="97" spans="1:4" ht="18" customHeight="1" x14ac:dyDescent="0.2">
      <c r="A97" s="14">
        <v>75</v>
      </c>
      <c r="B97" s="15">
        <v>28</v>
      </c>
      <c r="C97" s="16">
        <v>34</v>
      </c>
      <c r="D97" s="17">
        <v>62</v>
      </c>
    </row>
    <row r="98" spans="1:4" ht="18" customHeight="1" x14ac:dyDescent="0.2">
      <c r="A98" s="14">
        <v>76</v>
      </c>
      <c r="B98" s="15">
        <v>25</v>
      </c>
      <c r="C98" s="16">
        <v>30</v>
      </c>
      <c r="D98" s="17">
        <v>55</v>
      </c>
    </row>
    <row r="99" spans="1:4" ht="18" customHeight="1" x14ac:dyDescent="0.2">
      <c r="A99" s="14">
        <v>77</v>
      </c>
      <c r="B99" s="15">
        <v>32</v>
      </c>
      <c r="C99" s="16">
        <v>44</v>
      </c>
      <c r="D99" s="17">
        <v>76</v>
      </c>
    </row>
    <row r="100" spans="1:4" ht="18" customHeight="1" x14ac:dyDescent="0.2">
      <c r="A100" s="14">
        <v>78</v>
      </c>
      <c r="B100" s="15">
        <v>28</v>
      </c>
      <c r="C100" s="16">
        <v>30</v>
      </c>
      <c r="D100" s="17">
        <v>58</v>
      </c>
    </row>
    <row r="101" spans="1:4" ht="18" customHeight="1" x14ac:dyDescent="0.2">
      <c r="A101" s="14">
        <v>79</v>
      </c>
      <c r="B101" s="15">
        <v>22</v>
      </c>
      <c r="C101" s="16">
        <v>25</v>
      </c>
      <c r="D101" s="17">
        <v>47</v>
      </c>
    </row>
    <row r="102" spans="1:4" ht="18" customHeight="1" x14ac:dyDescent="0.2">
      <c r="A102" s="18" t="s">
        <v>83</v>
      </c>
      <c r="B102" s="15">
        <v>135</v>
      </c>
      <c r="C102" s="16">
        <v>163</v>
      </c>
      <c r="D102" s="17">
        <v>298</v>
      </c>
    </row>
    <row r="103" spans="1:4" ht="18" customHeight="1" x14ac:dyDescent="0.2">
      <c r="A103" s="14">
        <v>80</v>
      </c>
      <c r="B103" s="15">
        <v>15</v>
      </c>
      <c r="C103" s="16">
        <v>42</v>
      </c>
      <c r="D103" s="17">
        <v>57</v>
      </c>
    </row>
    <row r="104" spans="1:4" ht="18" customHeight="1" x14ac:dyDescent="0.2">
      <c r="A104" s="14">
        <v>81</v>
      </c>
      <c r="B104" s="15">
        <v>17</v>
      </c>
      <c r="C104" s="16">
        <v>23</v>
      </c>
      <c r="D104" s="17">
        <v>40</v>
      </c>
    </row>
    <row r="105" spans="1:4" ht="18" customHeight="1" x14ac:dyDescent="0.2">
      <c r="A105" s="14">
        <v>82</v>
      </c>
      <c r="B105" s="15">
        <v>17</v>
      </c>
      <c r="C105" s="16">
        <v>39</v>
      </c>
      <c r="D105" s="17">
        <v>56</v>
      </c>
    </row>
    <row r="106" spans="1:4" ht="18" customHeight="1" x14ac:dyDescent="0.2">
      <c r="A106" s="14">
        <v>83</v>
      </c>
      <c r="B106" s="15">
        <v>11</v>
      </c>
      <c r="C106" s="16">
        <v>33</v>
      </c>
      <c r="D106" s="17">
        <v>44</v>
      </c>
    </row>
    <row r="107" spans="1:4" ht="18" customHeight="1" x14ac:dyDescent="0.2">
      <c r="A107" s="14">
        <v>84</v>
      </c>
      <c r="B107" s="15">
        <v>14</v>
      </c>
      <c r="C107" s="16">
        <v>31</v>
      </c>
      <c r="D107" s="17">
        <v>45</v>
      </c>
    </row>
    <row r="108" spans="1:4" ht="18" customHeight="1" x14ac:dyDescent="0.2">
      <c r="A108" s="18" t="s">
        <v>84</v>
      </c>
      <c r="B108" s="15">
        <v>74</v>
      </c>
      <c r="C108" s="16">
        <v>168</v>
      </c>
      <c r="D108" s="17">
        <v>242</v>
      </c>
    </row>
    <row r="109" spans="1:4" ht="18" customHeight="1" x14ac:dyDescent="0.2">
      <c r="A109" s="14">
        <v>85</v>
      </c>
      <c r="B109" s="15">
        <v>12</v>
      </c>
      <c r="C109" s="16">
        <v>25</v>
      </c>
      <c r="D109" s="17">
        <v>37</v>
      </c>
    </row>
    <row r="110" spans="1:4" ht="18" customHeight="1" x14ac:dyDescent="0.2">
      <c r="A110" s="14">
        <v>86</v>
      </c>
      <c r="B110" s="15">
        <v>9</v>
      </c>
      <c r="C110" s="16">
        <v>19</v>
      </c>
      <c r="D110" s="17">
        <v>28</v>
      </c>
    </row>
    <row r="111" spans="1:4" ht="18" customHeight="1" x14ac:dyDescent="0.2">
      <c r="A111" s="14">
        <v>87</v>
      </c>
      <c r="B111" s="15">
        <v>9</v>
      </c>
      <c r="C111" s="16">
        <v>17</v>
      </c>
      <c r="D111" s="17">
        <v>26</v>
      </c>
    </row>
    <row r="112" spans="1:4" ht="18" customHeight="1" x14ac:dyDescent="0.2">
      <c r="A112" s="14">
        <v>88</v>
      </c>
      <c r="B112" s="15">
        <v>8</v>
      </c>
      <c r="C112" s="16">
        <v>30</v>
      </c>
      <c r="D112" s="17">
        <v>38</v>
      </c>
    </row>
    <row r="113" spans="1:4" ht="18" customHeight="1" x14ac:dyDescent="0.2">
      <c r="A113" s="14">
        <v>89</v>
      </c>
      <c r="B113" s="15">
        <v>9</v>
      </c>
      <c r="C113" s="16">
        <v>22</v>
      </c>
      <c r="D113" s="17">
        <v>31</v>
      </c>
    </row>
    <row r="114" spans="1:4" ht="18" customHeight="1" x14ac:dyDescent="0.2">
      <c r="A114" s="18" t="s">
        <v>85</v>
      </c>
      <c r="B114" s="15">
        <v>47</v>
      </c>
      <c r="C114" s="16">
        <v>113</v>
      </c>
      <c r="D114" s="17">
        <v>160</v>
      </c>
    </row>
    <row r="115" spans="1:4" ht="18" customHeight="1" x14ac:dyDescent="0.2">
      <c r="A115" s="14">
        <v>90</v>
      </c>
      <c r="B115" s="15">
        <v>7</v>
      </c>
      <c r="C115" s="16">
        <v>10</v>
      </c>
      <c r="D115" s="17">
        <v>17</v>
      </c>
    </row>
    <row r="116" spans="1:4" ht="18" customHeight="1" x14ac:dyDescent="0.2">
      <c r="A116" s="14">
        <v>91</v>
      </c>
      <c r="B116" s="15">
        <v>3</v>
      </c>
      <c r="C116" s="16">
        <v>10</v>
      </c>
      <c r="D116" s="17">
        <v>13</v>
      </c>
    </row>
    <row r="117" spans="1:4" ht="18" customHeight="1" x14ac:dyDescent="0.2">
      <c r="A117" s="14">
        <v>92</v>
      </c>
      <c r="B117" s="15">
        <v>6</v>
      </c>
      <c r="C117" s="16">
        <v>7</v>
      </c>
      <c r="D117" s="17">
        <v>13</v>
      </c>
    </row>
    <row r="118" spans="1:4" ht="18" customHeight="1" x14ac:dyDescent="0.2">
      <c r="A118" s="14">
        <v>93</v>
      </c>
      <c r="B118" s="15">
        <v>2</v>
      </c>
      <c r="C118" s="16">
        <v>4</v>
      </c>
      <c r="D118" s="17">
        <v>6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86</v>
      </c>
      <c r="B120" s="15">
        <v>20</v>
      </c>
      <c r="C120" s="16">
        <v>37</v>
      </c>
      <c r="D120" s="17">
        <v>57</v>
      </c>
    </row>
    <row r="121" spans="1:4" ht="18" customHeight="1" x14ac:dyDescent="0.2">
      <c r="A121" s="14">
        <v>95</v>
      </c>
      <c r="B121" s="15">
        <v>2</v>
      </c>
      <c r="C121" s="16">
        <v>3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3</v>
      </c>
      <c r="C126" s="16">
        <v>14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752</v>
      </c>
      <c r="C130" s="5">
        <v>995</v>
      </c>
      <c r="D130" s="6">
        <v>1747</v>
      </c>
    </row>
    <row r="131" spans="1:4" ht="18" customHeight="1" x14ac:dyDescent="0.2">
      <c r="A131" s="20" t="s">
        <v>65</v>
      </c>
      <c r="B131" s="7">
        <v>4074</v>
      </c>
      <c r="C131" s="8">
        <v>4149</v>
      </c>
      <c r="D131" s="9">
        <v>822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21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8</v>
      </c>
      <c r="C5" s="12">
        <v>4</v>
      </c>
      <c r="D5" s="13">
        <v>12</v>
      </c>
    </row>
    <row r="6" spans="1:4" ht="18" customHeight="1" x14ac:dyDescent="0.2">
      <c r="A6" s="14">
        <v>1</v>
      </c>
      <c r="B6" s="15">
        <v>6</v>
      </c>
      <c r="C6" s="16">
        <v>10</v>
      </c>
      <c r="D6" s="17">
        <v>16</v>
      </c>
    </row>
    <row r="7" spans="1:4" ht="18" customHeight="1" x14ac:dyDescent="0.2">
      <c r="A7" s="14">
        <v>2</v>
      </c>
      <c r="B7" s="15">
        <v>7</v>
      </c>
      <c r="C7" s="16">
        <v>7</v>
      </c>
      <c r="D7" s="17">
        <v>14</v>
      </c>
    </row>
    <row r="8" spans="1:4" ht="18" customHeight="1" x14ac:dyDescent="0.2">
      <c r="A8" s="14">
        <v>3</v>
      </c>
      <c r="B8" s="15">
        <v>12</v>
      </c>
      <c r="C8" s="16">
        <v>19</v>
      </c>
      <c r="D8" s="17">
        <v>31</v>
      </c>
    </row>
    <row r="9" spans="1:4" ht="18" customHeight="1" x14ac:dyDescent="0.2">
      <c r="A9" s="14">
        <v>4</v>
      </c>
      <c r="B9" s="15">
        <v>12</v>
      </c>
      <c r="C9" s="16">
        <v>8</v>
      </c>
      <c r="D9" s="17">
        <v>20</v>
      </c>
    </row>
    <row r="10" spans="1:4" ht="18" customHeight="1" x14ac:dyDescent="0.2">
      <c r="A10" s="18" t="s">
        <v>66</v>
      </c>
      <c r="B10" s="15">
        <v>45</v>
      </c>
      <c r="C10" s="16">
        <v>48</v>
      </c>
      <c r="D10" s="17">
        <v>93</v>
      </c>
    </row>
    <row r="11" spans="1:4" ht="18" customHeight="1" x14ac:dyDescent="0.2">
      <c r="A11" s="14">
        <v>5</v>
      </c>
      <c r="B11" s="15">
        <v>17</v>
      </c>
      <c r="C11" s="16">
        <v>7</v>
      </c>
      <c r="D11" s="17">
        <v>24</v>
      </c>
    </row>
    <row r="12" spans="1:4" ht="18" customHeight="1" x14ac:dyDescent="0.2">
      <c r="A12" s="14">
        <v>6</v>
      </c>
      <c r="B12" s="15">
        <v>11</v>
      </c>
      <c r="C12" s="16">
        <v>14</v>
      </c>
      <c r="D12" s="17">
        <v>25</v>
      </c>
    </row>
    <row r="13" spans="1:4" ht="18" customHeight="1" x14ac:dyDescent="0.2">
      <c r="A13" s="14">
        <v>7</v>
      </c>
      <c r="B13" s="15">
        <v>13</v>
      </c>
      <c r="C13" s="16">
        <v>12</v>
      </c>
      <c r="D13" s="17">
        <v>25</v>
      </c>
    </row>
    <row r="14" spans="1:4" ht="18" customHeight="1" x14ac:dyDescent="0.2">
      <c r="A14" s="14">
        <v>8</v>
      </c>
      <c r="B14" s="15">
        <v>11</v>
      </c>
      <c r="C14" s="16">
        <v>15</v>
      </c>
      <c r="D14" s="17">
        <v>26</v>
      </c>
    </row>
    <row r="15" spans="1:4" ht="18" customHeight="1" x14ac:dyDescent="0.2">
      <c r="A15" s="14">
        <v>9</v>
      </c>
      <c r="B15" s="15">
        <v>14</v>
      </c>
      <c r="C15" s="16">
        <v>14</v>
      </c>
      <c r="D15" s="17">
        <v>28</v>
      </c>
    </row>
    <row r="16" spans="1:4" ht="18" customHeight="1" x14ac:dyDescent="0.2">
      <c r="A16" s="18" t="s">
        <v>67</v>
      </c>
      <c r="B16" s="15">
        <v>66</v>
      </c>
      <c r="C16" s="16">
        <v>62</v>
      </c>
      <c r="D16" s="17">
        <v>128</v>
      </c>
    </row>
    <row r="17" spans="1:4" ht="18" customHeight="1" x14ac:dyDescent="0.2">
      <c r="A17" s="14">
        <v>10</v>
      </c>
      <c r="B17" s="15">
        <v>13</v>
      </c>
      <c r="C17" s="16">
        <v>6</v>
      </c>
      <c r="D17" s="17">
        <v>19</v>
      </c>
    </row>
    <row r="18" spans="1:4" ht="18" customHeight="1" x14ac:dyDescent="0.2">
      <c r="A18" s="14">
        <v>11</v>
      </c>
      <c r="B18" s="15">
        <v>10</v>
      </c>
      <c r="C18" s="16">
        <v>15</v>
      </c>
      <c r="D18" s="17">
        <v>25</v>
      </c>
    </row>
    <row r="19" spans="1:4" ht="18" customHeight="1" x14ac:dyDescent="0.2">
      <c r="A19" s="14">
        <v>12</v>
      </c>
      <c r="B19" s="15">
        <v>11</v>
      </c>
      <c r="C19" s="16">
        <v>5</v>
      </c>
      <c r="D19" s="17">
        <v>16</v>
      </c>
    </row>
    <row r="20" spans="1:4" ht="18" customHeight="1" x14ac:dyDescent="0.2">
      <c r="A20" s="14">
        <v>13</v>
      </c>
      <c r="B20" s="15">
        <v>14</v>
      </c>
      <c r="C20" s="16">
        <v>10</v>
      </c>
      <c r="D20" s="17">
        <v>24</v>
      </c>
    </row>
    <row r="21" spans="1:4" ht="18" customHeight="1" x14ac:dyDescent="0.2">
      <c r="A21" s="14">
        <v>14</v>
      </c>
      <c r="B21" s="15">
        <v>10</v>
      </c>
      <c r="C21" s="16">
        <v>10</v>
      </c>
      <c r="D21" s="17">
        <v>20</v>
      </c>
    </row>
    <row r="22" spans="1:4" ht="18" customHeight="1" x14ac:dyDescent="0.2">
      <c r="A22" s="18" t="s">
        <v>68</v>
      </c>
      <c r="B22" s="15">
        <v>58</v>
      </c>
      <c r="C22" s="16">
        <v>46</v>
      </c>
      <c r="D22" s="17">
        <v>104</v>
      </c>
    </row>
    <row r="23" spans="1:4" ht="18" customHeight="1" x14ac:dyDescent="0.2">
      <c r="A23" s="18" t="s">
        <v>69</v>
      </c>
      <c r="B23" s="15">
        <v>169</v>
      </c>
      <c r="C23" s="16">
        <v>156</v>
      </c>
      <c r="D23" s="17">
        <v>325</v>
      </c>
    </row>
    <row r="24" spans="1:4" ht="18" customHeight="1" x14ac:dyDescent="0.2">
      <c r="A24" s="14">
        <v>15</v>
      </c>
      <c r="B24" s="15">
        <v>7</v>
      </c>
      <c r="C24" s="16">
        <v>9</v>
      </c>
      <c r="D24" s="17">
        <v>16</v>
      </c>
    </row>
    <row r="25" spans="1:4" ht="18" customHeight="1" x14ac:dyDescent="0.2">
      <c r="A25" s="14">
        <v>16</v>
      </c>
      <c r="B25" s="15">
        <v>10</v>
      </c>
      <c r="C25" s="16">
        <v>13</v>
      </c>
      <c r="D25" s="17">
        <v>23</v>
      </c>
    </row>
    <row r="26" spans="1:4" ht="18" customHeight="1" x14ac:dyDescent="0.2">
      <c r="A26" s="14">
        <v>17</v>
      </c>
      <c r="B26" s="15">
        <v>9</v>
      </c>
      <c r="C26" s="16">
        <v>9</v>
      </c>
      <c r="D26" s="17">
        <v>18</v>
      </c>
    </row>
    <row r="27" spans="1:4" ht="18" customHeight="1" x14ac:dyDescent="0.2">
      <c r="A27" s="14">
        <v>18</v>
      </c>
      <c r="B27" s="15">
        <v>17</v>
      </c>
      <c r="C27" s="16">
        <v>13</v>
      </c>
      <c r="D27" s="17">
        <v>30</v>
      </c>
    </row>
    <row r="28" spans="1:4" ht="18" customHeight="1" x14ac:dyDescent="0.2">
      <c r="A28" s="14">
        <v>19</v>
      </c>
      <c r="B28" s="15">
        <v>9</v>
      </c>
      <c r="C28" s="16">
        <v>14</v>
      </c>
      <c r="D28" s="17">
        <v>23</v>
      </c>
    </row>
    <row r="29" spans="1:4" ht="18" customHeight="1" x14ac:dyDescent="0.2">
      <c r="A29" s="18" t="s">
        <v>70</v>
      </c>
      <c r="B29" s="15">
        <v>52</v>
      </c>
      <c r="C29" s="16">
        <v>58</v>
      </c>
      <c r="D29" s="17">
        <v>110</v>
      </c>
    </row>
    <row r="30" spans="1:4" ht="18" customHeight="1" x14ac:dyDescent="0.2">
      <c r="A30" s="14">
        <v>20</v>
      </c>
      <c r="B30" s="15">
        <v>14</v>
      </c>
      <c r="C30" s="16">
        <v>8</v>
      </c>
      <c r="D30" s="17">
        <v>22</v>
      </c>
    </row>
    <row r="31" spans="1:4" ht="18" customHeight="1" x14ac:dyDescent="0.2">
      <c r="A31" s="14">
        <v>21</v>
      </c>
      <c r="B31" s="15">
        <v>4</v>
      </c>
      <c r="C31" s="16">
        <v>11</v>
      </c>
      <c r="D31" s="17">
        <v>15</v>
      </c>
    </row>
    <row r="32" spans="1:4" ht="18" customHeight="1" x14ac:dyDescent="0.2">
      <c r="A32" s="14">
        <v>22</v>
      </c>
      <c r="B32" s="15">
        <v>10</v>
      </c>
      <c r="C32" s="16">
        <v>8</v>
      </c>
      <c r="D32" s="17">
        <v>18</v>
      </c>
    </row>
    <row r="33" spans="1:4" ht="18" customHeight="1" x14ac:dyDescent="0.2">
      <c r="A33" s="14">
        <v>23</v>
      </c>
      <c r="B33" s="15">
        <v>15</v>
      </c>
      <c r="C33" s="16">
        <v>16</v>
      </c>
      <c r="D33" s="17">
        <v>31</v>
      </c>
    </row>
    <row r="34" spans="1:4" ht="18" customHeight="1" x14ac:dyDescent="0.2">
      <c r="A34" s="14">
        <v>24</v>
      </c>
      <c r="B34" s="15">
        <v>11</v>
      </c>
      <c r="C34" s="16">
        <v>8</v>
      </c>
      <c r="D34" s="17">
        <v>19</v>
      </c>
    </row>
    <row r="35" spans="1:4" ht="18" customHeight="1" x14ac:dyDescent="0.2">
      <c r="A35" s="18" t="s">
        <v>71</v>
      </c>
      <c r="B35" s="15">
        <v>54</v>
      </c>
      <c r="C35" s="16">
        <v>51</v>
      </c>
      <c r="D35" s="17">
        <v>105</v>
      </c>
    </row>
    <row r="36" spans="1:4" ht="18" customHeight="1" x14ac:dyDescent="0.2">
      <c r="A36" s="14">
        <v>25</v>
      </c>
      <c r="B36" s="15">
        <v>14</v>
      </c>
      <c r="C36" s="16">
        <v>13</v>
      </c>
      <c r="D36" s="17">
        <v>27</v>
      </c>
    </row>
    <row r="37" spans="1:4" ht="18" customHeight="1" x14ac:dyDescent="0.2">
      <c r="A37" s="14">
        <v>26</v>
      </c>
      <c r="B37" s="15">
        <v>16</v>
      </c>
      <c r="C37" s="16">
        <v>13</v>
      </c>
      <c r="D37" s="17">
        <v>29</v>
      </c>
    </row>
    <row r="38" spans="1:4" ht="18" customHeight="1" x14ac:dyDescent="0.2">
      <c r="A38" s="14">
        <v>27</v>
      </c>
      <c r="B38" s="15">
        <v>10</v>
      </c>
      <c r="C38" s="16">
        <v>15</v>
      </c>
      <c r="D38" s="17">
        <v>25</v>
      </c>
    </row>
    <row r="39" spans="1:4" ht="18" customHeight="1" x14ac:dyDescent="0.2">
      <c r="A39" s="14">
        <v>28</v>
      </c>
      <c r="B39" s="15">
        <v>16</v>
      </c>
      <c r="C39" s="16">
        <v>20</v>
      </c>
      <c r="D39" s="17">
        <v>36</v>
      </c>
    </row>
    <row r="40" spans="1:4" ht="18" customHeight="1" x14ac:dyDescent="0.2">
      <c r="A40" s="14">
        <v>29</v>
      </c>
      <c r="B40" s="15">
        <v>13</v>
      </c>
      <c r="C40" s="16">
        <v>15</v>
      </c>
      <c r="D40" s="17">
        <v>28</v>
      </c>
    </row>
    <row r="41" spans="1:4" ht="18" customHeight="1" x14ac:dyDescent="0.2">
      <c r="A41" s="18" t="s">
        <v>72</v>
      </c>
      <c r="B41" s="15">
        <v>69</v>
      </c>
      <c r="C41" s="16">
        <v>76</v>
      </c>
      <c r="D41" s="17">
        <v>145</v>
      </c>
    </row>
    <row r="42" spans="1:4" ht="18" customHeight="1" x14ac:dyDescent="0.2">
      <c r="A42" s="14">
        <v>30</v>
      </c>
      <c r="B42" s="15">
        <v>17</v>
      </c>
      <c r="C42" s="16">
        <v>21</v>
      </c>
      <c r="D42" s="17">
        <v>38</v>
      </c>
    </row>
    <row r="43" spans="1:4" ht="18" customHeight="1" x14ac:dyDescent="0.2">
      <c r="A43" s="14">
        <v>31</v>
      </c>
      <c r="B43" s="15">
        <v>20</v>
      </c>
      <c r="C43" s="16">
        <v>15</v>
      </c>
      <c r="D43" s="17">
        <v>35</v>
      </c>
    </row>
    <row r="44" spans="1:4" ht="18" customHeight="1" x14ac:dyDescent="0.2">
      <c r="A44" s="14">
        <v>32</v>
      </c>
      <c r="B44" s="15">
        <v>18</v>
      </c>
      <c r="C44" s="16">
        <v>23</v>
      </c>
      <c r="D44" s="17">
        <v>41</v>
      </c>
    </row>
    <row r="45" spans="1:4" ht="18" customHeight="1" x14ac:dyDescent="0.2">
      <c r="A45" s="14">
        <v>33</v>
      </c>
      <c r="B45" s="15">
        <v>24</v>
      </c>
      <c r="C45" s="16">
        <v>19</v>
      </c>
      <c r="D45" s="17">
        <v>43</v>
      </c>
    </row>
    <row r="46" spans="1:4" ht="18" customHeight="1" x14ac:dyDescent="0.2">
      <c r="A46" s="14">
        <v>34</v>
      </c>
      <c r="B46" s="15">
        <v>20</v>
      </c>
      <c r="C46" s="16">
        <v>19</v>
      </c>
      <c r="D46" s="17">
        <v>39</v>
      </c>
    </row>
    <row r="47" spans="1:4" ht="18" customHeight="1" x14ac:dyDescent="0.2">
      <c r="A47" s="18" t="s">
        <v>73</v>
      </c>
      <c r="B47" s="15">
        <v>99</v>
      </c>
      <c r="C47" s="16">
        <v>97</v>
      </c>
      <c r="D47" s="17">
        <v>196</v>
      </c>
    </row>
    <row r="48" spans="1:4" ht="18" customHeight="1" x14ac:dyDescent="0.2">
      <c r="A48" s="14">
        <v>35</v>
      </c>
      <c r="B48" s="15">
        <v>22</v>
      </c>
      <c r="C48" s="16">
        <v>20</v>
      </c>
      <c r="D48" s="17">
        <v>42</v>
      </c>
    </row>
    <row r="49" spans="1:4" ht="18" customHeight="1" x14ac:dyDescent="0.2">
      <c r="A49" s="14">
        <v>36</v>
      </c>
      <c r="B49" s="15">
        <v>16</v>
      </c>
      <c r="C49" s="16">
        <v>21</v>
      </c>
      <c r="D49" s="17">
        <v>37</v>
      </c>
    </row>
    <row r="50" spans="1:4" ht="18" customHeight="1" x14ac:dyDescent="0.2">
      <c r="A50" s="14">
        <v>37</v>
      </c>
      <c r="B50" s="15">
        <v>19</v>
      </c>
      <c r="C50" s="16">
        <v>22</v>
      </c>
      <c r="D50" s="17">
        <v>41</v>
      </c>
    </row>
    <row r="51" spans="1:4" ht="18" customHeight="1" x14ac:dyDescent="0.2">
      <c r="A51" s="14">
        <v>38</v>
      </c>
      <c r="B51" s="15">
        <v>28</v>
      </c>
      <c r="C51" s="16">
        <v>26</v>
      </c>
      <c r="D51" s="17">
        <v>54</v>
      </c>
    </row>
    <row r="52" spans="1:4" ht="18" customHeight="1" x14ac:dyDescent="0.2">
      <c r="A52" s="14">
        <v>39</v>
      </c>
      <c r="B52" s="15">
        <v>20</v>
      </c>
      <c r="C52" s="16">
        <v>13</v>
      </c>
      <c r="D52" s="17">
        <v>33</v>
      </c>
    </row>
    <row r="53" spans="1:4" ht="18" customHeight="1" x14ac:dyDescent="0.2">
      <c r="A53" s="18" t="s">
        <v>74</v>
      </c>
      <c r="B53" s="15">
        <v>105</v>
      </c>
      <c r="C53" s="16">
        <v>102</v>
      </c>
      <c r="D53" s="17">
        <v>207</v>
      </c>
    </row>
    <row r="54" spans="1:4" ht="18" customHeight="1" x14ac:dyDescent="0.2">
      <c r="A54" s="14">
        <v>40</v>
      </c>
      <c r="B54" s="15">
        <v>13</v>
      </c>
      <c r="C54" s="16">
        <v>13</v>
      </c>
      <c r="D54" s="17">
        <v>26</v>
      </c>
    </row>
    <row r="55" spans="1:4" ht="18" customHeight="1" x14ac:dyDescent="0.2">
      <c r="A55" s="14">
        <v>41</v>
      </c>
      <c r="B55" s="15">
        <v>17</v>
      </c>
      <c r="C55" s="16">
        <v>17</v>
      </c>
      <c r="D55" s="17">
        <v>34</v>
      </c>
    </row>
    <row r="56" spans="1:4" ht="18" customHeight="1" x14ac:dyDescent="0.2">
      <c r="A56" s="14">
        <v>42</v>
      </c>
      <c r="B56" s="15">
        <v>10</v>
      </c>
      <c r="C56" s="16">
        <v>14</v>
      </c>
      <c r="D56" s="17">
        <v>24</v>
      </c>
    </row>
    <row r="57" spans="1:4" ht="18" customHeight="1" x14ac:dyDescent="0.2">
      <c r="A57" s="14">
        <v>43</v>
      </c>
      <c r="B57" s="15">
        <v>11</v>
      </c>
      <c r="C57" s="16">
        <v>11</v>
      </c>
      <c r="D57" s="17">
        <v>22</v>
      </c>
    </row>
    <row r="58" spans="1:4" ht="18" customHeight="1" x14ac:dyDescent="0.2">
      <c r="A58" s="14">
        <v>44</v>
      </c>
      <c r="B58" s="15">
        <v>21</v>
      </c>
      <c r="C58" s="16">
        <v>17</v>
      </c>
      <c r="D58" s="17">
        <v>38</v>
      </c>
    </row>
    <row r="59" spans="1:4" ht="18" customHeight="1" x14ac:dyDescent="0.2">
      <c r="A59" s="18" t="s">
        <v>75</v>
      </c>
      <c r="B59" s="15">
        <v>72</v>
      </c>
      <c r="C59" s="16">
        <v>72</v>
      </c>
      <c r="D59" s="17">
        <v>144</v>
      </c>
    </row>
    <row r="60" spans="1:4" ht="18" customHeight="1" x14ac:dyDescent="0.2">
      <c r="A60" s="14">
        <v>45</v>
      </c>
      <c r="B60" s="15">
        <v>15</v>
      </c>
      <c r="C60" s="16">
        <v>6</v>
      </c>
      <c r="D60" s="17">
        <v>21</v>
      </c>
    </row>
    <row r="61" spans="1:4" ht="18" customHeight="1" x14ac:dyDescent="0.2">
      <c r="A61" s="14">
        <v>46</v>
      </c>
      <c r="B61" s="15">
        <v>16</v>
      </c>
      <c r="C61" s="16">
        <v>8</v>
      </c>
      <c r="D61" s="17">
        <v>24</v>
      </c>
    </row>
    <row r="62" spans="1:4" ht="18" customHeight="1" x14ac:dyDescent="0.2">
      <c r="A62" s="14">
        <v>47</v>
      </c>
      <c r="B62" s="15">
        <v>12</v>
      </c>
      <c r="C62" s="16">
        <v>9</v>
      </c>
      <c r="D62" s="17">
        <v>21</v>
      </c>
    </row>
    <row r="63" spans="1:4" ht="18" customHeight="1" x14ac:dyDescent="0.2">
      <c r="A63" s="14">
        <v>48</v>
      </c>
      <c r="B63" s="15">
        <v>15</v>
      </c>
      <c r="C63" s="16">
        <v>13</v>
      </c>
      <c r="D63" s="17">
        <v>28</v>
      </c>
    </row>
    <row r="64" spans="1:4" ht="18" customHeight="1" x14ac:dyDescent="0.2">
      <c r="A64" s="14">
        <v>49</v>
      </c>
      <c r="B64" s="15">
        <v>17</v>
      </c>
      <c r="C64" s="16">
        <v>9</v>
      </c>
      <c r="D64" s="17">
        <v>26</v>
      </c>
    </row>
    <row r="65" spans="1:4" ht="18" customHeight="1" x14ac:dyDescent="0.2">
      <c r="A65" s="18" t="s">
        <v>76</v>
      </c>
      <c r="B65" s="15">
        <v>75</v>
      </c>
      <c r="C65" s="16">
        <v>45</v>
      </c>
      <c r="D65" s="17">
        <v>120</v>
      </c>
    </row>
    <row r="66" spans="1:4" ht="18" customHeight="1" x14ac:dyDescent="0.2">
      <c r="A66" s="14">
        <v>50</v>
      </c>
      <c r="B66" s="15">
        <v>11</v>
      </c>
      <c r="C66" s="16">
        <v>16</v>
      </c>
      <c r="D66" s="17">
        <v>27</v>
      </c>
    </row>
    <row r="67" spans="1:4" ht="18" customHeight="1" x14ac:dyDescent="0.2">
      <c r="A67" s="14">
        <v>51</v>
      </c>
      <c r="B67" s="15">
        <v>11</v>
      </c>
      <c r="C67" s="16">
        <v>17</v>
      </c>
      <c r="D67" s="17">
        <v>28</v>
      </c>
    </row>
    <row r="68" spans="1:4" ht="18" customHeight="1" x14ac:dyDescent="0.2">
      <c r="A68" s="14">
        <v>52</v>
      </c>
      <c r="B68" s="15">
        <v>6</v>
      </c>
      <c r="C68" s="16">
        <v>20</v>
      </c>
      <c r="D68" s="17">
        <v>26</v>
      </c>
    </row>
    <row r="69" spans="1:4" ht="18" customHeight="1" x14ac:dyDescent="0.2">
      <c r="A69" s="14">
        <v>53</v>
      </c>
      <c r="B69" s="15">
        <v>11</v>
      </c>
      <c r="C69" s="16">
        <v>20</v>
      </c>
      <c r="D69" s="17">
        <v>31</v>
      </c>
    </row>
    <row r="70" spans="1:4" ht="18" customHeight="1" x14ac:dyDescent="0.2">
      <c r="A70" s="14">
        <v>54</v>
      </c>
      <c r="B70" s="15">
        <v>17</v>
      </c>
      <c r="C70" s="16">
        <v>24</v>
      </c>
      <c r="D70" s="17">
        <v>41</v>
      </c>
    </row>
    <row r="71" spans="1:4" ht="18" customHeight="1" x14ac:dyDescent="0.2">
      <c r="A71" s="18" t="s">
        <v>77</v>
      </c>
      <c r="B71" s="15">
        <v>56</v>
      </c>
      <c r="C71" s="16">
        <v>97</v>
      </c>
      <c r="D71" s="17">
        <v>153</v>
      </c>
    </row>
    <row r="72" spans="1:4" ht="18" customHeight="1" x14ac:dyDescent="0.2">
      <c r="A72" s="14">
        <v>55</v>
      </c>
      <c r="B72" s="15">
        <v>23</v>
      </c>
      <c r="C72" s="16">
        <v>27</v>
      </c>
      <c r="D72" s="17">
        <v>50</v>
      </c>
    </row>
    <row r="73" spans="1:4" ht="18" customHeight="1" x14ac:dyDescent="0.2">
      <c r="A73" s="14">
        <v>56</v>
      </c>
      <c r="B73" s="15">
        <v>18</v>
      </c>
      <c r="C73" s="16">
        <v>34</v>
      </c>
      <c r="D73" s="17">
        <v>52</v>
      </c>
    </row>
    <row r="74" spans="1:4" ht="18" customHeight="1" x14ac:dyDescent="0.2">
      <c r="A74" s="14">
        <v>57</v>
      </c>
      <c r="B74" s="15">
        <v>33</v>
      </c>
      <c r="C74" s="16">
        <v>25</v>
      </c>
      <c r="D74" s="17">
        <v>58</v>
      </c>
    </row>
    <row r="75" spans="1:4" ht="18" customHeight="1" x14ac:dyDescent="0.2">
      <c r="A75" s="14">
        <v>58</v>
      </c>
      <c r="B75" s="15">
        <v>37</v>
      </c>
      <c r="C75" s="16">
        <v>21</v>
      </c>
      <c r="D75" s="17">
        <v>58</v>
      </c>
    </row>
    <row r="76" spans="1:4" ht="18" customHeight="1" x14ac:dyDescent="0.2">
      <c r="A76" s="14">
        <v>59</v>
      </c>
      <c r="B76" s="15">
        <v>30</v>
      </c>
      <c r="C76" s="16">
        <v>35</v>
      </c>
      <c r="D76" s="17">
        <v>65</v>
      </c>
    </row>
    <row r="77" spans="1:4" ht="18" customHeight="1" x14ac:dyDescent="0.2">
      <c r="A77" s="18" t="s">
        <v>78</v>
      </c>
      <c r="B77" s="15">
        <v>141</v>
      </c>
      <c r="C77" s="16">
        <v>142</v>
      </c>
      <c r="D77" s="17">
        <v>283</v>
      </c>
    </row>
    <row r="78" spans="1:4" ht="18" customHeight="1" x14ac:dyDescent="0.2">
      <c r="A78" s="14">
        <v>60</v>
      </c>
      <c r="B78" s="15">
        <v>34</v>
      </c>
      <c r="C78" s="16">
        <v>42</v>
      </c>
      <c r="D78" s="17">
        <v>76</v>
      </c>
    </row>
    <row r="79" spans="1:4" ht="18" customHeight="1" x14ac:dyDescent="0.2">
      <c r="A79" s="14">
        <v>61</v>
      </c>
      <c r="B79" s="15">
        <v>30</v>
      </c>
      <c r="C79" s="16">
        <v>31</v>
      </c>
      <c r="D79" s="17">
        <v>61</v>
      </c>
    </row>
    <row r="80" spans="1:4" ht="18" customHeight="1" x14ac:dyDescent="0.2">
      <c r="A80" s="14">
        <v>62</v>
      </c>
      <c r="B80" s="15">
        <v>26</v>
      </c>
      <c r="C80" s="16">
        <v>35</v>
      </c>
      <c r="D80" s="17">
        <v>61</v>
      </c>
    </row>
    <row r="81" spans="1:4" ht="18" customHeight="1" x14ac:dyDescent="0.2">
      <c r="A81" s="14">
        <v>63</v>
      </c>
      <c r="B81" s="15">
        <v>26</v>
      </c>
      <c r="C81" s="16">
        <v>29</v>
      </c>
      <c r="D81" s="17">
        <v>55</v>
      </c>
    </row>
    <row r="82" spans="1:4" ht="18" customHeight="1" x14ac:dyDescent="0.2">
      <c r="A82" s="14">
        <v>64</v>
      </c>
      <c r="B82" s="15">
        <v>19</v>
      </c>
      <c r="C82" s="16">
        <v>32</v>
      </c>
      <c r="D82" s="17">
        <v>51</v>
      </c>
    </row>
    <row r="83" spans="1:4" ht="18" customHeight="1" x14ac:dyDescent="0.2">
      <c r="A83" s="18" t="s">
        <v>79</v>
      </c>
      <c r="B83" s="15">
        <v>135</v>
      </c>
      <c r="C83" s="16">
        <v>169</v>
      </c>
      <c r="D83" s="17">
        <v>304</v>
      </c>
    </row>
    <row r="84" spans="1:4" ht="18" customHeight="1" x14ac:dyDescent="0.2">
      <c r="A84" s="18" t="s">
        <v>80</v>
      </c>
      <c r="B84" s="15">
        <v>858</v>
      </c>
      <c r="C84" s="16">
        <v>909</v>
      </c>
      <c r="D84" s="17">
        <v>1767</v>
      </c>
    </row>
    <row r="85" spans="1:4" ht="18" customHeight="1" x14ac:dyDescent="0.2">
      <c r="A85" s="14">
        <v>65</v>
      </c>
      <c r="B85" s="15">
        <v>25</v>
      </c>
      <c r="C85" s="16">
        <v>30</v>
      </c>
      <c r="D85" s="17">
        <v>55</v>
      </c>
    </row>
    <row r="86" spans="1:4" ht="18" customHeight="1" x14ac:dyDescent="0.2">
      <c r="A86" s="14">
        <v>66</v>
      </c>
      <c r="B86" s="15">
        <v>22</v>
      </c>
      <c r="C86" s="16">
        <v>17</v>
      </c>
      <c r="D86" s="17">
        <v>39</v>
      </c>
    </row>
    <row r="87" spans="1:4" ht="18" customHeight="1" x14ac:dyDescent="0.2">
      <c r="A87" s="14">
        <v>67</v>
      </c>
      <c r="B87" s="15">
        <v>23</v>
      </c>
      <c r="C87" s="16">
        <v>34</v>
      </c>
      <c r="D87" s="17">
        <v>57</v>
      </c>
    </row>
    <row r="88" spans="1:4" ht="18" customHeight="1" x14ac:dyDescent="0.2">
      <c r="A88" s="14">
        <v>68</v>
      </c>
      <c r="B88" s="15">
        <v>26</v>
      </c>
      <c r="C88" s="16">
        <v>27</v>
      </c>
      <c r="D88" s="17">
        <v>53</v>
      </c>
    </row>
    <row r="89" spans="1:4" ht="18" customHeight="1" x14ac:dyDescent="0.2">
      <c r="A89" s="14">
        <v>69</v>
      </c>
      <c r="B89" s="15">
        <v>31</v>
      </c>
      <c r="C89" s="16">
        <v>19</v>
      </c>
      <c r="D89" s="17">
        <v>50</v>
      </c>
    </row>
    <row r="90" spans="1:4" ht="18" customHeight="1" x14ac:dyDescent="0.2">
      <c r="A90" s="18" t="s">
        <v>81</v>
      </c>
      <c r="B90" s="15">
        <v>127</v>
      </c>
      <c r="C90" s="16">
        <v>127</v>
      </c>
      <c r="D90" s="17">
        <v>254</v>
      </c>
    </row>
    <row r="91" spans="1:4" ht="18" customHeight="1" x14ac:dyDescent="0.2">
      <c r="A91" s="14">
        <v>70</v>
      </c>
      <c r="B91" s="15">
        <v>17</v>
      </c>
      <c r="C91" s="16">
        <v>17</v>
      </c>
      <c r="D91" s="17">
        <v>34</v>
      </c>
    </row>
    <row r="92" spans="1:4" ht="18" customHeight="1" x14ac:dyDescent="0.2">
      <c r="A92" s="14">
        <v>71</v>
      </c>
      <c r="B92" s="15">
        <v>21</v>
      </c>
      <c r="C92" s="16">
        <v>23</v>
      </c>
      <c r="D92" s="17">
        <v>44</v>
      </c>
    </row>
    <row r="93" spans="1:4" ht="18" customHeight="1" x14ac:dyDescent="0.2">
      <c r="A93" s="14">
        <v>72</v>
      </c>
      <c r="B93" s="15">
        <v>19</v>
      </c>
      <c r="C93" s="16">
        <v>18</v>
      </c>
      <c r="D93" s="17">
        <v>37</v>
      </c>
    </row>
    <row r="94" spans="1:4" ht="18" customHeight="1" x14ac:dyDescent="0.2">
      <c r="A94" s="14">
        <v>73</v>
      </c>
      <c r="B94" s="15">
        <v>14</v>
      </c>
      <c r="C94" s="16">
        <v>25</v>
      </c>
      <c r="D94" s="17">
        <v>39</v>
      </c>
    </row>
    <row r="95" spans="1:4" ht="18" customHeight="1" x14ac:dyDescent="0.2">
      <c r="A95" s="14">
        <v>74</v>
      </c>
      <c r="B95" s="15">
        <v>9</v>
      </c>
      <c r="C95" s="16">
        <v>16</v>
      </c>
      <c r="D95" s="17">
        <v>25</v>
      </c>
    </row>
    <row r="96" spans="1:4" ht="18" customHeight="1" x14ac:dyDescent="0.2">
      <c r="A96" s="18" t="s">
        <v>82</v>
      </c>
      <c r="B96" s="15">
        <v>80</v>
      </c>
      <c r="C96" s="16">
        <v>99</v>
      </c>
      <c r="D96" s="17">
        <v>179</v>
      </c>
    </row>
    <row r="97" spans="1:4" ht="18" customHeight="1" x14ac:dyDescent="0.2">
      <c r="A97" s="14">
        <v>75</v>
      </c>
      <c r="B97" s="15">
        <v>20</v>
      </c>
      <c r="C97" s="16">
        <v>21</v>
      </c>
      <c r="D97" s="17">
        <v>41</v>
      </c>
    </row>
    <row r="98" spans="1:4" ht="18" customHeight="1" x14ac:dyDescent="0.2">
      <c r="A98" s="14">
        <v>76</v>
      </c>
      <c r="B98" s="15">
        <v>16</v>
      </c>
      <c r="C98" s="16">
        <v>23</v>
      </c>
      <c r="D98" s="17">
        <v>39</v>
      </c>
    </row>
    <row r="99" spans="1:4" ht="18" customHeight="1" x14ac:dyDescent="0.2">
      <c r="A99" s="14">
        <v>77</v>
      </c>
      <c r="B99" s="15">
        <v>15</v>
      </c>
      <c r="C99" s="16">
        <v>15</v>
      </c>
      <c r="D99" s="17">
        <v>30</v>
      </c>
    </row>
    <row r="100" spans="1:4" ht="18" customHeight="1" x14ac:dyDescent="0.2">
      <c r="A100" s="14">
        <v>78</v>
      </c>
      <c r="B100" s="15">
        <v>15</v>
      </c>
      <c r="C100" s="16">
        <v>20</v>
      </c>
      <c r="D100" s="17">
        <v>35</v>
      </c>
    </row>
    <row r="101" spans="1:4" ht="18" customHeight="1" x14ac:dyDescent="0.2">
      <c r="A101" s="14">
        <v>79</v>
      </c>
      <c r="B101" s="15">
        <v>13</v>
      </c>
      <c r="C101" s="16">
        <v>20</v>
      </c>
      <c r="D101" s="17">
        <v>33</v>
      </c>
    </row>
    <row r="102" spans="1:4" ht="18" customHeight="1" x14ac:dyDescent="0.2">
      <c r="A102" s="18" t="s">
        <v>83</v>
      </c>
      <c r="B102" s="15">
        <v>79</v>
      </c>
      <c r="C102" s="16">
        <v>99</v>
      </c>
      <c r="D102" s="17">
        <v>178</v>
      </c>
    </row>
    <row r="103" spans="1:4" ht="18" customHeight="1" x14ac:dyDescent="0.2">
      <c r="A103" s="14">
        <v>80</v>
      </c>
      <c r="B103" s="15">
        <v>13</v>
      </c>
      <c r="C103" s="16">
        <v>14</v>
      </c>
      <c r="D103" s="17">
        <v>27</v>
      </c>
    </row>
    <row r="104" spans="1:4" ht="18" customHeight="1" x14ac:dyDescent="0.2">
      <c r="A104" s="14">
        <v>81</v>
      </c>
      <c r="B104" s="15">
        <v>11</v>
      </c>
      <c r="C104" s="16">
        <v>14</v>
      </c>
      <c r="D104" s="17">
        <v>25</v>
      </c>
    </row>
    <row r="105" spans="1:4" ht="18" customHeight="1" x14ac:dyDescent="0.2">
      <c r="A105" s="14">
        <v>82</v>
      </c>
      <c r="B105" s="15">
        <v>4</v>
      </c>
      <c r="C105" s="16">
        <v>13</v>
      </c>
      <c r="D105" s="17">
        <v>17</v>
      </c>
    </row>
    <row r="106" spans="1:4" ht="18" customHeight="1" x14ac:dyDescent="0.2">
      <c r="A106" s="14">
        <v>83</v>
      </c>
      <c r="B106" s="15">
        <v>11</v>
      </c>
      <c r="C106" s="16">
        <v>21</v>
      </c>
      <c r="D106" s="17">
        <v>32</v>
      </c>
    </row>
    <row r="107" spans="1:4" ht="18" customHeight="1" x14ac:dyDescent="0.2">
      <c r="A107" s="14">
        <v>84</v>
      </c>
      <c r="B107" s="15">
        <v>4</v>
      </c>
      <c r="C107" s="16">
        <v>12</v>
      </c>
      <c r="D107" s="17">
        <v>16</v>
      </c>
    </row>
    <row r="108" spans="1:4" ht="18" customHeight="1" x14ac:dyDescent="0.2">
      <c r="A108" s="18" t="s">
        <v>84</v>
      </c>
      <c r="B108" s="15">
        <v>43</v>
      </c>
      <c r="C108" s="16">
        <v>74</v>
      </c>
      <c r="D108" s="17">
        <v>117</v>
      </c>
    </row>
    <row r="109" spans="1:4" ht="18" customHeight="1" x14ac:dyDescent="0.2">
      <c r="A109" s="14">
        <v>85</v>
      </c>
      <c r="B109" s="15">
        <v>7</v>
      </c>
      <c r="C109" s="16">
        <v>13</v>
      </c>
      <c r="D109" s="17">
        <v>20</v>
      </c>
    </row>
    <row r="110" spans="1:4" ht="18" customHeight="1" x14ac:dyDescent="0.2">
      <c r="A110" s="14">
        <v>86</v>
      </c>
      <c r="B110" s="15">
        <v>2</v>
      </c>
      <c r="C110" s="16">
        <v>11</v>
      </c>
      <c r="D110" s="17">
        <v>13</v>
      </c>
    </row>
    <row r="111" spans="1:4" ht="18" customHeight="1" x14ac:dyDescent="0.2">
      <c r="A111" s="14">
        <v>87</v>
      </c>
      <c r="B111" s="15">
        <v>2</v>
      </c>
      <c r="C111" s="16">
        <v>16</v>
      </c>
      <c r="D111" s="17">
        <v>18</v>
      </c>
    </row>
    <row r="112" spans="1:4" ht="18" customHeight="1" x14ac:dyDescent="0.2">
      <c r="A112" s="14">
        <v>88</v>
      </c>
      <c r="B112" s="15">
        <v>2</v>
      </c>
      <c r="C112" s="16">
        <v>8</v>
      </c>
      <c r="D112" s="17">
        <v>10</v>
      </c>
    </row>
    <row r="113" spans="1:4" ht="18" customHeight="1" x14ac:dyDescent="0.2">
      <c r="A113" s="14">
        <v>89</v>
      </c>
      <c r="B113" s="15">
        <v>5</v>
      </c>
      <c r="C113" s="16">
        <v>10</v>
      </c>
      <c r="D113" s="17">
        <v>15</v>
      </c>
    </row>
    <row r="114" spans="1:4" ht="18" customHeight="1" x14ac:dyDescent="0.2">
      <c r="A114" s="18" t="s">
        <v>85</v>
      </c>
      <c r="B114" s="15">
        <v>18</v>
      </c>
      <c r="C114" s="16">
        <v>58</v>
      </c>
      <c r="D114" s="17">
        <v>76</v>
      </c>
    </row>
    <row r="115" spans="1:4" ht="18" customHeight="1" x14ac:dyDescent="0.2">
      <c r="A115" s="14">
        <v>90</v>
      </c>
      <c r="B115" s="15">
        <v>2</v>
      </c>
      <c r="C115" s="16">
        <v>8</v>
      </c>
      <c r="D115" s="17">
        <v>10</v>
      </c>
    </row>
    <row r="116" spans="1:4" ht="18" customHeight="1" x14ac:dyDescent="0.2">
      <c r="A116" s="14">
        <v>91</v>
      </c>
      <c r="B116" s="15">
        <v>1</v>
      </c>
      <c r="C116" s="16">
        <v>3</v>
      </c>
      <c r="D116" s="17">
        <v>4</v>
      </c>
    </row>
    <row r="117" spans="1:4" ht="18" customHeight="1" x14ac:dyDescent="0.2">
      <c r="A117" s="14">
        <v>92</v>
      </c>
      <c r="B117" s="15">
        <v>2</v>
      </c>
      <c r="C117" s="16">
        <v>7</v>
      </c>
      <c r="D117" s="17">
        <v>9</v>
      </c>
    </row>
    <row r="118" spans="1:4" ht="18" customHeight="1" x14ac:dyDescent="0.2">
      <c r="A118" s="14">
        <v>93</v>
      </c>
      <c r="B118" s="15">
        <v>2</v>
      </c>
      <c r="C118" s="16">
        <v>3</v>
      </c>
      <c r="D118" s="17">
        <v>5</v>
      </c>
    </row>
    <row r="119" spans="1:4" ht="18" customHeight="1" x14ac:dyDescent="0.2">
      <c r="A119" s="14">
        <v>94</v>
      </c>
      <c r="B119" s="15">
        <v>3</v>
      </c>
      <c r="C119" s="16">
        <v>4</v>
      </c>
      <c r="D119" s="17">
        <v>7</v>
      </c>
    </row>
    <row r="120" spans="1:4" ht="18" customHeight="1" x14ac:dyDescent="0.2">
      <c r="A120" s="18" t="s">
        <v>86</v>
      </c>
      <c r="B120" s="15">
        <v>10</v>
      </c>
      <c r="C120" s="16">
        <v>25</v>
      </c>
      <c r="D120" s="17">
        <v>35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87</v>
      </c>
      <c r="B126" s="15">
        <v>2</v>
      </c>
      <c r="C126" s="16">
        <v>15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359</v>
      </c>
      <c r="C130" s="5">
        <v>499</v>
      </c>
      <c r="D130" s="6">
        <v>858</v>
      </c>
    </row>
    <row r="131" spans="1:4" ht="18" customHeight="1" x14ac:dyDescent="0.2">
      <c r="A131" s="20" t="s">
        <v>65</v>
      </c>
      <c r="B131" s="7">
        <v>1386</v>
      </c>
      <c r="C131" s="8">
        <v>1564</v>
      </c>
      <c r="D131" s="9">
        <v>295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22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8</v>
      </c>
      <c r="C5" s="12">
        <v>13</v>
      </c>
      <c r="D5" s="13">
        <v>21</v>
      </c>
    </row>
    <row r="6" spans="1:4" ht="18" customHeight="1" x14ac:dyDescent="0.2">
      <c r="A6" s="14">
        <v>1</v>
      </c>
      <c r="B6" s="15">
        <v>26</v>
      </c>
      <c r="C6" s="16">
        <v>14</v>
      </c>
      <c r="D6" s="17">
        <v>40</v>
      </c>
    </row>
    <row r="7" spans="1:4" ht="18" customHeight="1" x14ac:dyDescent="0.2">
      <c r="A7" s="14">
        <v>2</v>
      </c>
      <c r="B7" s="15">
        <v>24</v>
      </c>
      <c r="C7" s="16">
        <v>20</v>
      </c>
      <c r="D7" s="17">
        <v>44</v>
      </c>
    </row>
    <row r="8" spans="1:4" ht="18" customHeight="1" x14ac:dyDescent="0.2">
      <c r="A8" s="14">
        <v>3</v>
      </c>
      <c r="B8" s="15">
        <v>29</v>
      </c>
      <c r="C8" s="16">
        <v>20</v>
      </c>
      <c r="D8" s="17">
        <v>49</v>
      </c>
    </row>
    <row r="9" spans="1:4" ht="18" customHeight="1" x14ac:dyDescent="0.2">
      <c r="A9" s="14">
        <v>4</v>
      </c>
      <c r="B9" s="15">
        <v>22</v>
      </c>
      <c r="C9" s="16">
        <v>27</v>
      </c>
      <c r="D9" s="17">
        <v>49</v>
      </c>
    </row>
    <row r="10" spans="1:4" ht="18" customHeight="1" x14ac:dyDescent="0.2">
      <c r="A10" s="18" t="s">
        <v>66</v>
      </c>
      <c r="B10" s="15">
        <v>109</v>
      </c>
      <c r="C10" s="16">
        <v>94</v>
      </c>
      <c r="D10" s="17">
        <v>203</v>
      </c>
    </row>
    <row r="11" spans="1:4" ht="18" customHeight="1" x14ac:dyDescent="0.2">
      <c r="A11" s="14">
        <v>5</v>
      </c>
      <c r="B11" s="15">
        <v>29</v>
      </c>
      <c r="C11" s="16">
        <v>25</v>
      </c>
      <c r="D11" s="17">
        <v>54</v>
      </c>
    </row>
    <row r="12" spans="1:4" ht="18" customHeight="1" x14ac:dyDescent="0.2">
      <c r="A12" s="14">
        <v>6</v>
      </c>
      <c r="B12" s="15">
        <v>31</v>
      </c>
      <c r="C12" s="16">
        <v>17</v>
      </c>
      <c r="D12" s="17">
        <v>48</v>
      </c>
    </row>
    <row r="13" spans="1:4" ht="18" customHeight="1" x14ac:dyDescent="0.2">
      <c r="A13" s="14">
        <v>7</v>
      </c>
      <c r="B13" s="15">
        <v>42</v>
      </c>
      <c r="C13" s="16">
        <v>29</v>
      </c>
      <c r="D13" s="17">
        <v>71</v>
      </c>
    </row>
    <row r="14" spans="1:4" ht="18" customHeight="1" x14ac:dyDescent="0.2">
      <c r="A14" s="14">
        <v>8</v>
      </c>
      <c r="B14" s="15">
        <v>38</v>
      </c>
      <c r="C14" s="16">
        <v>30</v>
      </c>
      <c r="D14" s="17">
        <v>68</v>
      </c>
    </row>
    <row r="15" spans="1:4" ht="18" customHeight="1" x14ac:dyDescent="0.2">
      <c r="A15" s="14">
        <v>9</v>
      </c>
      <c r="B15" s="15">
        <v>36</v>
      </c>
      <c r="C15" s="16">
        <v>25</v>
      </c>
      <c r="D15" s="17">
        <v>61</v>
      </c>
    </row>
    <row r="16" spans="1:4" ht="18" customHeight="1" x14ac:dyDescent="0.2">
      <c r="A16" s="18" t="s">
        <v>67</v>
      </c>
      <c r="B16" s="15">
        <v>176</v>
      </c>
      <c r="C16" s="16">
        <v>126</v>
      </c>
      <c r="D16" s="17">
        <v>302</v>
      </c>
    </row>
    <row r="17" spans="1:4" ht="18" customHeight="1" x14ac:dyDescent="0.2">
      <c r="A17" s="14">
        <v>10</v>
      </c>
      <c r="B17" s="15">
        <v>31</v>
      </c>
      <c r="C17" s="16">
        <v>35</v>
      </c>
      <c r="D17" s="17">
        <v>66</v>
      </c>
    </row>
    <row r="18" spans="1:4" ht="18" customHeight="1" x14ac:dyDescent="0.2">
      <c r="A18" s="14">
        <v>11</v>
      </c>
      <c r="B18" s="15">
        <v>34</v>
      </c>
      <c r="C18" s="16">
        <v>25</v>
      </c>
      <c r="D18" s="17">
        <v>59</v>
      </c>
    </row>
    <row r="19" spans="1:4" ht="18" customHeight="1" x14ac:dyDescent="0.2">
      <c r="A19" s="14">
        <v>12</v>
      </c>
      <c r="B19" s="15">
        <v>40</v>
      </c>
      <c r="C19" s="16">
        <v>24</v>
      </c>
      <c r="D19" s="17">
        <v>64</v>
      </c>
    </row>
    <row r="20" spans="1:4" ht="18" customHeight="1" x14ac:dyDescent="0.2">
      <c r="A20" s="14">
        <v>13</v>
      </c>
      <c r="B20" s="15">
        <v>33</v>
      </c>
      <c r="C20" s="16">
        <v>27</v>
      </c>
      <c r="D20" s="17">
        <v>60</v>
      </c>
    </row>
    <row r="21" spans="1:4" ht="18" customHeight="1" x14ac:dyDescent="0.2">
      <c r="A21" s="14">
        <v>14</v>
      </c>
      <c r="B21" s="15">
        <v>30</v>
      </c>
      <c r="C21" s="16">
        <v>28</v>
      </c>
      <c r="D21" s="17">
        <v>58</v>
      </c>
    </row>
    <row r="22" spans="1:4" ht="18" customHeight="1" x14ac:dyDescent="0.2">
      <c r="A22" s="18" t="s">
        <v>68</v>
      </c>
      <c r="B22" s="15">
        <v>168</v>
      </c>
      <c r="C22" s="16">
        <v>139</v>
      </c>
      <c r="D22" s="17">
        <v>307</v>
      </c>
    </row>
    <row r="23" spans="1:4" ht="18" customHeight="1" x14ac:dyDescent="0.2">
      <c r="A23" s="18" t="s">
        <v>69</v>
      </c>
      <c r="B23" s="15">
        <v>453</v>
      </c>
      <c r="C23" s="16">
        <v>359</v>
      </c>
      <c r="D23" s="17">
        <v>812</v>
      </c>
    </row>
    <row r="24" spans="1:4" ht="18" customHeight="1" x14ac:dyDescent="0.2">
      <c r="A24" s="14">
        <v>15</v>
      </c>
      <c r="B24" s="15">
        <v>26</v>
      </c>
      <c r="C24" s="16">
        <v>18</v>
      </c>
      <c r="D24" s="17">
        <v>44</v>
      </c>
    </row>
    <row r="25" spans="1:4" ht="18" customHeight="1" x14ac:dyDescent="0.2">
      <c r="A25" s="14">
        <v>16</v>
      </c>
      <c r="B25" s="15">
        <v>29</v>
      </c>
      <c r="C25" s="16">
        <v>28</v>
      </c>
      <c r="D25" s="17">
        <v>57</v>
      </c>
    </row>
    <row r="26" spans="1:4" ht="18" customHeight="1" x14ac:dyDescent="0.2">
      <c r="A26" s="14">
        <v>17</v>
      </c>
      <c r="B26" s="15">
        <v>27</v>
      </c>
      <c r="C26" s="16">
        <v>21</v>
      </c>
      <c r="D26" s="17">
        <v>48</v>
      </c>
    </row>
    <row r="27" spans="1:4" ht="18" customHeight="1" x14ac:dyDescent="0.2">
      <c r="A27" s="14">
        <v>18</v>
      </c>
      <c r="B27" s="15">
        <v>24</v>
      </c>
      <c r="C27" s="16">
        <v>22</v>
      </c>
      <c r="D27" s="17">
        <v>46</v>
      </c>
    </row>
    <row r="28" spans="1:4" ht="18" customHeight="1" x14ac:dyDescent="0.2">
      <c r="A28" s="14">
        <v>19</v>
      </c>
      <c r="B28" s="15">
        <v>16</v>
      </c>
      <c r="C28" s="16">
        <v>14</v>
      </c>
      <c r="D28" s="17">
        <v>30</v>
      </c>
    </row>
    <row r="29" spans="1:4" ht="18" customHeight="1" x14ac:dyDescent="0.2">
      <c r="A29" s="18" t="s">
        <v>70</v>
      </c>
      <c r="B29" s="15">
        <v>122</v>
      </c>
      <c r="C29" s="16">
        <v>103</v>
      </c>
      <c r="D29" s="17">
        <v>225</v>
      </c>
    </row>
    <row r="30" spans="1:4" ht="18" customHeight="1" x14ac:dyDescent="0.2">
      <c r="A30" s="14">
        <v>20</v>
      </c>
      <c r="B30" s="15">
        <v>27</v>
      </c>
      <c r="C30" s="16">
        <v>18</v>
      </c>
      <c r="D30" s="17">
        <v>45</v>
      </c>
    </row>
    <row r="31" spans="1:4" ht="18" customHeight="1" x14ac:dyDescent="0.2">
      <c r="A31" s="14">
        <v>21</v>
      </c>
      <c r="B31" s="15">
        <v>22</v>
      </c>
      <c r="C31" s="16">
        <v>11</v>
      </c>
      <c r="D31" s="17">
        <v>33</v>
      </c>
    </row>
    <row r="32" spans="1:4" ht="18" customHeight="1" x14ac:dyDescent="0.2">
      <c r="A32" s="14">
        <v>22</v>
      </c>
      <c r="B32" s="15">
        <v>16</v>
      </c>
      <c r="C32" s="16">
        <v>21</v>
      </c>
      <c r="D32" s="17">
        <v>37</v>
      </c>
    </row>
    <row r="33" spans="1:4" ht="18" customHeight="1" x14ac:dyDescent="0.2">
      <c r="A33" s="14">
        <v>23</v>
      </c>
      <c r="B33" s="15">
        <v>16</v>
      </c>
      <c r="C33" s="16">
        <v>14</v>
      </c>
      <c r="D33" s="17">
        <v>30</v>
      </c>
    </row>
    <row r="34" spans="1:4" ht="18" customHeight="1" x14ac:dyDescent="0.2">
      <c r="A34" s="14">
        <v>24</v>
      </c>
      <c r="B34" s="15">
        <v>17</v>
      </c>
      <c r="C34" s="16">
        <v>14</v>
      </c>
      <c r="D34" s="17">
        <v>31</v>
      </c>
    </row>
    <row r="35" spans="1:4" ht="18" customHeight="1" x14ac:dyDescent="0.2">
      <c r="A35" s="18" t="s">
        <v>71</v>
      </c>
      <c r="B35" s="15">
        <v>98</v>
      </c>
      <c r="C35" s="16">
        <v>78</v>
      </c>
      <c r="D35" s="17">
        <v>176</v>
      </c>
    </row>
    <row r="36" spans="1:4" ht="18" customHeight="1" x14ac:dyDescent="0.2">
      <c r="A36" s="14">
        <v>25</v>
      </c>
      <c r="B36" s="15">
        <v>17</v>
      </c>
      <c r="C36" s="16">
        <v>17</v>
      </c>
      <c r="D36" s="17">
        <v>34</v>
      </c>
    </row>
    <row r="37" spans="1:4" ht="18" customHeight="1" x14ac:dyDescent="0.2">
      <c r="A37" s="14">
        <v>26</v>
      </c>
      <c r="B37" s="15">
        <v>23</v>
      </c>
      <c r="C37" s="16">
        <v>11</v>
      </c>
      <c r="D37" s="17">
        <v>34</v>
      </c>
    </row>
    <row r="38" spans="1:4" ht="18" customHeight="1" x14ac:dyDescent="0.2">
      <c r="A38" s="14">
        <v>27</v>
      </c>
      <c r="B38" s="15">
        <v>11</v>
      </c>
      <c r="C38" s="16">
        <v>19</v>
      </c>
      <c r="D38" s="17">
        <v>30</v>
      </c>
    </row>
    <row r="39" spans="1:4" ht="18" customHeight="1" x14ac:dyDescent="0.2">
      <c r="A39" s="14">
        <v>28</v>
      </c>
      <c r="B39" s="15">
        <v>23</v>
      </c>
      <c r="C39" s="16">
        <v>25</v>
      </c>
      <c r="D39" s="17">
        <v>48</v>
      </c>
    </row>
    <row r="40" spans="1:4" ht="18" customHeight="1" x14ac:dyDescent="0.2">
      <c r="A40" s="14">
        <v>29</v>
      </c>
      <c r="B40" s="15">
        <v>23</v>
      </c>
      <c r="C40" s="16">
        <v>25</v>
      </c>
      <c r="D40" s="17">
        <v>48</v>
      </c>
    </row>
    <row r="41" spans="1:4" ht="18" customHeight="1" x14ac:dyDescent="0.2">
      <c r="A41" s="18" t="s">
        <v>72</v>
      </c>
      <c r="B41" s="15">
        <v>97</v>
      </c>
      <c r="C41" s="16">
        <v>97</v>
      </c>
      <c r="D41" s="17">
        <v>194</v>
      </c>
    </row>
    <row r="42" spans="1:4" ht="18" customHeight="1" x14ac:dyDescent="0.2">
      <c r="A42" s="14">
        <v>30</v>
      </c>
      <c r="B42" s="15">
        <v>29</v>
      </c>
      <c r="C42" s="16">
        <v>27</v>
      </c>
      <c r="D42" s="17">
        <v>56</v>
      </c>
    </row>
    <row r="43" spans="1:4" ht="18" customHeight="1" x14ac:dyDescent="0.2">
      <c r="A43" s="14">
        <v>31</v>
      </c>
      <c r="B43" s="15">
        <v>33</v>
      </c>
      <c r="C43" s="16">
        <v>26</v>
      </c>
      <c r="D43" s="17">
        <v>59</v>
      </c>
    </row>
    <row r="44" spans="1:4" ht="18" customHeight="1" x14ac:dyDescent="0.2">
      <c r="A44" s="14">
        <v>32</v>
      </c>
      <c r="B44" s="15">
        <v>30</v>
      </c>
      <c r="C44" s="16">
        <v>28</v>
      </c>
      <c r="D44" s="17">
        <v>58</v>
      </c>
    </row>
    <row r="45" spans="1:4" ht="18" customHeight="1" x14ac:dyDescent="0.2">
      <c r="A45" s="14">
        <v>33</v>
      </c>
      <c r="B45" s="15">
        <v>35</v>
      </c>
      <c r="C45" s="16">
        <v>30</v>
      </c>
      <c r="D45" s="17">
        <v>65</v>
      </c>
    </row>
    <row r="46" spans="1:4" ht="18" customHeight="1" x14ac:dyDescent="0.2">
      <c r="A46" s="14">
        <v>34</v>
      </c>
      <c r="B46" s="15">
        <v>48</v>
      </c>
      <c r="C46" s="16">
        <v>40</v>
      </c>
      <c r="D46" s="17">
        <v>88</v>
      </c>
    </row>
    <row r="47" spans="1:4" ht="18" customHeight="1" x14ac:dyDescent="0.2">
      <c r="A47" s="18" t="s">
        <v>73</v>
      </c>
      <c r="B47" s="15">
        <v>175</v>
      </c>
      <c r="C47" s="16">
        <v>151</v>
      </c>
      <c r="D47" s="17">
        <v>326</v>
      </c>
    </row>
    <row r="48" spans="1:4" ht="18" customHeight="1" x14ac:dyDescent="0.2">
      <c r="A48" s="14">
        <v>35</v>
      </c>
      <c r="B48" s="15">
        <v>40</v>
      </c>
      <c r="C48" s="16">
        <v>49</v>
      </c>
      <c r="D48" s="17">
        <v>89</v>
      </c>
    </row>
    <row r="49" spans="1:4" ht="18" customHeight="1" x14ac:dyDescent="0.2">
      <c r="A49" s="14">
        <v>36</v>
      </c>
      <c r="B49" s="15">
        <v>39</v>
      </c>
      <c r="C49" s="16">
        <v>48</v>
      </c>
      <c r="D49" s="17">
        <v>87</v>
      </c>
    </row>
    <row r="50" spans="1:4" ht="18" customHeight="1" x14ac:dyDescent="0.2">
      <c r="A50" s="14">
        <v>37</v>
      </c>
      <c r="B50" s="15">
        <v>38</v>
      </c>
      <c r="C50" s="16">
        <v>49</v>
      </c>
      <c r="D50" s="17">
        <v>87</v>
      </c>
    </row>
    <row r="51" spans="1:4" ht="18" customHeight="1" x14ac:dyDescent="0.2">
      <c r="A51" s="14">
        <v>38</v>
      </c>
      <c r="B51" s="15">
        <v>51</v>
      </c>
      <c r="C51" s="16">
        <v>47</v>
      </c>
      <c r="D51" s="17">
        <v>98</v>
      </c>
    </row>
    <row r="52" spans="1:4" ht="18" customHeight="1" x14ac:dyDescent="0.2">
      <c r="A52" s="14">
        <v>39</v>
      </c>
      <c r="B52" s="15">
        <v>46</v>
      </c>
      <c r="C52" s="16">
        <v>35</v>
      </c>
      <c r="D52" s="17">
        <v>81</v>
      </c>
    </row>
    <row r="53" spans="1:4" ht="18" customHeight="1" x14ac:dyDescent="0.2">
      <c r="A53" s="18" t="s">
        <v>74</v>
      </c>
      <c r="B53" s="15">
        <v>214</v>
      </c>
      <c r="C53" s="16">
        <v>228</v>
      </c>
      <c r="D53" s="17">
        <v>442</v>
      </c>
    </row>
    <row r="54" spans="1:4" ht="18" customHeight="1" x14ac:dyDescent="0.2">
      <c r="A54" s="14">
        <v>40</v>
      </c>
      <c r="B54" s="15">
        <v>36</v>
      </c>
      <c r="C54" s="16">
        <v>43</v>
      </c>
      <c r="D54" s="17">
        <v>79</v>
      </c>
    </row>
    <row r="55" spans="1:4" ht="18" customHeight="1" x14ac:dyDescent="0.2">
      <c r="A55" s="14">
        <v>41</v>
      </c>
      <c r="B55" s="15">
        <v>42</v>
      </c>
      <c r="C55" s="16">
        <v>40</v>
      </c>
      <c r="D55" s="17">
        <v>82</v>
      </c>
    </row>
    <row r="56" spans="1:4" ht="18" customHeight="1" x14ac:dyDescent="0.2">
      <c r="A56" s="14">
        <v>42</v>
      </c>
      <c r="B56" s="15">
        <v>21</v>
      </c>
      <c r="C56" s="16">
        <v>40</v>
      </c>
      <c r="D56" s="17">
        <v>61</v>
      </c>
    </row>
    <row r="57" spans="1:4" ht="18" customHeight="1" x14ac:dyDescent="0.2">
      <c r="A57" s="14">
        <v>43</v>
      </c>
      <c r="B57" s="15">
        <v>33</v>
      </c>
      <c r="C57" s="16">
        <v>23</v>
      </c>
      <c r="D57" s="17">
        <v>56</v>
      </c>
    </row>
    <row r="58" spans="1:4" ht="18" customHeight="1" x14ac:dyDescent="0.2">
      <c r="A58" s="14">
        <v>44</v>
      </c>
      <c r="B58" s="15">
        <v>29</v>
      </c>
      <c r="C58" s="16">
        <v>46</v>
      </c>
      <c r="D58" s="17">
        <v>75</v>
      </c>
    </row>
    <row r="59" spans="1:4" ht="18" customHeight="1" x14ac:dyDescent="0.2">
      <c r="A59" s="18" t="s">
        <v>75</v>
      </c>
      <c r="B59" s="15">
        <v>161</v>
      </c>
      <c r="C59" s="16">
        <v>192</v>
      </c>
      <c r="D59" s="17">
        <v>353</v>
      </c>
    </row>
    <row r="60" spans="1:4" ht="18" customHeight="1" x14ac:dyDescent="0.2">
      <c r="A60" s="14">
        <v>45</v>
      </c>
      <c r="B60" s="15">
        <v>29</v>
      </c>
      <c r="C60" s="16">
        <v>28</v>
      </c>
      <c r="D60" s="17">
        <v>57</v>
      </c>
    </row>
    <row r="61" spans="1:4" ht="18" customHeight="1" x14ac:dyDescent="0.2">
      <c r="A61" s="14">
        <v>46</v>
      </c>
      <c r="B61" s="15">
        <v>25</v>
      </c>
      <c r="C61" s="16">
        <v>28</v>
      </c>
      <c r="D61" s="17">
        <v>53</v>
      </c>
    </row>
    <row r="62" spans="1:4" ht="18" customHeight="1" x14ac:dyDescent="0.2">
      <c r="A62" s="14">
        <v>47</v>
      </c>
      <c r="B62" s="15">
        <v>22</v>
      </c>
      <c r="C62" s="16">
        <v>23</v>
      </c>
      <c r="D62" s="17">
        <v>45</v>
      </c>
    </row>
    <row r="63" spans="1:4" ht="18" customHeight="1" x14ac:dyDescent="0.2">
      <c r="A63" s="14">
        <v>48</v>
      </c>
      <c r="B63" s="15">
        <v>32</v>
      </c>
      <c r="C63" s="16">
        <v>27</v>
      </c>
      <c r="D63" s="17">
        <v>59</v>
      </c>
    </row>
    <row r="64" spans="1:4" ht="18" customHeight="1" x14ac:dyDescent="0.2">
      <c r="A64" s="14">
        <v>49</v>
      </c>
      <c r="B64" s="15">
        <v>29</v>
      </c>
      <c r="C64" s="16">
        <v>19</v>
      </c>
      <c r="D64" s="17">
        <v>48</v>
      </c>
    </row>
    <row r="65" spans="1:4" ht="18" customHeight="1" x14ac:dyDescent="0.2">
      <c r="A65" s="18" t="s">
        <v>76</v>
      </c>
      <c r="B65" s="15">
        <v>137</v>
      </c>
      <c r="C65" s="16">
        <v>125</v>
      </c>
      <c r="D65" s="17">
        <v>262</v>
      </c>
    </row>
    <row r="66" spans="1:4" ht="18" customHeight="1" x14ac:dyDescent="0.2">
      <c r="A66" s="14">
        <v>50</v>
      </c>
      <c r="B66" s="15">
        <v>28</v>
      </c>
      <c r="C66" s="16">
        <v>20</v>
      </c>
      <c r="D66" s="17">
        <v>48</v>
      </c>
    </row>
    <row r="67" spans="1:4" ht="18" customHeight="1" x14ac:dyDescent="0.2">
      <c r="A67" s="14">
        <v>51</v>
      </c>
      <c r="B67" s="15">
        <v>22</v>
      </c>
      <c r="C67" s="16">
        <v>20</v>
      </c>
      <c r="D67" s="17">
        <v>42</v>
      </c>
    </row>
    <row r="68" spans="1:4" ht="18" customHeight="1" x14ac:dyDescent="0.2">
      <c r="A68" s="14">
        <v>52</v>
      </c>
      <c r="B68" s="15">
        <v>24</v>
      </c>
      <c r="C68" s="16">
        <v>27</v>
      </c>
      <c r="D68" s="17">
        <v>51</v>
      </c>
    </row>
    <row r="69" spans="1:4" ht="18" customHeight="1" x14ac:dyDescent="0.2">
      <c r="A69" s="14">
        <v>53</v>
      </c>
      <c r="B69" s="15">
        <v>22</v>
      </c>
      <c r="C69" s="16">
        <v>22</v>
      </c>
      <c r="D69" s="17">
        <v>44</v>
      </c>
    </row>
    <row r="70" spans="1:4" ht="18" customHeight="1" x14ac:dyDescent="0.2">
      <c r="A70" s="14">
        <v>54</v>
      </c>
      <c r="B70" s="15">
        <v>23</v>
      </c>
      <c r="C70" s="16">
        <v>24</v>
      </c>
      <c r="D70" s="17">
        <v>47</v>
      </c>
    </row>
    <row r="71" spans="1:4" ht="18" customHeight="1" x14ac:dyDescent="0.2">
      <c r="A71" s="18" t="s">
        <v>77</v>
      </c>
      <c r="B71" s="15">
        <v>119</v>
      </c>
      <c r="C71" s="16">
        <v>113</v>
      </c>
      <c r="D71" s="17">
        <v>232</v>
      </c>
    </row>
    <row r="72" spans="1:4" ht="18" customHeight="1" x14ac:dyDescent="0.2">
      <c r="A72" s="14">
        <v>55</v>
      </c>
      <c r="B72" s="15">
        <v>24</v>
      </c>
      <c r="C72" s="16">
        <v>23</v>
      </c>
      <c r="D72" s="17">
        <v>47</v>
      </c>
    </row>
    <row r="73" spans="1:4" ht="18" customHeight="1" x14ac:dyDescent="0.2">
      <c r="A73" s="14">
        <v>56</v>
      </c>
      <c r="B73" s="15">
        <v>35</v>
      </c>
      <c r="C73" s="16">
        <v>26</v>
      </c>
      <c r="D73" s="17">
        <v>61</v>
      </c>
    </row>
    <row r="74" spans="1:4" ht="18" customHeight="1" x14ac:dyDescent="0.2">
      <c r="A74" s="14">
        <v>57</v>
      </c>
      <c r="B74" s="15">
        <v>28</v>
      </c>
      <c r="C74" s="16">
        <v>32</v>
      </c>
      <c r="D74" s="17">
        <v>60</v>
      </c>
    </row>
    <row r="75" spans="1:4" ht="18" customHeight="1" x14ac:dyDescent="0.2">
      <c r="A75" s="14">
        <v>58</v>
      </c>
      <c r="B75" s="15">
        <v>32</v>
      </c>
      <c r="C75" s="16">
        <v>42</v>
      </c>
      <c r="D75" s="17">
        <v>74</v>
      </c>
    </row>
    <row r="76" spans="1:4" ht="18" customHeight="1" x14ac:dyDescent="0.2">
      <c r="A76" s="14">
        <v>59</v>
      </c>
      <c r="B76" s="15">
        <v>36</v>
      </c>
      <c r="C76" s="16">
        <v>49</v>
      </c>
      <c r="D76" s="17">
        <v>85</v>
      </c>
    </row>
    <row r="77" spans="1:4" ht="18" customHeight="1" x14ac:dyDescent="0.2">
      <c r="A77" s="18" t="s">
        <v>78</v>
      </c>
      <c r="B77" s="15">
        <v>155</v>
      </c>
      <c r="C77" s="16">
        <v>172</v>
      </c>
      <c r="D77" s="17">
        <v>327</v>
      </c>
    </row>
    <row r="78" spans="1:4" ht="18" customHeight="1" x14ac:dyDescent="0.2">
      <c r="A78" s="14">
        <v>60</v>
      </c>
      <c r="B78" s="15">
        <v>51</v>
      </c>
      <c r="C78" s="16">
        <v>44</v>
      </c>
      <c r="D78" s="17">
        <v>95</v>
      </c>
    </row>
    <row r="79" spans="1:4" ht="18" customHeight="1" x14ac:dyDescent="0.2">
      <c r="A79" s="14">
        <v>61</v>
      </c>
      <c r="B79" s="15">
        <v>43</v>
      </c>
      <c r="C79" s="16">
        <v>49</v>
      </c>
      <c r="D79" s="17">
        <v>92</v>
      </c>
    </row>
    <row r="80" spans="1:4" ht="18" customHeight="1" x14ac:dyDescent="0.2">
      <c r="A80" s="14">
        <v>62</v>
      </c>
      <c r="B80" s="15">
        <v>54</v>
      </c>
      <c r="C80" s="16">
        <v>53</v>
      </c>
      <c r="D80" s="17">
        <v>107</v>
      </c>
    </row>
    <row r="81" spans="1:4" ht="18" customHeight="1" x14ac:dyDescent="0.2">
      <c r="A81" s="14">
        <v>63</v>
      </c>
      <c r="B81" s="15">
        <v>30</v>
      </c>
      <c r="C81" s="16">
        <v>19</v>
      </c>
      <c r="D81" s="17">
        <v>49</v>
      </c>
    </row>
    <row r="82" spans="1:4" ht="18" customHeight="1" x14ac:dyDescent="0.2">
      <c r="A82" s="14">
        <v>64</v>
      </c>
      <c r="B82" s="15">
        <v>27</v>
      </c>
      <c r="C82" s="16">
        <v>29</v>
      </c>
      <c r="D82" s="17">
        <v>56</v>
      </c>
    </row>
    <row r="83" spans="1:4" ht="18" customHeight="1" x14ac:dyDescent="0.2">
      <c r="A83" s="18" t="s">
        <v>79</v>
      </c>
      <c r="B83" s="15">
        <v>205</v>
      </c>
      <c r="C83" s="16">
        <v>194</v>
      </c>
      <c r="D83" s="17">
        <v>399</v>
      </c>
    </row>
    <row r="84" spans="1:4" ht="18" customHeight="1" x14ac:dyDescent="0.2">
      <c r="A84" s="18" t="s">
        <v>80</v>
      </c>
      <c r="B84" s="15">
        <v>1483</v>
      </c>
      <c r="C84" s="16">
        <v>1453</v>
      </c>
      <c r="D84" s="17">
        <v>2936</v>
      </c>
    </row>
    <row r="85" spans="1:4" ht="18" customHeight="1" x14ac:dyDescent="0.2">
      <c r="A85" s="14">
        <v>65</v>
      </c>
      <c r="B85" s="15">
        <v>40</v>
      </c>
      <c r="C85" s="16">
        <v>39</v>
      </c>
      <c r="D85" s="17">
        <v>79</v>
      </c>
    </row>
    <row r="86" spans="1:4" ht="18" customHeight="1" x14ac:dyDescent="0.2">
      <c r="A86" s="14">
        <v>66</v>
      </c>
      <c r="B86" s="15">
        <v>23</v>
      </c>
      <c r="C86" s="16">
        <v>48</v>
      </c>
      <c r="D86" s="17">
        <v>71</v>
      </c>
    </row>
    <row r="87" spans="1:4" ht="18" customHeight="1" x14ac:dyDescent="0.2">
      <c r="A87" s="14">
        <v>67</v>
      </c>
      <c r="B87" s="15">
        <v>37</v>
      </c>
      <c r="C87" s="16">
        <v>34</v>
      </c>
      <c r="D87" s="17">
        <v>71</v>
      </c>
    </row>
    <row r="88" spans="1:4" ht="18" customHeight="1" x14ac:dyDescent="0.2">
      <c r="A88" s="14">
        <v>68</v>
      </c>
      <c r="B88" s="15">
        <v>30</v>
      </c>
      <c r="C88" s="16">
        <v>35</v>
      </c>
      <c r="D88" s="17">
        <v>65</v>
      </c>
    </row>
    <row r="89" spans="1:4" ht="18" customHeight="1" x14ac:dyDescent="0.2">
      <c r="A89" s="14">
        <v>69</v>
      </c>
      <c r="B89" s="15">
        <v>24</v>
      </c>
      <c r="C89" s="16">
        <v>34</v>
      </c>
      <c r="D89" s="17">
        <v>58</v>
      </c>
    </row>
    <row r="90" spans="1:4" ht="18" customHeight="1" x14ac:dyDescent="0.2">
      <c r="A90" s="18" t="s">
        <v>81</v>
      </c>
      <c r="B90" s="15">
        <v>154</v>
      </c>
      <c r="C90" s="16">
        <v>190</v>
      </c>
      <c r="D90" s="17">
        <v>344</v>
      </c>
    </row>
    <row r="91" spans="1:4" ht="18" customHeight="1" x14ac:dyDescent="0.2">
      <c r="A91" s="14">
        <v>70</v>
      </c>
      <c r="B91" s="15">
        <v>20</v>
      </c>
      <c r="C91" s="16">
        <v>33</v>
      </c>
      <c r="D91" s="17">
        <v>53</v>
      </c>
    </row>
    <row r="92" spans="1:4" ht="18" customHeight="1" x14ac:dyDescent="0.2">
      <c r="A92" s="14">
        <v>71</v>
      </c>
      <c r="B92" s="15">
        <v>25</v>
      </c>
      <c r="C92" s="16">
        <v>36</v>
      </c>
      <c r="D92" s="17">
        <v>61</v>
      </c>
    </row>
    <row r="93" spans="1:4" ht="18" customHeight="1" x14ac:dyDescent="0.2">
      <c r="A93" s="14">
        <v>72</v>
      </c>
      <c r="B93" s="15">
        <v>30</v>
      </c>
      <c r="C93" s="16">
        <v>29</v>
      </c>
      <c r="D93" s="17">
        <v>59</v>
      </c>
    </row>
    <row r="94" spans="1:4" ht="18" customHeight="1" x14ac:dyDescent="0.2">
      <c r="A94" s="14">
        <v>73</v>
      </c>
      <c r="B94" s="15">
        <v>23</v>
      </c>
      <c r="C94" s="16">
        <v>36</v>
      </c>
      <c r="D94" s="17">
        <v>59</v>
      </c>
    </row>
    <row r="95" spans="1:4" ht="18" customHeight="1" x14ac:dyDescent="0.2">
      <c r="A95" s="14">
        <v>74</v>
      </c>
      <c r="B95" s="15">
        <v>23</v>
      </c>
      <c r="C95" s="16">
        <v>30</v>
      </c>
      <c r="D95" s="17">
        <v>53</v>
      </c>
    </row>
    <row r="96" spans="1:4" ht="18" customHeight="1" x14ac:dyDescent="0.2">
      <c r="A96" s="18" t="s">
        <v>82</v>
      </c>
      <c r="B96" s="15">
        <v>121</v>
      </c>
      <c r="C96" s="16">
        <v>164</v>
      </c>
      <c r="D96" s="17">
        <v>285</v>
      </c>
    </row>
    <row r="97" spans="1:4" ht="18" customHeight="1" x14ac:dyDescent="0.2">
      <c r="A97" s="14">
        <v>75</v>
      </c>
      <c r="B97" s="15">
        <v>23</v>
      </c>
      <c r="C97" s="16">
        <v>32</v>
      </c>
      <c r="D97" s="17">
        <v>55</v>
      </c>
    </row>
    <row r="98" spans="1:4" ht="18" customHeight="1" x14ac:dyDescent="0.2">
      <c r="A98" s="14">
        <v>76</v>
      </c>
      <c r="B98" s="15">
        <v>12</v>
      </c>
      <c r="C98" s="16">
        <v>23</v>
      </c>
      <c r="D98" s="17">
        <v>35</v>
      </c>
    </row>
    <row r="99" spans="1:4" ht="18" customHeight="1" x14ac:dyDescent="0.2">
      <c r="A99" s="14">
        <v>77</v>
      </c>
      <c r="B99" s="15">
        <v>21</v>
      </c>
      <c r="C99" s="16">
        <v>27</v>
      </c>
      <c r="D99" s="17">
        <v>48</v>
      </c>
    </row>
    <row r="100" spans="1:4" ht="18" customHeight="1" x14ac:dyDescent="0.2">
      <c r="A100" s="14">
        <v>78</v>
      </c>
      <c r="B100" s="15">
        <v>8</v>
      </c>
      <c r="C100" s="16">
        <v>25</v>
      </c>
      <c r="D100" s="17">
        <v>33</v>
      </c>
    </row>
    <row r="101" spans="1:4" ht="18" customHeight="1" x14ac:dyDescent="0.2">
      <c r="A101" s="14">
        <v>79</v>
      </c>
      <c r="B101" s="15">
        <v>19</v>
      </c>
      <c r="C101" s="16">
        <v>19</v>
      </c>
      <c r="D101" s="17">
        <v>38</v>
      </c>
    </row>
    <row r="102" spans="1:4" ht="18" customHeight="1" x14ac:dyDescent="0.2">
      <c r="A102" s="18" t="s">
        <v>83</v>
      </c>
      <c r="B102" s="15">
        <v>83</v>
      </c>
      <c r="C102" s="16">
        <v>126</v>
      </c>
      <c r="D102" s="17">
        <v>209</v>
      </c>
    </row>
    <row r="103" spans="1:4" ht="18" customHeight="1" x14ac:dyDescent="0.2">
      <c r="A103" s="14">
        <v>80</v>
      </c>
      <c r="B103" s="15">
        <v>15</v>
      </c>
      <c r="C103" s="16">
        <v>20</v>
      </c>
      <c r="D103" s="17">
        <v>35</v>
      </c>
    </row>
    <row r="104" spans="1:4" ht="18" customHeight="1" x14ac:dyDescent="0.2">
      <c r="A104" s="14">
        <v>81</v>
      </c>
      <c r="B104" s="15">
        <v>17</v>
      </c>
      <c r="C104" s="16">
        <v>28</v>
      </c>
      <c r="D104" s="17">
        <v>45</v>
      </c>
    </row>
    <row r="105" spans="1:4" ht="18" customHeight="1" x14ac:dyDescent="0.2">
      <c r="A105" s="14">
        <v>82</v>
      </c>
      <c r="B105" s="15">
        <v>18</v>
      </c>
      <c r="C105" s="16">
        <v>23</v>
      </c>
      <c r="D105" s="17">
        <v>41</v>
      </c>
    </row>
    <row r="106" spans="1:4" ht="18" customHeight="1" x14ac:dyDescent="0.2">
      <c r="A106" s="14">
        <v>83</v>
      </c>
      <c r="B106" s="15">
        <v>10</v>
      </c>
      <c r="C106" s="16">
        <v>19</v>
      </c>
      <c r="D106" s="17">
        <v>29</v>
      </c>
    </row>
    <row r="107" spans="1:4" ht="18" customHeight="1" x14ac:dyDescent="0.2">
      <c r="A107" s="14">
        <v>84</v>
      </c>
      <c r="B107" s="15">
        <v>5</v>
      </c>
      <c r="C107" s="16">
        <v>18</v>
      </c>
      <c r="D107" s="17">
        <v>23</v>
      </c>
    </row>
    <row r="108" spans="1:4" ht="18" customHeight="1" x14ac:dyDescent="0.2">
      <c r="A108" s="18" t="s">
        <v>84</v>
      </c>
      <c r="B108" s="15">
        <v>65</v>
      </c>
      <c r="C108" s="16">
        <v>108</v>
      </c>
      <c r="D108" s="17">
        <v>173</v>
      </c>
    </row>
    <row r="109" spans="1:4" ht="18" customHeight="1" x14ac:dyDescent="0.2">
      <c r="A109" s="14">
        <v>85</v>
      </c>
      <c r="B109" s="15">
        <v>10</v>
      </c>
      <c r="C109" s="16">
        <v>17</v>
      </c>
      <c r="D109" s="17">
        <v>27</v>
      </c>
    </row>
    <row r="110" spans="1:4" ht="18" customHeight="1" x14ac:dyDescent="0.2">
      <c r="A110" s="14">
        <v>86</v>
      </c>
      <c r="B110" s="15">
        <v>4</v>
      </c>
      <c r="C110" s="16">
        <v>14</v>
      </c>
      <c r="D110" s="17">
        <v>18</v>
      </c>
    </row>
    <row r="111" spans="1:4" ht="18" customHeight="1" x14ac:dyDescent="0.2">
      <c r="A111" s="14">
        <v>87</v>
      </c>
      <c r="B111" s="15">
        <v>5</v>
      </c>
      <c r="C111" s="16">
        <v>8</v>
      </c>
      <c r="D111" s="17">
        <v>13</v>
      </c>
    </row>
    <row r="112" spans="1:4" ht="18" customHeight="1" x14ac:dyDescent="0.2">
      <c r="A112" s="14">
        <v>88</v>
      </c>
      <c r="B112" s="15">
        <v>3</v>
      </c>
      <c r="C112" s="16">
        <v>20</v>
      </c>
      <c r="D112" s="17">
        <v>23</v>
      </c>
    </row>
    <row r="113" spans="1:4" ht="18" customHeight="1" x14ac:dyDescent="0.2">
      <c r="A113" s="14">
        <v>89</v>
      </c>
      <c r="B113" s="15">
        <v>6</v>
      </c>
      <c r="C113" s="16">
        <v>21</v>
      </c>
      <c r="D113" s="17">
        <v>27</v>
      </c>
    </row>
    <row r="114" spans="1:4" ht="18" customHeight="1" x14ac:dyDescent="0.2">
      <c r="A114" s="18" t="s">
        <v>85</v>
      </c>
      <c r="B114" s="15">
        <v>28</v>
      </c>
      <c r="C114" s="16">
        <v>80</v>
      </c>
      <c r="D114" s="17">
        <v>108</v>
      </c>
    </row>
    <row r="115" spans="1:4" ht="18" customHeight="1" x14ac:dyDescent="0.2">
      <c r="A115" s="14">
        <v>90</v>
      </c>
      <c r="B115" s="15">
        <v>4</v>
      </c>
      <c r="C115" s="16">
        <v>14</v>
      </c>
      <c r="D115" s="17">
        <v>18</v>
      </c>
    </row>
    <row r="116" spans="1:4" ht="18" customHeight="1" x14ac:dyDescent="0.2">
      <c r="A116" s="14">
        <v>91</v>
      </c>
      <c r="B116" s="15">
        <v>1</v>
      </c>
      <c r="C116" s="16">
        <v>5</v>
      </c>
      <c r="D116" s="17">
        <v>6</v>
      </c>
    </row>
    <row r="117" spans="1:4" ht="18" customHeight="1" x14ac:dyDescent="0.2">
      <c r="A117" s="14">
        <v>92</v>
      </c>
      <c r="B117" s="15">
        <v>3</v>
      </c>
      <c r="C117" s="16">
        <v>9</v>
      </c>
      <c r="D117" s="17">
        <v>12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86</v>
      </c>
      <c r="B120" s="15">
        <v>10</v>
      </c>
      <c r="C120" s="16">
        <v>40</v>
      </c>
      <c r="D120" s="17">
        <v>50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87</v>
      </c>
      <c r="B126" s="15">
        <v>1</v>
      </c>
      <c r="C126" s="16">
        <v>24</v>
      </c>
      <c r="D126" s="17">
        <v>25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90</v>
      </c>
      <c r="B130" s="4">
        <v>463</v>
      </c>
      <c r="C130" s="5">
        <v>734</v>
      </c>
      <c r="D130" s="6">
        <v>1197</v>
      </c>
    </row>
    <row r="131" spans="1:4" ht="18" customHeight="1" x14ac:dyDescent="0.2">
      <c r="A131" s="20" t="s">
        <v>65</v>
      </c>
      <c r="B131" s="7">
        <v>2399</v>
      </c>
      <c r="C131" s="8">
        <v>2546</v>
      </c>
      <c r="D131" s="9">
        <v>494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23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63</v>
      </c>
      <c r="C5" s="12">
        <v>42</v>
      </c>
      <c r="D5" s="13">
        <v>105</v>
      </c>
    </row>
    <row r="6" spans="1:4" ht="18" customHeight="1" x14ac:dyDescent="0.2">
      <c r="A6" s="14">
        <v>1</v>
      </c>
      <c r="B6" s="15">
        <v>60</v>
      </c>
      <c r="C6" s="16">
        <v>44</v>
      </c>
      <c r="D6" s="17">
        <v>104</v>
      </c>
    </row>
    <row r="7" spans="1:4" ht="18" customHeight="1" x14ac:dyDescent="0.2">
      <c r="A7" s="14">
        <v>2</v>
      </c>
      <c r="B7" s="15">
        <v>49</v>
      </c>
      <c r="C7" s="16">
        <v>47</v>
      </c>
      <c r="D7" s="17">
        <v>96</v>
      </c>
    </row>
    <row r="8" spans="1:4" ht="18" customHeight="1" x14ac:dyDescent="0.2">
      <c r="A8" s="14">
        <v>3</v>
      </c>
      <c r="B8" s="15">
        <v>62</v>
      </c>
      <c r="C8" s="16">
        <v>55</v>
      </c>
      <c r="D8" s="17">
        <v>117</v>
      </c>
    </row>
    <row r="9" spans="1:4" ht="18" customHeight="1" x14ac:dyDescent="0.2">
      <c r="A9" s="14">
        <v>4</v>
      </c>
      <c r="B9" s="15">
        <v>58</v>
      </c>
      <c r="C9" s="16">
        <v>58</v>
      </c>
      <c r="D9" s="17">
        <v>116</v>
      </c>
    </row>
    <row r="10" spans="1:4" ht="18" customHeight="1" x14ac:dyDescent="0.2">
      <c r="A10" s="18" t="s">
        <v>66</v>
      </c>
      <c r="B10" s="15">
        <v>292</v>
      </c>
      <c r="C10" s="16">
        <v>246</v>
      </c>
      <c r="D10" s="17">
        <v>538</v>
      </c>
    </row>
    <row r="11" spans="1:4" ht="18" customHeight="1" x14ac:dyDescent="0.2">
      <c r="A11" s="14">
        <v>5</v>
      </c>
      <c r="B11" s="15">
        <v>55</v>
      </c>
      <c r="C11" s="16">
        <v>73</v>
      </c>
      <c r="D11" s="17">
        <v>128</v>
      </c>
    </row>
    <row r="12" spans="1:4" ht="18" customHeight="1" x14ac:dyDescent="0.2">
      <c r="A12" s="14">
        <v>6</v>
      </c>
      <c r="B12" s="15">
        <v>64</v>
      </c>
      <c r="C12" s="16">
        <v>65</v>
      </c>
      <c r="D12" s="17">
        <v>129</v>
      </c>
    </row>
    <row r="13" spans="1:4" ht="18" customHeight="1" x14ac:dyDescent="0.2">
      <c r="A13" s="14">
        <v>7</v>
      </c>
      <c r="B13" s="15">
        <v>76</v>
      </c>
      <c r="C13" s="16">
        <v>75</v>
      </c>
      <c r="D13" s="17">
        <v>151</v>
      </c>
    </row>
    <row r="14" spans="1:4" ht="18" customHeight="1" x14ac:dyDescent="0.2">
      <c r="A14" s="14">
        <v>8</v>
      </c>
      <c r="B14" s="15">
        <v>77</v>
      </c>
      <c r="C14" s="16">
        <v>68</v>
      </c>
      <c r="D14" s="17">
        <v>145</v>
      </c>
    </row>
    <row r="15" spans="1:4" ht="18" customHeight="1" x14ac:dyDescent="0.2">
      <c r="A15" s="14">
        <v>9</v>
      </c>
      <c r="B15" s="15">
        <v>86</v>
      </c>
      <c r="C15" s="16">
        <v>78</v>
      </c>
      <c r="D15" s="17">
        <v>164</v>
      </c>
    </row>
    <row r="16" spans="1:4" ht="18" customHeight="1" x14ac:dyDescent="0.2">
      <c r="A16" s="18" t="s">
        <v>67</v>
      </c>
      <c r="B16" s="15">
        <v>358</v>
      </c>
      <c r="C16" s="16">
        <v>359</v>
      </c>
      <c r="D16" s="17">
        <v>717</v>
      </c>
    </row>
    <row r="17" spans="1:4" ht="18" customHeight="1" x14ac:dyDescent="0.2">
      <c r="A17" s="14">
        <v>10</v>
      </c>
      <c r="B17" s="15">
        <v>78</v>
      </c>
      <c r="C17" s="16">
        <v>70</v>
      </c>
      <c r="D17" s="17">
        <v>148</v>
      </c>
    </row>
    <row r="18" spans="1:4" ht="18" customHeight="1" x14ac:dyDescent="0.2">
      <c r="A18" s="14">
        <v>11</v>
      </c>
      <c r="B18" s="15">
        <v>76</v>
      </c>
      <c r="C18" s="16">
        <v>84</v>
      </c>
      <c r="D18" s="17">
        <v>160</v>
      </c>
    </row>
    <row r="19" spans="1:4" ht="18" customHeight="1" x14ac:dyDescent="0.2">
      <c r="A19" s="14">
        <v>12</v>
      </c>
      <c r="B19" s="15">
        <v>75</v>
      </c>
      <c r="C19" s="16">
        <v>65</v>
      </c>
      <c r="D19" s="17">
        <v>140</v>
      </c>
    </row>
    <row r="20" spans="1:4" ht="18" customHeight="1" x14ac:dyDescent="0.2">
      <c r="A20" s="14">
        <v>13</v>
      </c>
      <c r="B20" s="15">
        <v>78</v>
      </c>
      <c r="C20" s="16">
        <v>72</v>
      </c>
      <c r="D20" s="17">
        <v>150</v>
      </c>
    </row>
    <row r="21" spans="1:4" ht="18" customHeight="1" x14ac:dyDescent="0.2">
      <c r="A21" s="14">
        <v>14</v>
      </c>
      <c r="B21" s="15">
        <v>90</v>
      </c>
      <c r="C21" s="16">
        <v>78</v>
      </c>
      <c r="D21" s="17">
        <v>168</v>
      </c>
    </row>
    <row r="22" spans="1:4" ht="18" customHeight="1" x14ac:dyDescent="0.2">
      <c r="A22" s="18" t="s">
        <v>68</v>
      </c>
      <c r="B22" s="15">
        <v>397</v>
      </c>
      <c r="C22" s="16">
        <v>369</v>
      </c>
      <c r="D22" s="17">
        <v>766</v>
      </c>
    </row>
    <row r="23" spans="1:4" ht="18" customHeight="1" x14ac:dyDescent="0.2">
      <c r="A23" s="18" t="s">
        <v>69</v>
      </c>
      <c r="B23" s="15">
        <v>1047</v>
      </c>
      <c r="C23" s="16">
        <v>974</v>
      </c>
      <c r="D23" s="17">
        <v>2021</v>
      </c>
    </row>
    <row r="24" spans="1:4" ht="18" customHeight="1" x14ac:dyDescent="0.2">
      <c r="A24" s="14">
        <v>15</v>
      </c>
      <c r="B24" s="15">
        <v>91</v>
      </c>
      <c r="C24" s="16">
        <v>91</v>
      </c>
      <c r="D24" s="17">
        <v>182</v>
      </c>
    </row>
    <row r="25" spans="1:4" ht="18" customHeight="1" x14ac:dyDescent="0.2">
      <c r="A25" s="14">
        <v>16</v>
      </c>
      <c r="B25" s="15">
        <v>92</v>
      </c>
      <c r="C25" s="16">
        <v>81</v>
      </c>
      <c r="D25" s="17">
        <v>173</v>
      </c>
    </row>
    <row r="26" spans="1:4" ht="18" customHeight="1" x14ac:dyDescent="0.2">
      <c r="A26" s="14">
        <v>17</v>
      </c>
      <c r="B26" s="15">
        <v>74</v>
      </c>
      <c r="C26" s="16">
        <v>81</v>
      </c>
      <c r="D26" s="17">
        <v>155</v>
      </c>
    </row>
    <row r="27" spans="1:4" ht="18" customHeight="1" x14ac:dyDescent="0.2">
      <c r="A27" s="14">
        <v>18</v>
      </c>
      <c r="B27" s="15">
        <v>101</v>
      </c>
      <c r="C27" s="16">
        <v>74</v>
      </c>
      <c r="D27" s="17">
        <v>175</v>
      </c>
    </row>
    <row r="28" spans="1:4" ht="18" customHeight="1" x14ac:dyDescent="0.2">
      <c r="A28" s="14">
        <v>19</v>
      </c>
      <c r="B28" s="15">
        <v>73</v>
      </c>
      <c r="C28" s="16">
        <v>79</v>
      </c>
      <c r="D28" s="17">
        <v>152</v>
      </c>
    </row>
    <row r="29" spans="1:4" ht="18" customHeight="1" x14ac:dyDescent="0.2">
      <c r="A29" s="18" t="s">
        <v>70</v>
      </c>
      <c r="B29" s="15">
        <v>431</v>
      </c>
      <c r="C29" s="16">
        <v>406</v>
      </c>
      <c r="D29" s="17">
        <v>837</v>
      </c>
    </row>
    <row r="30" spans="1:4" ht="18" customHeight="1" x14ac:dyDescent="0.2">
      <c r="A30" s="14">
        <v>20</v>
      </c>
      <c r="B30" s="15">
        <v>75</v>
      </c>
      <c r="C30" s="16">
        <v>84</v>
      </c>
      <c r="D30" s="17">
        <v>159</v>
      </c>
    </row>
    <row r="31" spans="1:4" ht="18" customHeight="1" x14ac:dyDescent="0.2">
      <c r="A31" s="14">
        <v>21</v>
      </c>
      <c r="B31" s="15">
        <v>83</v>
      </c>
      <c r="C31" s="16">
        <v>70</v>
      </c>
      <c r="D31" s="17">
        <v>153</v>
      </c>
    </row>
    <row r="32" spans="1:4" ht="18" customHeight="1" x14ac:dyDescent="0.2">
      <c r="A32" s="14">
        <v>22</v>
      </c>
      <c r="B32" s="15">
        <v>63</v>
      </c>
      <c r="C32" s="16">
        <v>69</v>
      </c>
      <c r="D32" s="17">
        <v>132</v>
      </c>
    </row>
    <row r="33" spans="1:4" ht="18" customHeight="1" x14ac:dyDescent="0.2">
      <c r="A33" s="14">
        <v>23</v>
      </c>
      <c r="B33" s="15">
        <v>66</v>
      </c>
      <c r="C33" s="16">
        <v>72</v>
      </c>
      <c r="D33" s="17">
        <v>138</v>
      </c>
    </row>
    <row r="34" spans="1:4" ht="18" customHeight="1" x14ac:dyDescent="0.2">
      <c r="A34" s="14">
        <v>24</v>
      </c>
      <c r="B34" s="15">
        <v>72</v>
      </c>
      <c r="C34" s="16">
        <v>78</v>
      </c>
      <c r="D34" s="17">
        <v>150</v>
      </c>
    </row>
    <row r="35" spans="1:4" ht="18" customHeight="1" x14ac:dyDescent="0.2">
      <c r="A35" s="18" t="s">
        <v>71</v>
      </c>
      <c r="B35" s="15">
        <v>359</v>
      </c>
      <c r="C35" s="16">
        <v>373</v>
      </c>
      <c r="D35" s="17">
        <v>732</v>
      </c>
    </row>
    <row r="36" spans="1:4" ht="18" customHeight="1" x14ac:dyDescent="0.2">
      <c r="A36" s="14">
        <v>25</v>
      </c>
      <c r="B36" s="15">
        <v>65</v>
      </c>
      <c r="C36" s="16">
        <v>75</v>
      </c>
      <c r="D36" s="17">
        <v>140</v>
      </c>
    </row>
    <row r="37" spans="1:4" ht="18" customHeight="1" x14ac:dyDescent="0.2">
      <c r="A37" s="14">
        <v>26</v>
      </c>
      <c r="B37" s="15">
        <v>80</v>
      </c>
      <c r="C37" s="16">
        <v>73</v>
      </c>
      <c r="D37" s="17">
        <v>153</v>
      </c>
    </row>
    <row r="38" spans="1:4" ht="18" customHeight="1" x14ac:dyDescent="0.2">
      <c r="A38" s="14">
        <v>27</v>
      </c>
      <c r="B38" s="15">
        <v>76</v>
      </c>
      <c r="C38" s="16">
        <v>67</v>
      </c>
      <c r="D38" s="17">
        <v>143</v>
      </c>
    </row>
    <row r="39" spans="1:4" ht="18" customHeight="1" x14ac:dyDescent="0.2">
      <c r="A39" s="14">
        <v>28</v>
      </c>
      <c r="B39" s="15">
        <v>59</v>
      </c>
      <c r="C39" s="16">
        <v>80</v>
      </c>
      <c r="D39" s="17">
        <v>139</v>
      </c>
    </row>
    <row r="40" spans="1:4" ht="18" customHeight="1" x14ac:dyDescent="0.2">
      <c r="A40" s="14">
        <v>29</v>
      </c>
      <c r="B40" s="15">
        <v>87</v>
      </c>
      <c r="C40" s="16">
        <v>77</v>
      </c>
      <c r="D40" s="17">
        <v>164</v>
      </c>
    </row>
    <row r="41" spans="1:4" ht="18" customHeight="1" x14ac:dyDescent="0.2">
      <c r="A41" s="18" t="s">
        <v>72</v>
      </c>
      <c r="B41" s="15">
        <v>367</v>
      </c>
      <c r="C41" s="16">
        <v>372</v>
      </c>
      <c r="D41" s="17">
        <v>739</v>
      </c>
    </row>
    <row r="42" spans="1:4" ht="18" customHeight="1" x14ac:dyDescent="0.2">
      <c r="A42" s="14">
        <v>30</v>
      </c>
      <c r="B42" s="15">
        <v>77</v>
      </c>
      <c r="C42" s="16">
        <v>82</v>
      </c>
      <c r="D42" s="17">
        <v>159</v>
      </c>
    </row>
    <row r="43" spans="1:4" ht="18" customHeight="1" x14ac:dyDescent="0.2">
      <c r="A43" s="14">
        <v>31</v>
      </c>
      <c r="B43" s="15">
        <v>91</v>
      </c>
      <c r="C43" s="16">
        <v>77</v>
      </c>
      <c r="D43" s="17">
        <v>168</v>
      </c>
    </row>
    <row r="44" spans="1:4" ht="18" customHeight="1" x14ac:dyDescent="0.2">
      <c r="A44" s="14">
        <v>32</v>
      </c>
      <c r="B44" s="15">
        <v>92</v>
      </c>
      <c r="C44" s="16">
        <v>82</v>
      </c>
      <c r="D44" s="17">
        <v>174</v>
      </c>
    </row>
    <row r="45" spans="1:4" ht="18" customHeight="1" x14ac:dyDescent="0.2">
      <c r="A45" s="14">
        <v>33</v>
      </c>
      <c r="B45" s="15">
        <v>111</v>
      </c>
      <c r="C45" s="16">
        <v>90</v>
      </c>
      <c r="D45" s="17">
        <v>201</v>
      </c>
    </row>
    <row r="46" spans="1:4" ht="18" customHeight="1" x14ac:dyDescent="0.2">
      <c r="A46" s="14">
        <v>34</v>
      </c>
      <c r="B46" s="15">
        <v>104</v>
      </c>
      <c r="C46" s="16">
        <v>118</v>
      </c>
      <c r="D46" s="17">
        <v>222</v>
      </c>
    </row>
    <row r="47" spans="1:4" ht="18" customHeight="1" x14ac:dyDescent="0.2">
      <c r="A47" s="18" t="s">
        <v>73</v>
      </c>
      <c r="B47" s="15">
        <v>475</v>
      </c>
      <c r="C47" s="16">
        <v>449</v>
      </c>
      <c r="D47" s="17">
        <v>924</v>
      </c>
    </row>
    <row r="48" spans="1:4" ht="18" customHeight="1" x14ac:dyDescent="0.2">
      <c r="A48" s="14">
        <v>35</v>
      </c>
      <c r="B48" s="15">
        <v>124</v>
      </c>
      <c r="C48" s="16">
        <v>124</v>
      </c>
      <c r="D48" s="17">
        <v>248</v>
      </c>
    </row>
    <row r="49" spans="1:4" ht="18" customHeight="1" x14ac:dyDescent="0.2">
      <c r="A49" s="14">
        <v>36</v>
      </c>
      <c r="B49" s="15">
        <v>116</v>
      </c>
      <c r="C49" s="16">
        <v>114</v>
      </c>
      <c r="D49" s="17">
        <v>230</v>
      </c>
    </row>
    <row r="50" spans="1:4" ht="18" customHeight="1" x14ac:dyDescent="0.2">
      <c r="A50" s="14">
        <v>37</v>
      </c>
      <c r="B50" s="15">
        <v>131</v>
      </c>
      <c r="C50" s="16">
        <v>115</v>
      </c>
      <c r="D50" s="17">
        <v>246</v>
      </c>
    </row>
    <row r="51" spans="1:4" ht="18" customHeight="1" x14ac:dyDescent="0.2">
      <c r="A51" s="14">
        <v>38</v>
      </c>
      <c r="B51" s="15">
        <v>105</v>
      </c>
      <c r="C51" s="16">
        <v>95</v>
      </c>
      <c r="D51" s="17">
        <v>200</v>
      </c>
    </row>
    <row r="52" spans="1:4" ht="18" customHeight="1" x14ac:dyDescent="0.2">
      <c r="A52" s="14">
        <v>39</v>
      </c>
      <c r="B52" s="15">
        <v>116</v>
      </c>
      <c r="C52" s="16">
        <v>102</v>
      </c>
      <c r="D52" s="17">
        <v>218</v>
      </c>
    </row>
    <row r="53" spans="1:4" ht="18" customHeight="1" x14ac:dyDescent="0.2">
      <c r="A53" s="18" t="s">
        <v>74</v>
      </c>
      <c r="B53" s="15">
        <v>592</v>
      </c>
      <c r="C53" s="16">
        <v>550</v>
      </c>
      <c r="D53" s="17">
        <v>1142</v>
      </c>
    </row>
    <row r="54" spans="1:4" ht="18" customHeight="1" x14ac:dyDescent="0.2">
      <c r="A54" s="14">
        <v>40</v>
      </c>
      <c r="B54" s="15">
        <v>109</v>
      </c>
      <c r="C54" s="16">
        <v>98</v>
      </c>
      <c r="D54" s="17">
        <v>207</v>
      </c>
    </row>
    <row r="55" spans="1:4" ht="18" customHeight="1" x14ac:dyDescent="0.2">
      <c r="A55" s="14">
        <v>41</v>
      </c>
      <c r="B55" s="15">
        <v>110</v>
      </c>
      <c r="C55" s="16">
        <v>118</v>
      </c>
      <c r="D55" s="17">
        <v>228</v>
      </c>
    </row>
    <row r="56" spans="1:4" ht="18" customHeight="1" x14ac:dyDescent="0.2">
      <c r="A56" s="14">
        <v>42</v>
      </c>
      <c r="B56" s="15">
        <v>111</v>
      </c>
      <c r="C56" s="16">
        <v>107</v>
      </c>
      <c r="D56" s="17">
        <v>218</v>
      </c>
    </row>
    <row r="57" spans="1:4" ht="18" customHeight="1" x14ac:dyDescent="0.2">
      <c r="A57" s="14">
        <v>43</v>
      </c>
      <c r="B57" s="15">
        <v>88</v>
      </c>
      <c r="C57" s="16">
        <v>86</v>
      </c>
      <c r="D57" s="17">
        <v>174</v>
      </c>
    </row>
    <row r="58" spans="1:4" ht="18" customHeight="1" x14ac:dyDescent="0.2">
      <c r="A58" s="14">
        <v>44</v>
      </c>
      <c r="B58" s="15">
        <v>91</v>
      </c>
      <c r="C58" s="16">
        <v>98</v>
      </c>
      <c r="D58" s="17">
        <v>189</v>
      </c>
    </row>
    <row r="59" spans="1:4" ht="18" customHeight="1" x14ac:dyDescent="0.2">
      <c r="A59" s="18" t="s">
        <v>75</v>
      </c>
      <c r="B59" s="15">
        <v>509</v>
      </c>
      <c r="C59" s="16">
        <v>507</v>
      </c>
      <c r="D59" s="17">
        <v>1016</v>
      </c>
    </row>
    <row r="60" spans="1:4" ht="18" customHeight="1" x14ac:dyDescent="0.2">
      <c r="A60" s="14">
        <v>45</v>
      </c>
      <c r="B60" s="15">
        <v>102</v>
      </c>
      <c r="C60" s="16">
        <v>107</v>
      </c>
      <c r="D60" s="17">
        <v>209</v>
      </c>
    </row>
    <row r="61" spans="1:4" ht="18" customHeight="1" x14ac:dyDescent="0.2">
      <c r="A61" s="14">
        <v>46</v>
      </c>
      <c r="B61" s="15">
        <v>96</v>
      </c>
      <c r="C61" s="16">
        <v>110</v>
      </c>
      <c r="D61" s="17">
        <v>206</v>
      </c>
    </row>
    <row r="62" spans="1:4" ht="18" customHeight="1" x14ac:dyDescent="0.2">
      <c r="A62" s="14">
        <v>47</v>
      </c>
      <c r="B62" s="15">
        <v>106</v>
      </c>
      <c r="C62" s="16">
        <v>102</v>
      </c>
      <c r="D62" s="17">
        <v>208</v>
      </c>
    </row>
    <row r="63" spans="1:4" ht="18" customHeight="1" x14ac:dyDescent="0.2">
      <c r="A63" s="14">
        <v>48</v>
      </c>
      <c r="B63" s="15">
        <v>91</v>
      </c>
      <c r="C63" s="16">
        <v>94</v>
      </c>
      <c r="D63" s="17">
        <v>185</v>
      </c>
    </row>
    <row r="64" spans="1:4" ht="18" customHeight="1" x14ac:dyDescent="0.2">
      <c r="A64" s="14">
        <v>49</v>
      </c>
      <c r="B64" s="15">
        <v>92</v>
      </c>
      <c r="C64" s="16">
        <v>83</v>
      </c>
      <c r="D64" s="17">
        <v>175</v>
      </c>
    </row>
    <row r="65" spans="1:4" ht="18" customHeight="1" x14ac:dyDescent="0.2">
      <c r="A65" s="18" t="s">
        <v>76</v>
      </c>
      <c r="B65" s="15">
        <v>487</v>
      </c>
      <c r="C65" s="16">
        <v>496</v>
      </c>
      <c r="D65" s="17">
        <v>983</v>
      </c>
    </row>
    <row r="66" spans="1:4" ht="18" customHeight="1" x14ac:dyDescent="0.2">
      <c r="A66" s="14">
        <v>50</v>
      </c>
      <c r="B66" s="15">
        <v>92</v>
      </c>
      <c r="C66" s="16">
        <v>95</v>
      </c>
      <c r="D66" s="17">
        <v>187</v>
      </c>
    </row>
    <row r="67" spans="1:4" ht="18" customHeight="1" x14ac:dyDescent="0.2">
      <c r="A67" s="14">
        <v>51</v>
      </c>
      <c r="B67" s="15">
        <v>80</v>
      </c>
      <c r="C67" s="16">
        <v>84</v>
      </c>
      <c r="D67" s="17">
        <v>164</v>
      </c>
    </row>
    <row r="68" spans="1:4" ht="18" customHeight="1" x14ac:dyDescent="0.2">
      <c r="A68" s="14">
        <v>52</v>
      </c>
      <c r="B68" s="15">
        <v>97</v>
      </c>
      <c r="C68" s="16">
        <v>100</v>
      </c>
      <c r="D68" s="17">
        <v>197</v>
      </c>
    </row>
    <row r="69" spans="1:4" ht="18" customHeight="1" x14ac:dyDescent="0.2">
      <c r="A69" s="14">
        <v>53</v>
      </c>
      <c r="B69" s="15">
        <v>97</v>
      </c>
      <c r="C69" s="16">
        <v>104</v>
      </c>
      <c r="D69" s="17">
        <v>201</v>
      </c>
    </row>
    <row r="70" spans="1:4" ht="18" customHeight="1" x14ac:dyDescent="0.2">
      <c r="A70" s="14">
        <v>54</v>
      </c>
      <c r="B70" s="15">
        <v>117</v>
      </c>
      <c r="C70" s="16">
        <v>110</v>
      </c>
      <c r="D70" s="17">
        <v>227</v>
      </c>
    </row>
    <row r="71" spans="1:4" ht="18" customHeight="1" x14ac:dyDescent="0.2">
      <c r="A71" s="18" t="s">
        <v>77</v>
      </c>
      <c r="B71" s="15">
        <v>483</v>
      </c>
      <c r="C71" s="16">
        <v>493</v>
      </c>
      <c r="D71" s="17">
        <v>976</v>
      </c>
    </row>
    <row r="72" spans="1:4" ht="18" customHeight="1" x14ac:dyDescent="0.2">
      <c r="A72" s="14">
        <v>55</v>
      </c>
      <c r="B72" s="15">
        <v>84</v>
      </c>
      <c r="C72" s="16">
        <v>81</v>
      </c>
      <c r="D72" s="17">
        <v>165</v>
      </c>
    </row>
    <row r="73" spans="1:4" ht="18" customHeight="1" x14ac:dyDescent="0.2">
      <c r="A73" s="14">
        <v>56</v>
      </c>
      <c r="B73" s="15">
        <v>96</v>
      </c>
      <c r="C73" s="16">
        <v>121</v>
      </c>
      <c r="D73" s="17">
        <v>217</v>
      </c>
    </row>
    <row r="74" spans="1:4" ht="18" customHeight="1" x14ac:dyDescent="0.2">
      <c r="A74" s="14">
        <v>57</v>
      </c>
      <c r="B74" s="15">
        <v>118</v>
      </c>
      <c r="C74" s="16">
        <v>127</v>
      </c>
      <c r="D74" s="17">
        <v>245</v>
      </c>
    </row>
    <row r="75" spans="1:4" ht="18" customHeight="1" x14ac:dyDescent="0.2">
      <c r="A75" s="14">
        <v>58</v>
      </c>
      <c r="B75" s="15">
        <v>115</v>
      </c>
      <c r="C75" s="16">
        <v>115</v>
      </c>
      <c r="D75" s="17">
        <v>230</v>
      </c>
    </row>
    <row r="76" spans="1:4" ht="18" customHeight="1" x14ac:dyDescent="0.2">
      <c r="A76" s="14">
        <v>59</v>
      </c>
      <c r="B76" s="15">
        <v>111</v>
      </c>
      <c r="C76" s="16">
        <v>152</v>
      </c>
      <c r="D76" s="17">
        <v>263</v>
      </c>
    </row>
    <row r="77" spans="1:4" ht="18" customHeight="1" x14ac:dyDescent="0.2">
      <c r="A77" s="18" t="s">
        <v>78</v>
      </c>
      <c r="B77" s="15">
        <v>524</v>
      </c>
      <c r="C77" s="16">
        <v>596</v>
      </c>
      <c r="D77" s="17">
        <v>1120</v>
      </c>
    </row>
    <row r="78" spans="1:4" ht="18" customHeight="1" x14ac:dyDescent="0.2">
      <c r="A78" s="14">
        <v>60</v>
      </c>
      <c r="B78" s="15">
        <v>141</v>
      </c>
      <c r="C78" s="16">
        <v>138</v>
      </c>
      <c r="D78" s="17">
        <v>279</v>
      </c>
    </row>
    <row r="79" spans="1:4" ht="18" customHeight="1" x14ac:dyDescent="0.2">
      <c r="A79" s="14">
        <v>61</v>
      </c>
      <c r="B79" s="15">
        <v>148</v>
      </c>
      <c r="C79" s="16">
        <v>155</v>
      </c>
      <c r="D79" s="17">
        <v>303</v>
      </c>
    </row>
    <row r="80" spans="1:4" ht="18" customHeight="1" x14ac:dyDescent="0.2">
      <c r="A80" s="14">
        <v>62</v>
      </c>
      <c r="B80" s="15">
        <v>144</v>
      </c>
      <c r="C80" s="16">
        <v>146</v>
      </c>
      <c r="D80" s="17">
        <v>290</v>
      </c>
    </row>
    <row r="81" spans="1:4" ht="18" customHeight="1" x14ac:dyDescent="0.2">
      <c r="A81" s="14">
        <v>63</v>
      </c>
      <c r="B81" s="15">
        <v>87</v>
      </c>
      <c r="C81" s="16">
        <v>86</v>
      </c>
      <c r="D81" s="17">
        <v>173</v>
      </c>
    </row>
    <row r="82" spans="1:4" ht="18" customHeight="1" x14ac:dyDescent="0.2">
      <c r="A82" s="14">
        <v>64</v>
      </c>
      <c r="B82" s="15">
        <v>82</v>
      </c>
      <c r="C82" s="16">
        <v>88</v>
      </c>
      <c r="D82" s="17">
        <v>170</v>
      </c>
    </row>
    <row r="83" spans="1:4" ht="18" customHeight="1" x14ac:dyDescent="0.2">
      <c r="A83" s="18" t="s">
        <v>79</v>
      </c>
      <c r="B83" s="15">
        <v>602</v>
      </c>
      <c r="C83" s="16">
        <v>613</v>
      </c>
      <c r="D83" s="17">
        <v>1215</v>
      </c>
    </row>
    <row r="84" spans="1:4" ht="18" customHeight="1" x14ac:dyDescent="0.2">
      <c r="A84" s="18" t="s">
        <v>80</v>
      </c>
      <c r="B84" s="15">
        <v>4829</v>
      </c>
      <c r="C84" s="16">
        <v>4855</v>
      </c>
      <c r="D84" s="17">
        <v>9684</v>
      </c>
    </row>
    <row r="85" spans="1:4" ht="18" customHeight="1" x14ac:dyDescent="0.2">
      <c r="A85" s="14">
        <v>65</v>
      </c>
      <c r="B85" s="15">
        <v>109</v>
      </c>
      <c r="C85" s="16">
        <v>127</v>
      </c>
      <c r="D85" s="17">
        <v>236</v>
      </c>
    </row>
    <row r="86" spans="1:4" ht="18" customHeight="1" x14ac:dyDescent="0.2">
      <c r="A86" s="14">
        <v>66</v>
      </c>
      <c r="B86" s="15">
        <v>100</v>
      </c>
      <c r="C86" s="16">
        <v>116</v>
      </c>
      <c r="D86" s="17">
        <v>216</v>
      </c>
    </row>
    <row r="87" spans="1:4" ht="18" customHeight="1" x14ac:dyDescent="0.2">
      <c r="A87" s="14">
        <v>67</v>
      </c>
      <c r="B87" s="15">
        <v>105</v>
      </c>
      <c r="C87" s="16">
        <v>112</v>
      </c>
      <c r="D87" s="17">
        <v>217</v>
      </c>
    </row>
    <row r="88" spans="1:4" ht="18" customHeight="1" x14ac:dyDescent="0.2">
      <c r="A88" s="14">
        <v>68</v>
      </c>
      <c r="B88" s="15">
        <v>95</v>
      </c>
      <c r="C88" s="16">
        <v>87</v>
      </c>
      <c r="D88" s="17">
        <v>182</v>
      </c>
    </row>
    <row r="89" spans="1:4" ht="18" customHeight="1" x14ac:dyDescent="0.2">
      <c r="A89" s="14">
        <v>69</v>
      </c>
      <c r="B89" s="15">
        <v>98</v>
      </c>
      <c r="C89" s="16">
        <v>99</v>
      </c>
      <c r="D89" s="17">
        <v>197</v>
      </c>
    </row>
    <row r="90" spans="1:4" ht="18" customHeight="1" x14ac:dyDescent="0.2">
      <c r="A90" s="18" t="s">
        <v>81</v>
      </c>
      <c r="B90" s="15">
        <v>507</v>
      </c>
      <c r="C90" s="16">
        <v>541</v>
      </c>
      <c r="D90" s="17">
        <v>1048</v>
      </c>
    </row>
    <row r="91" spans="1:4" ht="18" customHeight="1" x14ac:dyDescent="0.2">
      <c r="A91" s="14">
        <v>70</v>
      </c>
      <c r="B91" s="15">
        <v>80</v>
      </c>
      <c r="C91" s="16">
        <v>83</v>
      </c>
      <c r="D91" s="17">
        <v>163</v>
      </c>
    </row>
    <row r="92" spans="1:4" ht="18" customHeight="1" x14ac:dyDescent="0.2">
      <c r="A92" s="14">
        <v>71</v>
      </c>
      <c r="B92" s="15">
        <v>71</v>
      </c>
      <c r="C92" s="16">
        <v>87</v>
      </c>
      <c r="D92" s="17">
        <v>158</v>
      </c>
    </row>
    <row r="93" spans="1:4" ht="18" customHeight="1" x14ac:dyDescent="0.2">
      <c r="A93" s="14">
        <v>72</v>
      </c>
      <c r="B93" s="15">
        <v>66</v>
      </c>
      <c r="C93" s="16">
        <v>102</v>
      </c>
      <c r="D93" s="17">
        <v>168</v>
      </c>
    </row>
    <row r="94" spans="1:4" ht="18" customHeight="1" x14ac:dyDescent="0.2">
      <c r="A94" s="14">
        <v>73</v>
      </c>
      <c r="B94" s="15">
        <v>86</v>
      </c>
      <c r="C94" s="16">
        <v>84</v>
      </c>
      <c r="D94" s="17">
        <v>170</v>
      </c>
    </row>
    <row r="95" spans="1:4" ht="18" customHeight="1" x14ac:dyDescent="0.2">
      <c r="A95" s="14">
        <v>74</v>
      </c>
      <c r="B95" s="15">
        <v>68</v>
      </c>
      <c r="C95" s="16">
        <v>67</v>
      </c>
      <c r="D95" s="17">
        <v>135</v>
      </c>
    </row>
    <row r="96" spans="1:4" ht="18" customHeight="1" x14ac:dyDescent="0.2">
      <c r="A96" s="18" t="s">
        <v>82</v>
      </c>
      <c r="B96" s="15">
        <v>371</v>
      </c>
      <c r="C96" s="16">
        <v>423</v>
      </c>
      <c r="D96" s="17">
        <v>794</v>
      </c>
    </row>
    <row r="97" spans="1:4" ht="18" customHeight="1" x14ac:dyDescent="0.2">
      <c r="A97" s="14">
        <v>75</v>
      </c>
      <c r="B97" s="15">
        <v>46</v>
      </c>
      <c r="C97" s="16">
        <v>80</v>
      </c>
      <c r="D97" s="17">
        <v>126</v>
      </c>
    </row>
    <row r="98" spans="1:4" ht="18" customHeight="1" x14ac:dyDescent="0.2">
      <c r="A98" s="14">
        <v>76</v>
      </c>
      <c r="B98" s="15">
        <v>70</v>
      </c>
      <c r="C98" s="16">
        <v>65</v>
      </c>
      <c r="D98" s="17">
        <v>135</v>
      </c>
    </row>
    <row r="99" spans="1:4" ht="18" customHeight="1" x14ac:dyDescent="0.2">
      <c r="A99" s="14">
        <v>77</v>
      </c>
      <c r="B99" s="15">
        <v>55</v>
      </c>
      <c r="C99" s="16">
        <v>70</v>
      </c>
      <c r="D99" s="17">
        <v>125</v>
      </c>
    </row>
    <row r="100" spans="1:4" ht="18" customHeight="1" x14ac:dyDescent="0.2">
      <c r="A100" s="14">
        <v>78</v>
      </c>
      <c r="B100" s="15">
        <v>52</v>
      </c>
      <c r="C100" s="16">
        <v>50</v>
      </c>
      <c r="D100" s="17">
        <v>102</v>
      </c>
    </row>
    <row r="101" spans="1:4" ht="18" customHeight="1" x14ac:dyDescent="0.2">
      <c r="A101" s="14">
        <v>79</v>
      </c>
      <c r="B101" s="15">
        <v>39</v>
      </c>
      <c r="C101" s="16">
        <v>55</v>
      </c>
      <c r="D101" s="17">
        <v>94</v>
      </c>
    </row>
    <row r="102" spans="1:4" ht="18" customHeight="1" x14ac:dyDescent="0.2">
      <c r="A102" s="18" t="s">
        <v>83</v>
      </c>
      <c r="B102" s="15">
        <v>262</v>
      </c>
      <c r="C102" s="16">
        <v>320</v>
      </c>
      <c r="D102" s="17">
        <v>582</v>
      </c>
    </row>
    <row r="103" spans="1:4" ht="18" customHeight="1" x14ac:dyDescent="0.2">
      <c r="A103" s="14">
        <v>80</v>
      </c>
      <c r="B103" s="15">
        <v>48</v>
      </c>
      <c r="C103" s="16">
        <v>69</v>
      </c>
      <c r="D103" s="17">
        <v>117</v>
      </c>
    </row>
    <row r="104" spans="1:4" ht="18" customHeight="1" x14ac:dyDescent="0.2">
      <c r="A104" s="14">
        <v>81</v>
      </c>
      <c r="B104" s="15">
        <v>45</v>
      </c>
      <c r="C104" s="16">
        <v>68</v>
      </c>
      <c r="D104" s="17">
        <v>113</v>
      </c>
    </row>
    <row r="105" spans="1:4" ht="18" customHeight="1" x14ac:dyDescent="0.2">
      <c r="A105" s="14">
        <v>82</v>
      </c>
      <c r="B105" s="15">
        <v>31</v>
      </c>
      <c r="C105" s="16">
        <v>52</v>
      </c>
      <c r="D105" s="17">
        <v>83</v>
      </c>
    </row>
    <row r="106" spans="1:4" ht="18" customHeight="1" x14ac:dyDescent="0.2">
      <c r="A106" s="14">
        <v>83</v>
      </c>
      <c r="B106" s="15">
        <v>25</v>
      </c>
      <c r="C106" s="16">
        <v>37</v>
      </c>
      <c r="D106" s="17">
        <v>62</v>
      </c>
    </row>
    <row r="107" spans="1:4" ht="18" customHeight="1" x14ac:dyDescent="0.2">
      <c r="A107" s="14">
        <v>84</v>
      </c>
      <c r="B107" s="15">
        <v>26</v>
      </c>
      <c r="C107" s="16">
        <v>49</v>
      </c>
      <c r="D107" s="17">
        <v>75</v>
      </c>
    </row>
    <row r="108" spans="1:4" ht="18" customHeight="1" x14ac:dyDescent="0.2">
      <c r="A108" s="18" t="s">
        <v>84</v>
      </c>
      <c r="B108" s="15">
        <v>175</v>
      </c>
      <c r="C108" s="16">
        <v>275</v>
      </c>
      <c r="D108" s="17">
        <v>450</v>
      </c>
    </row>
    <row r="109" spans="1:4" ht="18" customHeight="1" x14ac:dyDescent="0.2">
      <c r="A109" s="14">
        <v>85</v>
      </c>
      <c r="B109" s="15">
        <v>22</v>
      </c>
      <c r="C109" s="16">
        <v>46</v>
      </c>
      <c r="D109" s="17">
        <v>68</v>
      </c>
    </row>
    <row r="110" spans="1:4" ht="18" customHeight="1" x14ac:dyDescent="0.2">
      <c r="A110" s="14">
        <v>86</v>
      </c>
      <c r="B110" s="15">
        <v>10</v>
      </c>
      <c r="C110" s="16">
        <v>44</v>
      </c>
      <c r="D110" s="17">
        <v>54</v>
      </c>
    </row>
    <row r="111" spans="1:4" ht="18" customHeight="1" x14ac:dyDescent="0.2">
      <c r="A111" s="14">
        <v>87</v>
      </c>
      <c r="B111" s="15">
        <v>17</v>
      </c>
      <c r="C111" s="16">
        <v>31</v>
      </c>
      <c r="D111" s="17">
        <v>48</v>
      </c>
    </row>
    <row r="112" spans="1:4" ht="18" customHeight="1" x14ac:dyDescent="0.2">
      <c r="A112" s="14">
        <v>88</v>
      </c>
      <c r="B112" s="15">
        <v>6</v>
      </c>
      <c r="C112" s="16">
        <v>32</v>
      </c>
      <c r="D112" s="17">
        <v>38</v>
      </c>
    </row>
    <row r="113" spans="1:4" ht="18" customHeight="1" x14ac:dyDescent="0.2">
      <c r="A113" s="14">
        <v>89</v>
      </c>
      <c r="B113" s="15">
        <v>16</v>
      </c>
      <c r="C113" s="16">
        <v>31</v>
      </c>
      <c r="D113" s="17">
        <v>47</v>
      </c>
    </row>
    <row r="114" spans="1:4" ht="18" customHeight="1" x14ac:dyDescent="0.2">
      <c r="A114" s="18" t="s">
        <v>85</v>
      </c>
      <c r="B114" s="15">
        <v>71</v>
      </c>
      <c r="C114" s="16">
        <v>184</v>
      </c>
      <c r="D114" s="17">
        <v>255</v>
      </c>
    </row>
    <row r="115" spans="1:4" ht="18" customHeight="1" x14ac:dyDescent="0.2">
      <c r="A115" s="14">
        <v>90</v>
      </c>
      <c r="B115" s="15">
        <v>6</v>
      </c>
      <c r="C115" s="16">
        <v>11</v>
      </c>
      <c r="D115" s="17">
        <v>17</v>
      </c>
    </row>
    <row r="116" spans="1:4" ht="18" customHeight="1" x14ac:dyDescent="0.2">
      <c r="A116" s="14">
        <v>91</v>
      </c>
      <c r="B116" s="15">
        <v>5</v>
      </c>
      <c r="C116" s="16">
        <v>15</v>
      </c>
      <c r="D116" s="17">
        <v>20</v>
      </c>
    </row>
    <row r="117" spans="1:4" ht="18" customHeight="1" x14ac:dyDescent="0.2">
      <c r="A117" s="14">
        <v>92</v>
      </c>
      <c r="B117" s="15">
        <v>8</v>
      </c>
      <c r="C117" s="16">
        <v>18</v>
      </c>
      <c r="D117" s="17">
        <v>26</v>
      </c>
    </row>
    <row r="118" spans="1:4" ht="18" customHeight="1" x14ac:dyDescent="0.2">
      <c r="A118" s="14">
        <v>93</v>
      </c>
      <c r="B118" s="15">
        <v>1</v>
      </c>
      <c r="C118" s="16">
        <v>14</v>
      </c>
      <c r="D118" s="17">
        <v>15</v>
      </c>
    </row>
    <row r="119" spans="1:4" ht="18" customHeight="1" x14ac:dyDescent="0.2">
      <c r="A119" s="14">
        <v>94</v>
      </c>
      <c r="B119" s="15">
        <v>0</v>
      </c>
      <c r="C119" s="16">
        <v>10</v>
      </c>
      <c r="D119" s="17">
        <v>10</v>
      </c>
    </row>
    <row r="120" spans="1:4" ht="18" customHeight="1" x14ac:dyDescent="0.2">
      <c r="A120" s="18" t="s">
        <v>86</v>
      </c>
      <c r="B120" s="15">
        <v>20</v>
      </c>
      <c r="C120" s="16">
        <v>68</v>
      </c>
      <c r="D120" s="17">
        <v>88</v>
      </c>
    </row>
    <row r="121" spans="1:4" ht="18" customHeight="1" x14ac:dyDescent="0.2">
      <c r="A121" s="14">
        <v>95</v>
      </c>
      <c r="B121" s="15">
        <v>2</v>
      </c>
      <c r="C121" s="16">
        <v>14</v>
      </c>
      <c r="D121" s="17">
        <v>16</v>
      </c>
    </row>
    <row r="122" spans="1:4" ht="18" customHeight="1" x14ac:dyDescent="0.2">
      <c r="A122" s="14">
        <v>96</v>
      </c>
      <c r="B122" s="15">
        <v>2</v>
      </c>
      <c r="C122" s="16">
        <v>10</v>
      </c>
      <c r="D122" s="17">
        <v>12</v>
      </c>
    </row>
    <row r="123" spans="1:4" ht="18" customHeight="1" x14ac:dyDescent="0.2">
      <c r="A123" s="14">
        <v>97</v>
      </c>
      <c r="B123" s="15">
        <v>2</v>
      </c>
      <c r="C123" s="16">
        <v>4</v>
      </c>
      <c r="D123" s="17">
        <v>6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87</v>
      </c>
      <c r="B126" s="15">
        <v>8</v>
      </c>
      <c r="C126" s="16">
        <v>32</v>
      </c>
      <c r="D126" s="17">
        <v>4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2</v>
      </c>
      <c r="C128" s="16">
        <v>2</v>
      </c>
      <c r="D128" s="17">
        <v>4</v>
      </c>
    </row>
    <row r="129" spans="1:4" ht="18" customHeight="1" x14ac:dyDescent="0.2">
      <c r="A129" s="18" t="s">
        <v>89</v>
      </c>
      <c r="B129" s="15">
        <v>2</v>
      </c>
      <c r="C129" s="16">
        <v>3</v>
      </c>
      <c r="D129" s="17">
        <v>5</v>
      </c>
    </row>
    <row r="130" spans="1:4" ht="18" customHeight="1" x14ac:dyDescent="0.2">
      <c r="A130" s="18" t="s">
        <v>90</v>
      </c>
      <c r="B130" s="4">
        <v>1416</v>
      </c>
      <c r="C130" s="5">
        <v>1846</v>
      </c>
      <c r="D130" s="6">
        <v>3262</v>
      </c>
    </row>
    <row r="131" spans="1:4" ht="18" customHeight="1" x14ac:dyDescent="0.2">
      <c r="A131" s="20" t="s">
        <v>65</v>
      </c>
      <c r="B131" s="7">
        <v>7292</v>
      </c>
      <c r="C131" s="8">
        <v>7675</v>
      </c>
      <c r="D131" s="9">
        <v>1496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24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5</v>
      </c>
      <c r="C5" s="12">
        <v>43</v>
      </c>
      <c r="D5" s="13">
        <v>98</v>
      </c>
    </row>
    <row r="6" spans="1:4" ht="18" customHeight="1" x14ac:dyDescent="0.2">
      <c r="A6" s="14">
        <v>1</v>
      </c>
      <c r="B6" s="15">
        <v>44</v>
      </c>
      <c r="C6" s="16">
        <v>78</v>
      </c>
      <c r="D6" s="17">
        <v>122</v>
      </c>
    </row>
    <row r="7" spans="1:4" ht="18" customHeight="1" x14ac:dyDescent="0.2">
      <c r="A7" s="14">
        <v>2</v>
      </c>
      <c r="B7" s="15">
        <v>45</v>
      </c>
      <c r="C7" s="16">
        <v>55</v>
      </c>
      <c r="D7" s="17">
        <v>100</v>
      </c>
    </row>
    <row r="8" spans="1:4" ht="18" customHeight="1" x14ac:dyDescent="0.2">
      <c r="A8" s="14">
        <v>3</v>
      </c>
      <c r="B8" s="15">
        <v>48</v>
      </c>
      <c r="C8" s="16">
        <v>60</v>
      </c>
      <c r="D8" s="17">
        <v>108</v>
      </c>
    </row>
    <row r="9" spans="1:4" ht="18" customHeight="1" x14ac:dyDescent="0.2">
      <c r="A9" s="14">
        <v>4</v>
      </c>
      <c r="B9" s="15">
        <v>50</v>
      </c>
      <c r="C9" s="16">
        <v>45</v>
      </c>
      <c r="D9" s="17">
        <v>95</v>
      </c>
    </row>
    <row r="10" spans="1:4" ht="18" customHeight="1" x14ac:dyDescent="0.2">
      <c r="A10" s="18" t="s">
        <v>66</v>
      </c>
      <c r="B10" s="15">
        <v>242</v>
      </c>
      <c r="C10" s="16">
        <v>281</v>
      </c>
      <c r="D10" s="17">
        <v>523</v>
      </c>
    </row>
    <row r="11" spans="1:4" ht="18" customHeight="1" x14ac:dyDescent="0.2">
      <c r="A11" s="14">
        <v>5</v>
      </c>
      <c r="B11" s="15">
        <v>44</v>
      </c>
      <c r="C11" s="16">
        <v>48</v>
      </c>
      <c r="D11" s="17">
        <v>92</v>
      </c>
    </row>
    <row r="12" spans="1:4" ht="18" customHeight="1" x14ac:dyDescent="0.2">
      <c r="A12" s="14">
        <v>6</v>
      </c>
      <c r="B12" s="15">
        <v>48</v>
      </c>
      <c r="C12" s="16">
        <v>45</v>
      </c>
      <c r="D12" s="17">
        <v>93</v>
      </c>
    </row>
    <row r="13" spans="1:4" ht="18" customHeight="1" x14ac:dyDescent="0.2">
      <c r="A13" s="14">
        <v>7</v>
      </c>
      <c r="B13" s="15">
        <v>37</v>
      </c>
      <c r="C13" s="16">
        <v>42</v>
      </c>
      <c r="D13" s="17">
        <v>79</v>
      </c>
    </row>
    <row r="14" spans="1:4" ht="18" customHeight="1" x14ac:dyDescent="0.2">
      <c r="A14" s="14">
        <v>8</v>
      </c>
      <c r="B14" s="15">
        <v>51</v>
      </c>
      <c r="C14" s="16">
        <v>44</v>
      </c>
      <c r="D14" s="17">
        <v>95</v>
      </c>
    </row>
    <row r="15" spans="1:4" ht="18" customHeight="1" x14ac:dyDescent="0.2">
      <c r="A15" s="14">
        <v>9</v>
      </c>
      <c r="B15" s="15">
        <v>51</v>
      </c>
      <c r="C15" s="16">
        <v>40</v>
      </c>
      <c r="D15" s="17">
        <v>91</v>
      </c>
    </row>
    <row r="16" spans="1:4" ht="18" customHeight="1" x14ac:dyDescent="0.2">
      <c r="A16" s="18" t="s">
        <v>67</v>
      </c>
      <c r="B16" s="15">
        <v>231</v>
      </c>
      <c r="C16" s="16">
        <v>219</v>
      </c>
      <c r="D16" s="17">
        <v>450</v>
      </c>
    </row>
    <row r="17" spans="1:4" ht="18" customHeight="1" x14ac:dyDescent="0.2">
      <c r="A17" s="14">
        <v>10</v>
      </c>
      <c r="B17" s="15">
        <v>45</v>
      </c>
      <c r="C17" s="16">
        <v>47</v>
      </c>
      <c r="D17" s="17">
        <v>92</v>
      </c>
    </row>
    <row r="18" spans="1:4" ht="18" customHeight="1" x14ac:dyDescent="0.2">
      <c r="A18" s="14">
        <v>11</v>
      </c>
      <c r="B18" s="15">
        <v>47</v>
      </c>
      <c r="C18" s="16">
        <v>53</v>
      </c>
      <c r="D18" s="17">
        <v>100</v>
      </c>
    </row>
    <row r="19" spans="1:4" ht="18" customHeight="1" x14ac:dyDescent="0.2">
      <c r="A19" s="14">
        <v>12</v>
      </c>
      <c r="B19" s="15">
        <v>41</v>
      </c>
      <c r="C19" s="16">
        <v>58</v>
      </c>
      <c r="D19" s="17">
        <v>99</v>
      </c>
    </row>
    <row r="20" spans="1:4" ht="18" customHeight="1" x14ac:dyDescent="0.2">
      <c r="A20" s="14">
        <v>13</v>
      </c>
      <c r="B20" s="15">
        <v>57</v>
      </c>
      <c r="C20" s="16">
        <v>57</v>
      </c>
      <c r="D20" s="17">
        <v>114</v>
      </c>
    </row>
    <row r="21" spans="1:4" ht="18" customHeight="1" x14ac:dyDescent="0.2">
      <c r="A21" s="14">
        <v>14</v>
      </c>
      <c r="B21" s="15">
        <v>42</v>
      </c>
      <c r="C21" s="16">
        <v>46</v>
      </c>
      <c r="D21" s="17">
        <v>88</v>
      </c>
    </row>
    <row r="22" spans="1:4" ht="18" customHeight="1" x14ac:dyDescent="0.2">
      <c r="A22" s="18" t="s">
        <v>68</v>
      </c>
      <c r="B22" s="15">
        <v>232</v>
      </c>
      <c r="C22" s="16">
        <v>261</v>
      </c>
      <c r="D22" s="17">
        <v>493</v>
      </c>
    </row>
    <row r="23" spans="1:4" ht="18" customHeight="1" x14ac:dyDescent="0.2">
      <c r="A23" s="18" t="s">
        <v>69</v>
      </c>
      <c r="B23" s="15">
        <v>705</v>
      </c>
      <c r="C23" s="16">
        <v>761</v>
      </c>
      <c r="D23" s="17">
        <v>1466</v>
      </c>
    </row>
    <row r="24" spans="1:4" ht="18" customHeight="1" x14ac:dyDescent="0.2">
      <c r="A24" s="14">
        <v>15</v>
      </c>
      <c r="B24" s="15">
        <v>37</v>
      </c>
      <c r="C24" s="16">
        <v>47</v>
      </c>
      <c r="D24" s="17">
        <v>84</v>
      </c>
    </row>
    <row r="25" spans="1:4" ht="18" customHeight="1" x14ac:dyDescent="0.2">
      <c r="A25" s="14">
        <v>16</v>
      </c>
      <c r="B25" s="15">
        <v>28</v>
      </c>
      <c r="C25" s="16">
        <v>50</v>
      </c>
      <c r="D25" s="17">
        <v>78</v>
      </c>
    </row>
    <row r="26" spans="1:4" ht="18" customHeight="1" x14ac:dyDescent="0.2">
      <c r="A26" s="14">
        <v>17</v>
      </c>
      <c r="B26" s="15">
        <v>33</v>
      </c>
      <c r="C26" s="16">
        <v>45</v>
      </c>
      <c r="D26" s="17">
        <v>78</v>
      </c>
    </row>
    <row r="27" spans="1:4" ht="18" customHeight="1" x14ac:dyDescent="0.2">
      <c r="A27" s="14">
        <v>18</v>
      </c>
      <c r="B27" s="15">
        <v>32</v>
      </c>
      <c r="C27" s="16">
        <v>35</v>
      </c>
      <c r="D27" s="17">
        <v>67</v>
      </c>
    </row>
    <row r="28" spans="1:4" ht="18" customHeight="1" x14ac:dyDescent="0.2">
      <c r="A28" s="14">
        <v>19</v>
      </c>
      <c r="B28" s="15">
        <v>47</v>
      </c>
      <c r="C28" s="16">
        <v>50</v>
      </c>
      <c r="D28" s="17">
        <v>97</v>
      </c>
    </row>
    <row r="29" spans="1:4" ht="18" customHeight="1" x14ac:dyDescent="0.2">
      <c r="A29" s="18" t="s">
        <v>70</v>
      </c>
      <c r="B29" s="15">
        <v>177</v>
      </c>
      <c r="C29" s="16">
        <v>227</v>
      </c>
      <c r="D29" s="17">
        <v>404</v>
      </c>
    </row>
    <row r="30" spans="1:4" ht="18" customHeight="1" x14ac:dyDescent="0.2">
      <c r="A30" s="14">
        <v>20</v>
      </c>
      <c r="B30" s="15">
        <v>36</v>
      </c>
      <c r="C30" s="16">
        <v>44</v>
      </c>
      <c r="D30" s="17">
        <v>80</v>
      </c>
    </row>
    <row r="31" spans="1:4" ht="18" customHeight="1" x14ac:dyDescent="0.2">
      <c r="A31" s="14">
        <v>21</v>
      </c>
      <c r="B31" s="15">
        <v>55</v>
      </c>
      <c r="C31" s="16">
        <v>46</v>
      </c>
      <c r="D31" s="17">
        <v>101</v>
      </c>
    </row>
    <row r="32" spans="1:4" ht="18" customHeight="1" x14ac:dyDescent="0.2">
      <c r="A32" s="14">
        <v>22</v>
      </c>
      <c r="B32" s="15">
        <v>48</v>
      </c>
      <c r="C32" s="16">
        <v>51</v>
      </c>
      <c r="D32" s="17">
        <v>99</v>
      </c>
    </row>
    <row r="33" spans="1:4" ht="18" customHeight="1" x14ac:dyDescent="0.2">
      <c r="A33" s="14">
        <v>23</v>
      </c>
      <c r="B33" s="15">
        <v>65</v>
      </c>
      <c r="C33" s="16">
        <v>54</v>
      </c>
      <c r="D33" s="17">
        <v>119</v>
      </c>
    </row>
    <row r="34" spans="1:4" ht="18" customHeight="1" x14ac:dyDescent="0.2">
      <c r="A34" s="14">
        <v>24</v>
      </c>
      <c r="B34" s="15">
        <v>45</v>
      </c>
      <c r="C34" s="16">
        <v>63</v>
      </c>
      <c r="D34" s="17">
        <v>108</v>
      </c>
    </row>
    <row r="35" spans="1:4" ht="18" customHeight="1" x14ac:dyDescent="0.2">
      <c r="A35" s="18" t="s">
        <v>71</v>
      </c>
      <c r="B35" s="15">
        <v>249</v>
      </c>
      <c r="C35" s="16">
        <v>258</v>
      </c>
      <c r="D35" s="17">
        <v>507</v>
      </c>
    </row>
    <row r="36" spans="1:4" ht="18" customHeight="1" x14ac:dyDescent="0.2">
      <c r="A36" s="14">
        <v>25</v>
      </c>
      <c r="B36" s="15">
        <v>64</v>
      </c>
      <c r="C36" s="16">
        <v>55</v>
      </c>
      <c r="D36" s="17">
        <v>119</v>
      </c>
    </row>
    <row r="37" spans="1:4" ht="18" customHeight="1" x14ac:dyDescent="0.2">
      <c r="A37" s="14">
        <v>26</v>
      </c>
      <c r="B37" s="15">
        <v>66</v>
      </c>
      <c r="C37" s="16">
        <v>65</v>
      </c>
      <c r="D37" s="17">
        <v>131</v>
      </c>
    </row>
    <row r="38" spans="1:4" ht="18" customHeight="1" x14ac:dyDescent="0.2">
      <c r="A38" s="14">
        <v>27</v>
      </c>
      <c r="B38" s="15">
        <v>64</v>
      </c>
      <c r="C38" s="16">
        <v>64</v>
      </c>
      <c r="D38" s="17">
        <v>128</v>
      </c>
    </row>
    <row r="39" spans="1:4" ht="18" customHeight="1" x14ac:dyDescent="0.2">
      <c r="A39" s="14">
        <v>28</v>
      </c>
      <c r="B39" s="15">
        <v>57</v>
      </c>
      <c r="C39" s="16">
        <v>70</v>
      </c>
      <c r="D39" s="17">
        <v>127</v>
      </c>
    </row>
    <row r="40" spans="1:4" ht="18" customHeight="1" x14ac:dyDescent="0.2">
      <c r="A40" s="14">
        <v>29</v>
      </c>
      <c r="B40" s="15">
        <v>65</v>
      </c>
      <c r="C40" s="16">
        <v>61</v>
      </c>
      <c r="D40" s="17">
        <v>126</v>
      </c>
    </row>
    <row r="41" spans="1:4" ht="18" customHeight="1" x14ac:dyDescent="0.2">
      <c r="A41" s="18" t="s">
        <v>72</v>
      </c>
      <c r="B41" s="15">
        <v>316</v>
      </c>
      <c r="C41" s="16">
        <v>315</v>
      </c>
      <c r="D41" s="17">
        <v>631</v>
      </c>
    </row>
    <row r="42" spans="1:4" ht="18" customHeight="1" x14ac:dyDescent="0.2">
      <c r="A42" s="14">
        <v>30</v>
      </c>
      <c r="B42" s="15">
        <v>98</v>
      </c>
      <c r="C42" s="16">
        <v>72</v>
      </c>
      <c r="D42" s="17">
        <v>170</v>
      </c>
    </row>
    <row r="43" spans="1:4" ht="18" customHeight="1" x14ac:dyDescent="0.2">
      <c r="A43" s="14">
        <v>31</v>
      </c>
      <c r="B43" s="15">
        <v>67</v>
      </c>
      <c r="C43" s="16">
        <v>67</v>
      </c>
      <c r="D43" s="17">
        <v>134</v>
      </c>
    </row>
    <row r="44" spans="1:4" ht="18" customHeight="1" x14ac:dyDescent="0.2">
      <c r="A44" s="14">
        <v>32</v>
      </c>
      <c r="B44" s="15">
        <v>80</v>
      </c>
      <c r="C44" s="16">
        <v>82</v>
      </c>
      <c r="D44" s="17">
        <v>162</v>
      </c>
    </row>
    <row r="45" spans="1:4" ht="18" customHeight="1" x14ac:dyDescent="0.2">
      <c r="A45" s="14">
        <v>33</v>
      </c>
      <c r="B45" s="15">
        <v>84</v>
      </c>
      <c r="C45" s="16">
        <v>63</v>
      </c>
      <c r="D45" s="17">
        <v>147</v>
      </c>
    </row>
    <row r="46" spans="1:4" ht="18" customHeight="1" x14ac:dyDescent="0.2">
      <c r="A46" s="14">
        <v>34</v>
      </c>
      <c r="B46" s="15">
        <v>80</v>
      </c>
      <c r="C46" s="16">
        <v>66</v>
      </c>
      <c r="D46" s="17">
        <v>146</v>
      </c>
    </row>
    <row r="47" spans="1:4" ht="18" customHeight="1" x14ac:dyDescent="0.2">
      <c r="A47" s="18" t="s">
        <v>73</v>
      </c>
      <c r="B47" s="15">
        <v>409</v>
      </c>
      <c r="C47" s="16">
        <v>350</v>
      </c>
      <c r="D47" s="17">
        <v>759</v>
      </c>
    </row>
    <row r="48" spans="1:4" ht="18" customHeight="1" x14ac:dyDescent="0.2">
      <c r="A48" s="14">
        <v>35</v>
      </c>
      <c r="B48" s="15">
        <v>81</v>
      </c>
      <c r="C48" s="16">
        <v>84</v>
      </c>
      <c r="D48" s="17">
        <v>165</v>
      </c>
    </row>
    <row r="49" spans="1:4" ht="18" customHeight="1" x14ac:dyDescent="0.2">
      <c r="A49" s="14">
        <v>36</v>
      </c>
      <c r="B49" s="15">
        <v>95</v>
      </c>
      <c r="C49" s="16">
        <v>103</v>
      </c>
      <c r="D49" s="17">
        <v>198</v>
      </c>
    </row>
    <row r="50" spans="1:4" ht="18" customHeight="1" x14ac:dyDescent="0.2">
      <c r="A50" s="14">
        <v>37</v>
      </c>
      <c r="B50" s="15">
        <v>74</v>
      </c>
      <c r="C50" s="16">
        <v>99</v>
      </c>
      <c r="D50" s="17">
        <v>173</v>
      </c>
    </row>
    <row r="51" spans="1:4" ht="18" customHeight="1" x14ac:dyDescent="0.2">
      <c r="A51" s="14">
        <v>38</v>
      </c>
      <c r="B51" s="15">
        <v>96</v>
      </c>
      <c r="C51" s="16">
        <v>82</v>
      </c>
      <c r="D51" s="17">
        <v>178</v>
      </c>
    </row>
    <row r="52" spans="1:4" ht="18" customHeight="1" x14ac:dyDescent="0.2">
      <c r="A52" s="14">
        <v>39</v>
      </c>
      <c r="B52" s="15">
        <v>81</v>
      </c>
      <c r="C52" s="16">
        <v>74</v>
      </c>
      <c r="D52" s="17">
        <v>155</v>
      </c>
    </row>
    <row r="53" spans="1:4" ht="18" customHeight="1" x14ac:dyDescent="0.2">
      <c r="A53" s="18" t="s">
        <v>74</v>
      </c>
      <c r="B53" s="15">
        <v>427</v>
      </c>
      <c r="C53" s="16">
        <v>442</v>
      </c>
      <c r="D53" s="17">
        <v>869</v>
      </c>
    </row>
    <row r="54" spans="1:4" ht="18" customHeight="1" x14ac:dyDescent="0.2">
      <c r="A54" s="14">
        <v>40</v>
      </c>
      <c r="B54" s="15">
        <v>73</v>
      </c>
      <c r="C54" s="16">
        <v>57</v>
      </c>
      <c r="D54" s="17">
        <v>130</v>
      </c>
    </row>
    <row r="55" spans="1:4" ht="18" customHeight="1" x14ac:dyDescent="0.2">
      <c r="A55" s="14">
        <v>41</v>
      </c>
      <c r="B55" s="15">
        <v>64</v>
      </c>
      <c r="C55" s="16">
        <v>68</v>
      </c>
      <c r="D55" s="17">
        <v>132</v>
      </c>
    </row>
    <row r="56" spans="1:4" ht="18" customHeight="1" x14ac:dyDescent="0.2">
      <c r="A56" s="14">
        <v>42</v>
      </c>
      <c r="B56" s="15">
        <v>74</v>
      </c>
      <c r="C56" s="16">
        <v>65</v>
      </c>
      <c r="D56" s="17">
        <v>139</v>
      </c>
    </row>
    <row r="57" spans="1:4" ht="18" customHeight="1" x14ac:dyDescent="0.2">
      <c r="A57" s="14">
        <v>43</v>
      </c>
      <c r="B57" s="15">
        <v>46</v>
      </c>
      <c r="C57" s="16">
        <v>44</v>
      </c>
      <c r="D57" s="17">
        <v>90</v>
      </c>
    </row>
    <row r="58" spans="1:4" ht="18" customHeight="1" x14ac:dyDescent="0.2">
      <c r="A58" s="14">
        <v>44</v>
      </c>
      <c r="B58" s="15">
        <v>73</v>
      </c>
      <c r="C58" s="16">
        <v>56</v>
      </c>
      <c r="D58" s="17">
        <v>129</v>
      </c>
    </row>
    <row r="59" spans="1:4" ht="18" customHeight="1" x14ac:dyDescent="0.2">
      <c r="A59" s="18" t="s">
        <v>75</v>
      </c>
      <c r="B59" s="15">
        <v>330</v>
      </c>
      <c r="C59" s="16">
        <v>290</v>
      </c>
      <c r="D59" s="17">
        <v>620</v>
      </c>
    </row>
    <row r="60" spans="1:4" ht="18" customHeight="1" x14ac:dyDescent="0.2">
      <c r="A60" s="14">
        <v>45</v>
      </c>
      <c r="B60" s="15">
        <v>45</v>
      </c>
      <c r="C60" s="16">
        <v>41</v>
      </c>
      <c r="D60" s="17">
        <v>86</v>
      </c>
    </row>
    <row r="61" spans="1:4" ht="18" customHeight="1" x14ac:dyDescent="0.2">
      <c r="A61" s="14">
        <v>46</v>
      </c>
      <c r="B61" s="15">
        <v>54</v>
      </c>
      <c r="C61" s="16">
        <v>60</v>
      </c>
      <c r="D61" s="17">
        <v>114</v>
      </c>
    </row>
    <row r="62" spans="1:4" ht="18" customHeight="1" x14ac:dyDescent="0.2">
      <c r="A62" s="14">
        <v>47</v>
      </c>
      <c r="B62" s="15">
        <v>51</v>
      </c>
      <c r="C62" s="16">
        <v>57</v>
      </c>
      <c r="D62" s="17">
        <v>108</v>
      </c>
    </row>
    <row r="63" spans="1:4" ht="18" customHeight="1" x14ac:dyDescent="0.2">
      <c r="A63" s="14">
        <v>48</v>
      </c>
      <c r="B63" s="15">
        <v>47</v>
      </c>
      <c r="C63" s="16">
        <v>55</v>
      </c>
      <c r="D63" s="17">
        <v>102</v>
      </c>
    </row>
    <row r="64" spans="1:4" ht="18" customHeight="1" x14ac:dyDescent="0.2">
      <c r="A64" s="14">
        <v>49</v>
      </c>
      <c r="B64" s="15">
        <v>42</v>
      </c>
      <c r="C64" s="16">
        <v>66</v>
      </c>
      <c r="D64" s="17">
        <v>108</v>
      </c>
    </row>
    <row r="65" spans="1:4" ht="18" customHeight="1" x14ac:dyDescent="0.2">
      <c r="A65" s="18" t="s">
        <v>76</v>
      </c>
      <c r="B65" s="15">
        <v>239</v>
      </c>
      <c r="C65" s="16">
        <v>279</v>
      </c>
      <c r="D65" s="17">
        <v>518</v>
      </c>
    </row>
    <row r="66" spans="1:4" ht="18" customHeight="1" x14ac:dyDescent="0.2">
      <c r="A66" s="14">
        <v>50</v>
      </c>
      <c r="B66" s="15">
        <v>48</v>
      </c>
      <c r="C66" s="16">
        <v>44</v>
      </c>
      <c r="D66" s="17">
        <v>92</v>
      </c>
    </row>
    <row r="67" spans="1:4" ht="18" customHeight="1" x14ac:dyDescent="0.2">
      <c r="A67" s="14">
        <v>51</v>
      </c>
      <c r="B67" s="15">
        <v>37</v>
      </c>
      <c r="C67" s="16">
        <v>62</v>
      </c>
      <c r="D67" s="17">
        <v>99</v>
      </c>
    </row>
    <row r="68" spans="1:4" ht="18" customHeight="1" x14ac:dyDescent="0.2">
      <c r="A68" s="14">
        <v>52</v>
      </c>
      <c r="B68" s="15">
        <v>47</v>
      </c>
      <c r="C68" s="16">
        <v>42</v>
      </c>
      <c r="D68" s="17">
        <v>89</v>
      </c>
    </row>
    <row r="69" spans="1:4" ht="18" customHeight="1" x14ac:dyDescent="0.2">
      <c r="A69" s="14">
        <v>53</v>
      </c>
      <c r="B69" s="15">
        <v>40</v>
      </c>
      <c r="C69" s="16">
        <v>75</v>
      </c>
      <c r="D69" s="17">
        <v>115</v>
      </c>
    </row>
    <row r="70" spans="1:4" ht="18" customHeight="1" x14ac:dyDescent="0.2">
      <c r="A70" s="14">
        <v>54</v>
      </c>
      <c r="B70" s="15">
        <v>64</v>
      </c>
      <c r="C70" s="16">
        <v>66</v>
      </c>
      <c r="D70" s="17">
        <v>130</v>
      </c>
    </row>
    <row r="71" spans="1:4" ht="18" customHeight="1" x14ac:dyDescent="0.2">
      <c r="A71" s="18" t="s">
        <v>77</v>
      </c>
      <c r="B71" s="15">
        <v>236</v>
      </c>
      <c r="C71" s="16">
        <v>289</v>
      </c>
      <c r="D71" s="17">
        <v>525</v>
      </c>
    </row>
    <row r="72" spans="1:4" ht="18" customHeight="1" x14ac:dyDescent="0.2">
      <c r="A72" s="14">
        <v>55</v>
      </c>
      <c r="B72" s="15">
        <v>57</v>
      </c>
      <c r="C72" s="16">
        <v>59</v>
      </c>
      <c r="D72" s="17">
        <v>116</v>
      </c>
    </row>
    <row r="73" spans="1:4" ht="18" customHeight="1" x14ac:dyDescent="0.2">
      <c r="A73" s="14">
        <v>56</v>
      </c>
      <c r="B73" s="15">
        <v>64</v>
      </c>
      <c r="C73" s="16">
        <v>70</v>
      </c>
      <c r="D73" s="17">
        <v>134</v>
      </c>
    </row>
    <row r="74" spans="1:4" ht="18" customHeight="1" x14ac:dyDescent="0.2">
      <c r="A74" s="14">
        <v>57</v>
      </c>
      <c r="B74" s="15">
        <v>70</v>
      </c>
      <c r="C74" s="16">
        <v>71</v>
      </c>
      <c r="D74" s="17">
        <v>141</v>
      </c>
    </row>
    <row r="75" spans="1:4" ht="18" customHeight="1" x14ac:dyDescent="0.2">
      <c r="A75" s="14">
        <v>58</v>
      </c>
      <c r="B75" s="15">
        <v>62</v>
      </c>
      <c r="C75" s="16">
        <v>74</v>
      </c>
      <c r="D75" s="17">
        <v>136</v>
      </c>
    </row>
    <row r="76" spans="1:4" ht="18" customHeight="1" x14ac:dyDescent="0.2">
      <c r="A76" s="14">
        <v>59</v>
      </c>
      <c r="B76" s="15">
        <v>79</v>
      </c>
      <c r="C76" s="16">
        <v>77</v>
      </c>
      <c r="D76" s="17">
        <v>156</v>
      </c>
    </row>
    <row r="77" spans="1:4" ht="18" customHeight="1" x14ac:dyDescent="0.2">
      <c r="A77" s="18" t="s">
        <v>78</v>
      </c>
      <c r="B77" s="15">
        <v>332</v>
      </c>
      <c r="C77" s="16">
        <v>351</v>
      </c>
      <c r="D77" s="17">
        <v>683</v>
      </c>
    </row>
    <row r="78" spans="1:4" ht="18" customHeight="1" x14ac:dyDescent="0.2">
      <c r="A78" s="14">
        <v>60</v>
      </c>
      <c r="B78" s="15">
        <v>91</v>
      </c>
      <c r="C78" s="16">
        <v>88</v>
      </c>
      <c r="D78" s="17">
        <v>179</v>
      </c>
    </row>
    <row r="79" spans="1:4" ht="18" customHeight="1" x14ac:dyDescent="0.2">
      <c r="A79" s="14">
        <v>61</v>
      </c>
      <c r="B79" s="15">
        <v>95</v>
      </c>
      <c r="C79" s="16">
        <v>95</v>
      </c>
      <c r="D79" s="17">
        <v>190</v>
      </c>
    </row>
    <row r="80" spans="1:4" ht="18" customHeight="1" x14ac:dyDescent="0.2">
      <c r="A80" s="14">
        <v>62</v>
      </c>
      <c r="B80" s="15">
        <v>84</v>
      </c>
      <c r="C80" s="16">
        <v>96</v>
      </c>
      <c r="D80" s="17">
        <v>180</v>
      </c>
    </row>
    <row r="81" spans="1:4" ht="18" customHeight="1" x14ac:dyDescent="0.2">
      <c r="A81" s="14">
        <v>63</v>
      </c>
      <c r="B81" s="15">
        <v>41</v>
      </c>
      <c r="C81" s="16">
        <v>63</v>
      </c>
      <c r="D81" s="17">
        <v>104</v>
      </c>
    </row>
    <row r="82" spans="1:4" ht="18" customHeight="1" x14ac:dyDescent="0.2">
      <c r="A82" s="14">
        <v>64</v>
      </c>
      <c r="B82" s="15">
        <v>60</v>
      </c>
      <c r="C82" s="16">
        <v>48</v>
      </c>
      <c r="D82" s="17">
        <v>108</v>
      </c>
    </row>
    <row r="83" spans="1:4" ht="18" customHeight="1" x14ac:dyDescent="0.2">
      <c r="A83" s="18" t="s">
        <v>79</v>
      </c>
      <c r="B83" s="15">
        <v>371</v>
      </c>
      <c r="C83" s="16">
        <v>390</v>
      </c>
      <c r="D83" s="17">
        <v>761</v>
      </c>
    </row>
    <row r="84" spans="1:4" ht="18" customHeight="1" x14ac:dyDescent="0.2">
      <c r="A84" s="18" t="s">
        <v>80</v>
      </c>
      <c r="B84" s="15">
        <v>3086</v>
      </c>
      <c r="C84" s="16">
        <v>3191</v>
      </c>
      <c r="D84" s="17">
        <v>6277</v>
      </c>
    </row>
    <row r="85" spans="1:4" ht="18" customHeight="1" x14ac:dyDescent="0.2">
      <c r="A85" s="14">
        <v>65</v>
      </c>
      <c r="B85" s="15">
        <v>69</v>
      </c>
      <c r="C85" s="16">
        <v>84</v>
      </c>
      <c r="D85" s="17">
        <v>153</v>
      </c>
    </row>
    <row r="86" spans="1:4" ht="18" customHeight="1" x14ac:dyDescent="0.2">
      <c r="A86" s="14">
        <v>66</v>
      </c>
      <c r="B86" s="15">
        <v>62</v>
      </c>
      <c r="C86" s="16">
        <v>60</v>
      </c>
      <c r="D86" s="17">
        <v>122</v>
      </c>
    </row>
    <row r="87" spans="1:4" ht="18" customHeight="1" x14ac:dyDescent="0.2">
      <c r="A87" s="14">
        <v>67</v>
      </c>
      <c r="B87" s="15">
        <v>67</v>
      </c>
      <c r="C87" s="16">
        <v>87</v>
      </c>
      <c r="D87" s="17">
        <v>154</v>
      </c>
    </row>
    <row r="88" spans="1:4" ht="18" customHeight="1" x14ac:dyDescent="0.2">
      <c r="A88" s="14">
        <v>68</v>
      </c>
      <c r="B88" s="15">
        <v>62</v>
      </c>
      <c r="C88" s="16">
        <v>74</v>
      </c>
      <c r="D88" s="17">
        <v>136</v>
      </c>
    </row>
    <row r="89" spans="1:4" ht="18" customHeight="1" x14ac:dyDescent="0.2">
      <c r="A89" s="14">
        <v>69</v>
      </c>
      <c r="B89" s="15">
        <v>50</v>
      </c>
      <c r="C89" s="16">
        <v>54</v>
      </c>
      <c r="D89" s="17">
        <v>104</v>
      </c>
    </row>
    <row r="90" spans="1:4" ht="18" customHeight="1" x14ac:dyDescent="0.2">
      <c r="A90" s="18" t="s">
        <v>81</v>
      </c>
      <c r="B90" s="15">
        <v>310</v>
      </c>
      <c r="C90" s="16">
        <v>359</v>
      </c>
      <c r="D90" s="17">
        <v>669</v>
      </c>
    </row>
    <row r="91" spans="1:4" ht="18" customHeight="1" x14ac:dyDescent="0.2">
      <c r="A91" s="14">
        <v>70</v>
      </c>
      <c r="B91" s="15">
        <v>45</v>
      </c>
      <c r="C91" s="16">
        <v>57</v>
      </c>
      <c r="D91" s="17">
        <v>102</v>
      </c>
    </row>
    <row r="92" spans="1:4" ht="18" customHeight="1" x14ac:dyDescent="0.2">
      <c r="A92" s="14">
        <v>71</v>
      </c>
      <c r="B92" s="15">
        <v>43</v>
      </c>
      <c r="C92" s="16">
        <v>47</v>
      </c>
      <c r="D92" s="17">
        <v>90</v>
      </c>
    </row>
    <row r="93" spans="1:4" ht="18" customHeight="1" x14ac:dyDescent="0.2">
      <c r="A93" s="14">
        <v>72</v>
      </c>
      <c r="B93" s="15">
        <v>47</v>
      </c>
      <c r="C93" s="16">
        <v>62</v>
      </c>
      <c r="D93" s="17">
        <v>109</v>
      </c>
    </row>
    <row r="94" spans="1:4" ht="18" customHeight="1" x14ac:dyDescent="0.2">
      <c r="A94" s="14">
        <v>73</v>
      </c>
      <c r="B94" s="15">
        <v>42</v>
      </c>
      <c r="C94" s="16">
        <v>66</v>
      </c>
      <c r="D94" s="17">
        <v>108</v>
      </c>
    </row>
    <row r="95" spans="1:4" ht="18" customHeight="1" x14ac:dyDescent="0.2">
      <c r="A95" s="14">
        <v>74</v>
      </c>
      <c r="B95" s="15">
        <v>44</v>
      </c>
      <c r="C95" s="16">
        <v>44</v>
      </c>
      <c r="D95" s="17">
        <v>88</v>
      </c>
    </row>
    <row r="96" spans="1:4" ht="18" customHeight="1" x14ac:dyDescent="0.2">
      <c r="A96" s="18" t="s">
        <v>82</v>
      </c>
      <c r="B96" s="15">
        <v>221</v>
      </c>
      <c r="C96" s="16">
        <v>276</v>
      </c>
      <c r="D96" s="17">
        <v>497</v>
      </c>
    </row>
    <row r="97" spans="1:4" ht="18" customHeight="1" x14ac:dyDescent="0.2">
      <c r="A97" s="14">
        <v>75</v>
      </c>
      <c r="B97" s="15">
        <v>40</v>
      </c>
      <c r="C97" s="16">
        <v>39</v>
      </c>
      <c r="D97" s="17">
        <v>79</v>
      </c>
    </row>
    <row r="98" spans="1:4" ht="18" customHeight="1" x14ac:dyDescent="0.2">
      <c r="A98" s="14">
        <v>76</v>
      </c>
      <c r="B98" s="15">
        <v>34</v>
      </c>
      <c r="C98" s="16">
        <v>42</v>
      </c>
      <c r="D98" s="17">
        <v>76</v>
      </c>
    </row>
    <row r="99" spans="1:4" ht="18" customHeight="1" x14ac:dyDescent="0.2">
      <c r="A99" s="14">
        <v>77</v>
      </c>
      <c r="B99" s="15">
        <v>36</v>
      </c>
      <c r="C99" s="16">
        <v>39</v>
      </c>
      <c r="D99" s="17">
        <v>75</v>
      </c>
    </row>
    <row r="100" spans="1:4" ht="18" customHeight="1" x14ac:dyDescent="0.2">
      <c r="A100" s="14">
        <v>78</v>
      </c>
      <c r="B100" s="15">
        <v>29</v>
      </c>
      <c r="C100" s="16">
        <v>48</v>
      </c>
      <c r="D100" s="17">
        <v>77</v>
      </c>
    </row>
    <row r="101" spans="1:4" ht="18" customHeight="1" x14ac:dyDescent="0.2">
      <c r="A101" s="14">
        <v>79</v>
      </c>
      <c r="B101" s="15">
        <v>34</v>
      </c>
      <c r="C101" s="16">
        <v>42</v>
      </c>
      <c r="D101" s="17">
        <v>76</v>
      </c>
    </row>
    <row r="102" spans="1:4" ht="18" customHeight="1" x14ac:dyDescent="0.2">
      <c r="A102" s="18" t="s">
        <v>83</v>
      </c>
      <c r="B102" s="15">
        <v>173</v>
      </c>
      <c r="C102" s="16">
        <v>210</v>
      </c>
      <c r="D102" s="17">
        <v>383</v>
      </c>
    </row>
    <row r="103" spans="1:4" ht="18" customHeight="1" x14ac:dyDescent="0.2">
      <c r="A103" s="14">
        <v>80</v>
      </c>
      <c r="B103" s="15">
        <v>27</v>
      </c>
      <c r="C103" s="16">
        <v>42</v>
      </c>
      <c r="D103" s="17">
        <v>69</v>
      </c>
    </row>
    <row r="104" spans="1:4" ht="18" customHeight="1" x14ac:dyDescent="0.2">
      <c r="A104" s="14">
        <v>81</v>
      </c>
      <c r="B104" s="15">
        <v>20</v>
      </c>
      <c r="C104" s="16">
        <v>36</v>
      </c>
      <c r="D104" s="17">
        <v>56</v>
      </c>
    </row>
    <row r="105" spans="1:4" ht="18" customHeight="1" x14ac:dyDescent="0.2">
      <c r="A105" s="14">
        <v>82</v>
      </c>
      <c r="B105" s="15">
        <v>21</v>
      </c>
      <c r="C105" s="16">
        <v>43</v>
      </c>
      <c r="D105" s="17">
        <v>64</v>
      </c>
    </row>
    <row r="106" spans="1:4" ht="18" customHeight="1" x14ac:dyDescent="0.2">
      <c r="A106" s="14">
        <v>83</v>
      </c>
      <c r="B106" s="15">
        <v>16</v>
      </c>
      <c r="C106" s="16">
        <v>25</v>
      </c>
      <c r="D106" s="17">
        <v>41</v>
      </c>
    </row>
    <row r="107" spans="1:4" ht="18" customHeight="1" x14ac:dyDescent="0.2">
      <c r="A107" s="14">
        <v>84</v>
      </c>
      <c r="B107" s="15">
        <v>16</v>
      </c>
      <c r="C107" s="16">
        <v>27</v>
      </c>
      <c r="D107" s="17">
        <v>43</v>
      </c>
    </row>
    <row r="108" spans="1:4" ht="18" customHeight="1" x14ac:dyDescent="0.2">
      <c r="A108" s="18" t="s">
        <v>84</v>
      </c>
      <c r="B108" s="15">
        <v>100</v>
      </c>
      <c r="C108" s="16">
        <v>173</v>
      </c>
      <c r="D108" s="17">
        <v>273</v>
      </c>
    </row>
    <row r="109" spans="1:4" ht="18" customHeight="1" x14ac:dyDescent="0.2">
      <c r="A109" s="14">
        <v>85</v>
      </c>
      <c r="B109" s="15">
        <v>14</v>
      </c>
      <c r="C109" s="16">
        <v>21</v>
      </c>
      <c r="D109" s="17">
        <v>35</v>
      </c>
    </row>
    <row r="110" spans="1:4" ht="18" customHeight="1" x14ac:dyDescent="0.2">
      <c r="A110" s="14">
        <v>86</v>
      </c>
      <c r="B110" s="15">
        <v>12</v>
      </c>
      <c r="C110" s="16">
        <v>13</v>
      </c>
      <c r="D110" s="17">
        <v>25</v>
      </c>
    </row>
    <row r="111" spans="1:4" ht="18" customHeight="1" x14ac:dyDescent="0.2">
      <c r="A111" s="14">
        <v>87</v>
      </c>
      <c r="B111" s="15">
        <v>1</v>
      </c>
      <c r="C111" s="16">
        <v>21</v>
      </c>
      <c r="D111" s="17">
        <v>22</v>
      </c>
    </row>
    <row r="112" spans="1:4" ht="18" customHeight="1" x14ac:dyDescent="0.2">
      <c r="A112" s="14">
        <v>88</v>
      </c>
      <c r="B112" s="15">
        <v>5</v>
      </c>
      <c r="C112" s="16">
        <v>17</v>
      </c>
      <c r="D112" s="17">
        <v>22</v>
      </c>
    </row>
    <row r="113" spans="1:4" ht="18" customHeight="1" x14ac:dyDescent="0.2">
      <c r="A113" s="14">
        <v>89</v>
      </c>
      <c r="B113" s="15">
        <v>3</v>
      </c>
      <c r="C113" s="16">
        <v>15</v>
      </c>
      <c r="D113" s="17">
        <v>18</v>
      </c>
    </row>
    <row r="114" spans="1:4" ht="18" customHeight="1" x14ac:dyDescent="0.2">
      <c r="A114" s="18" t="s">
        <v>85</v>
      </c>
      <c r="B114" s="15">
        <v>35</v>
      </c>
      <c r="C114" s="16">
        <v>87</v>
      </c>
      <c r="D114" s="17">
        <v>122</v>
      </c>
    </row>
    <row r="115" spans="1:4" ht="18" customHeight="1" x14ac:dyDescent="0.2">
      <c r="A115" s="14">
        <v>90</v>
      </c>
      <c r="B115" s="15">
        <v>4</v>
      </c>
      <c r="C115" s="16">
        <v>12</v>
      </c>
      <c r="D115" s="17">
        <v>16</v>
      </c>
    </row>
    <row r="116" spans="1:4" ht="18" customHeight="1" x14ac:dyDescent="0.2">
      <c r="A116" s="14">
        <v>91</v>
      </c>
      <c r="B116" s="15">
        <v>2</v>
      </c>
      <c r="C116" s="16">
        <v>8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6</v>
      </c>
      <c r="D117" s="17">
        <v>7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86</v>
      </c>
      <c r="B120" s="15">
        <v>9</v>
      </c>
      <c r="C120" s="16">
        <v>37</v>
      </c>
      <c r="D120" s="17">
        <v>46</v>
      </c>
    </row>
    <row r="121" spans="1:4" ht="18" customHeight="1" x14ac:dyDescent="0.2">
      <c r="A121" s="14">
        <v>95</v>
      </c>
      <c r="B121" s="15">
        <v>3</v>
      </c>
      <c r="C121" s="16">
        <v>4</v>
      </c>
      <c r="D121" s="17">
        <v>7</v>
      </c>
    </row>
    <row r="122" spans="1:4" ht="18" customHeight="1" x14ac:dyDescent="0.2">
      <c r="A122" s="14">
        <v>96</v>
      </c>
      <c r="B122" s="15">
        <v>4</v>
      </c>
      <c r="C122" s="16">
        <v>1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87</v>
      </c>
      <c r="B126" s="15">
        <v>9</v>
      </c>
      <c r="C126" s="16">
        <v>10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89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90</v>
      </c>
      <c r="B130" s="4">
        <v>857</v>
      </c>
      <c r="C130" s="5">
        <v>1156</v>
      </c>
      <c r="D130" s="6">
        <v>2013</v>
      </c>
    </row>
    <row r="131" spans="1:4" ht="18" customHeight="1" x14ac:dyDescent="0.2">
      <c r="A131" s="20" t="s">
        <v>65</v>
      </c>
      <c r="B131" s="7">
        <v>4648</v>
      </c>
      <c r="C131" s="8">
        <v>5108</v>
      </c>
      <c r="D131" s="9">
        <v>975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25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20</v>
      </c>
      <c r="C5" s="12">
        <v>132</v>
      </c>
      <c r="D5" s="13">
        <v>252</v>
      </c>
    </row>
    <row r="6" spans="1:4" ht="18" customHeight="1" x14ac:dyDescent="0.2">
      <c r="A6" s="14">
        <v>1</v>
      </c>
      <c r="B6" s="15">
        <v>114</v>
      </c>
      <c r="C6" s="16">
        <v>103</v>
      </c>
      <c r="D6" s="17">
        <v>217</v>
      </c>
    </row>
    <row r="7" spans="1:4" ht="18" customHeight="1" x14ac:dyDescent="0.2">
      <c r="A7" s="14">
        <v>2</v>
      </c>
      <c r="B7" s="15">
        <v>117</v>
      </c>
      <c r="C7" s="16">
        <v>93</v>
      </c>
      <c r="D7" s="17">
        <v>210</v>
      </c>
    </row>
    <row r="8" spans="1:4" ht="18" customHeight="1" x14ac:dyDescent="0.2">
      <c r="A8" s="14">
        <v>3</v>
      </c>
      <c r="B8" s="15">
        <v>98</v>
      </c>
      <c r="C8" s="16">
        <v>99</v>
      </c>
      <c r="D8" s="17">
        <v>197</v>
      </c>
    </row>
    <row r="9" spans="1:4" ht="18" customHeight="1" x14ac:dyDescent="0.2">
      <c r="A9" s="14">
        <v>4</v>
      </c>
      <c r="B9" s="15">
        <v>100</v>
      </c>
      <c r="C9" s="16">
        <v>110</v>
      </c>
      <c r="D9" s="17">
        <v>210</v>
      </c>
    </row>
    <row r="10" spans="1:4" ht="18" customHeight="1" x14ac:dyDescent="0.2">
      <c r="A10" s="18" t="s">
        <v>66</v>
      </c>
      <c r="B10" s="15">
        <v>549</v>
      </c>
      <c r="C10" s="16">
        <v>537</v>
      </c>
      <c r="D10" s="17">
        <v>1086</v>
      </c>
    </row>
    <row r="11" spans="1:4" ht="18" customHeight="1" x14ac:dyDescent="0.2">
      <c r="A11" s="14">
        <v>5</v>
      </c>
      <c r="B11" s="15">
        <v>107</v>
      </c>
      <c r="C11" s="16">
        <v>98</v>
      </c>
      <c r="D11" s="17">
        <v>205</v>
      </c>
    </row>
    <row r="12" spans="1:4" ht="18" customHeight="1" x14ac:dyDescent="0.2">
      <c r="A12" s="14">
        <v>6</v>
      </c>
      <c r="B12" s="15">
        <v>91</v>
      </c>
      <c r="C12" s="16">
        <v>99</v>
      </c>
      <c r="D12" s="17">
        <v>190</v>
      </c>
    </row>
    <row r="13" spans="1:4" ht="18" customHeight="1" x14ac:dyDescent="0.2">
      <c r="A13" s="14">
        <v>7</v>
      </c>
      <c r="B13" s="15">
        <v>120</v>
      </c>
      <c r="C13" s="16">
        <v>105</v>
      </c>
      <c r="D13" s="17">
        <v>225</v>
      </c>
    </row>
    <row r="14" spans="1:4" ht="18" customHeight="1" x14ac:dyDescent="0.2">
      <c r="A14" s="14">
        <v>8</v>
      </c>
      <c r="B14" s="15">
        <v>112</v>
      </c>
      <c r="C14" s="16">
        <v>101</v>
      </c>
      <c r="D14" s="17">
        <v>213</v>
      </c>
    </row>
    <row r="15" spans="1:4" ht="18" customHeight="1" x14ac:dyDescent="0.2">
      <c r="A15" s="14">
        <v>9</v>
      </c>
      <c r="B15" s="15">
        <v>103</v>
      </c>
      <c r="C15" s="16">
        <v>70</v>
      </c>
      <c r="D15" s="17">
        <v>173</v>
      </c>
    </row>
    <row r="16" spans="1:4" ht="18" customHeight="1" x14ac:dyDescent="0.2">
      <c r="A16" s="18" t="s">
        <v>67</v>
      </c>
      <c r="B16" s="15">
        <v>533</v>
      </c>
      <c r="C16" s="16">
        <v>473</v>
      </c>
      <c r="D16" s="17">
        <v>1006</v>
      </c>
    </row>
    <row r="17" spans="1:4" ht="18" customHeight="1" x14ac:dyDescent="0.2">
      <c r="A17" s="14">
        <v>10</v>
      </c>
      <c r="B17" s="15">
        <v>107</v>
      </c>
      <c r="C17" s="16">
        <v>95</v>
      </c>
      <c r="D17" s="17">
        <v>202</v>
      </c>
    </row>
    <row r="18" spans="1:4" ht="18" customHeight="1" x14ac:dyDescent="0.2">
      <c r="A18" s="14">
        <v>11</v>
      </c>
      <c r="B18" s="15">
        <v>120</v>
      </c>
      <c r="C18" s="16">
        <v>98</v>
      </c>
      <c r="D18" s="17">
        <v>218</v>
      </c>
    </row>
    <row r="19" spans="1:4" ht="18" customHeight="1" x14ac:dyDescent="0.2">
      <c r="A19" s="14">
        <v>12</v>
      </c>
      <c r="B19" s="15">
        <v>88</v>
      </c>
      <c r="C19" s="16">
        <v>100</v>
      </c>
      <c r="D19" s="17">
        <v>188</v>
      </c>
    </row>
    <row r="20" spans="1:4" ht="18" customHeight="1" x14ac:dyDescent="0.2">
      <c r="A20" s="14">
        <v>13</v>
      </c>
      <c r="B20" s="15">
        <v>83</v>
      </c>
      <c r="C20" s="16">
        <v>101</v>
      </c>
      <c r="D20" s="17">
        <v>184</v>
      </c>
    </row>
    <row r="21" spans="1:4" ht="18" customHeight="1" x14ac:dyDescent="0.2">
      <c r="A21" s="14">
        <v>14</v>
      </c>
      <c r="B21" s="15">
        <v>92</v>
      </c>
      <c r="C21" s="16">
        <v>108</v>
      </c>
      <c r="D21" s="17">
        <v>200</v>
      </c>
    </row>
    <row r="22" spans="1:4" ht="18" customHeight="1" x14ac:dyDescent="0.2">
      <c r="A22" s="18" t="s">
        <v>68</v>
      </c>
      <c r="B22" s="15">
        <v>490</v>
      </c>
      <c r="C22" s="16">
        <v>502</v>
      </c>
      <c r="D22" s="17">
        <v>992</v>
      </c>
    </row>
    <row r="23" spans="1:4" ht="18" customHeight="1" x14ac:dyDescent="0.2">
      <c r="A23" s="18" t="s">
        <v>69</v>
      </c>
      <c r="B23" s="15">
        <v>1572</v>
      </c>
      <c r="C23" s="16">
        <v>1512</v>
      </c>
      <c r="D23" s="17">
        <v>3084</v>
      </c>
    </row>
    <row r="24" spans="1:4" ht="18" customHeight="1" x14ac:dyDescent="0.2">
      <c r="A24" s="14">
        <v>15</v>
      </c>
      <c r="B24" s="15">
        <v>90</v>
      </c>
      <c r="C24" s="16">
        <v>102</v>
      </c>
      <c r="D24" s="17">
        <v>192</v>
      </c>
    </row>
    <row r="25" spans="1:4" ht="18" customHeight="1" x14ac:dyDescent="0.2">
      <c r="A25" s="14">
        <v>16</v>
      </c>
      <c r="B25" s="15">
        <v>105</v>
      </c>
      <c r="C25" s="16">
        <v>93</v>
      </c>
      <c r="D25" s="17">
        <v>198</v>
      </c>
    </row>
    <row r="26" spans="1:4" ht="18" customHeight="1" x14ac:dyDescent="0.2">
      <c r="A26" s="14">
        <v>17</v>
      </c>
      <c r="B26" s="15">
        <v>96</v>
      </c>
      <c r="C26" s="16">
        <v>94</v>
      </c>
      <c r="D26" s="17">
        <v>190</v>
      </c>
    </row>
    <row r="27" spans="1:4" ht="18" customHeight="1" x14ac:dyDescent="0.2">
      <c r="A27" s="14">
        <v>18</v>
      </c>
      <c r="B27" s="15">
        <v>93</v>
      </c>
      <c r="C27" s="16">
        <v>91</v>
      </c>
      <c r="D27" s="17">
        <v>184</v>
      </c>
    </row>
    <row r="28" spans="1:4" ht="18" customHeight="1" x14ac:dyDescent="0.2">
      <c r="A28" s="14">
        <v>19</v>
      </c>
      <c r="B28" s="15">
        <v>115</v>
      </c>
      <c r="C28" s="16">
        <v>117</v>
      </c>
      <c r="D28" s="17">
        <v>232</v>
      </c>
    </row>
    <row r="29" spans="1:4" ht="18" customHeight="1" x14ac:dyDescent="0.2">
      <c r="A29" s="18" t="s">
        <v>70</v>
      </c>
      <c r="B29" s="15">
        <v>499</v>
      </c>
      <c r="C29" s="16">
        <v>497</v>
      </c>
      <c r="D29" s="17">
        <v>996</v>
      </c>
    </row>
    <row r="30" spans="1:4" ht="18" customHeight="1" x14ac:dyDescent="0.2">
      <c r="A30" s="14">
        <v>20</v>
      </c>
      <c r="B30" s="15">
        <v>105</v>
      </c>
      <c r="C30" s="16">
        <v>94</v>
      </c>
      <c r="D30" s="17">
        <v>199</v>
      </c>
    </row>
    <row r="31" spans="1:4" ht="18" customHeight="1" x14ac:dyDescent="0.2">
      <c r="A31" s="14">
        <v>21</v>
      </c>
      <c r="B31" s="15">
        <v>91</v>
      </c>
      <c r="C31" s="16">
        <v>110</v>
      </c>
      <c r="D31" s="17">
        <v>201</v>
      </c>
    </row>
    <row r="32" spans="1:4" ht="18" customHeight="1" x14ac:dyDescent="0.2">
      <c r="A32" s="14">
        <v>22</v>
      </c>
      <c r="B32" s="15">
        <v>118</v>
      </c>
      <c r="C32" s="16">
        <v>96</v>
      </c>
      <c r="D32" s="17">
        <v>214</v>
      </c>
    </row>
    <row r="33" spans="1:4" ht="18" customHeight="1" x14ac:dyDescent="0.2">
      <c r="A33" s="14">
        <v>23</v>
      </c>
      <c r="B33" s="15">
        <v>121</v>
      </c>
      <c r="C33" s="16">
        <v>123</v>
      </c>
      <c r="D33" s="17">
        <v>244</v>
      </c>
    </row>
    <row r="34" spans="1:4" ht="18" customHeight="1" x14ac:dyDescent="0.2">
      <c r="A34" s="14">
        <v>24</v>
      </c>
      <c r="B34" s="15">
        <v>124</v>
      </c>
      <c r="C34" s="16">
        <v>133</v>
      </c>
      <c r="D34" s="17">
        <v>257</v>
      </c>
    </row>
    <row r="35" spans="1:4" ht="18" customHeight="1" x14ac:dyDescent="0.2">
      <c r="A35" s="18" t="s">
        <v>71</v>
      </c>
      <c r="B35" s="15">
        <v>559</v>
      </c>
      <c r="C35" s="16">
        <v>556</v>
      </c>
      <c r="D35" s="17">
        <v>1115</v>
      </c>
    </row>
    <row r="36" spans="1:4" ht="18" customHeight="1" x14ac:dyDescent="0.2">
      <c r="A36" s="14">
        <v>25</v>
      </c>
      <c r="B36" s="15">
        <v>103</v>
      </c>
      <c r="C36" s="16">
        <v>127</v>
      </c>
      <c r="D36" s="17">
        <v>230</v>
      </c>
    </row>
    <row r="37" spans="1:4" ht="18" customHeight="1" x14ac:dyDescent="0.2">
      <c r="A37" s="14">
        <v>26</v>
      </c>
      <c r="B37" s="15">
        <v>120</v>
      </c>
      <c r="C37" s="16">
        <v>102</v>
      </c>
      <c r="D37" s="17">
        <v>222</v>
      </c>
    </row>
    <row r="38" spans="1:4" ht="18" customHeight="1" x14ac:dyDescent="0.2">
      <c r="A38" s="14">
        <v>27</v>
      </c>
      <c r="B38" s="15">
        <v>134</v>
      </c>
      <c r="C38" s="16">
        <v>125</v>
      </c>
      <c r="D38" s="17">
        <v>259</v>
      </c>
    </row>
    <row r="39" spans="1:4" ht="18" customHeight="1" x14ac:dyDescent="0.2">
      <c r="A39" s="14">
        <v>28</v>
      </c>
      <c r="B39" s="15">
        <v>124</v>
      </c>
      <c r="C39" s="16">
        <v>142</v>
      </c>
      <c r="D39" s="17">
        <v>266</v>
      </c>
    </row>
    <row r="40" spans="1:4" ht="18" customHeight="1" x14ac:dyDescent="0.2">
      <c r="A40" s="14">
        <v>29</v>
      </c>
      <c r="B40" s="15">
        <v>172</v>
      </c>
      <c r="C40" s="16">
        <v>137</v>
      </c>
      <c r="D40" s="17">
        <v>309</v>
      </c>
    </row>
    <row r="41" spans="1:4" ht="18" customHeight="1" x14ac:dyDescent="0.2">
      <c r="A41" s="18" t="s">
        <v>72</v>
      </c>
      <c r="B41" s="15">
        <v>653</v>
      </c>
      <c r="C41" s="16">
        <v>633</v>
      </c>
      <c r="D41" s="17">
        <v>1286</v>
      </c>
    </row>
    <row r="42" spans="1:4" ht="18" customHeight="1" x14ac:dyDescent="0.2">
      <c r="A42" s="14">
        <v>30</v>
      </c>
      <c r="B42" s="15">
        <v>147</v>
      </c>
      <c r="C42" s="16">
        <v>140</v>
      </c>
      <c r="D42" s="17">
        <v>287</v>
      </c>
    </row>
    <row r="43" spans="1:4" ht="18" customHeight="1" x14ac:dyDescent="0.2">
      <c r="A43" s="14">
        <v>31</v>
      </c>
      <c r="B43" s="15">
        <v>197</v>
      </c>
      <c r="C43" s="16">
        <v>132</v>
      </c>
      <c r="D43" s="17">
        <v>329</v>
      </c>
    </row>
    <row r="44" spans="1:4" ht="18" customHeight="1" x14ac:dyDescent="0.2">
      <c r="A44" s="14">
        <v>32</v>
      </c>
      <c r="B44" s="15">
        <v>170</v>
      </c>
      <c r="C44" s="16">
        <v>170</v>
      </c>
      <c r="D44" s="17">
        <v>340</v>
      </c>
    </row>
    <row r="45" spans="1:4" ht="18" customHeight="1" x14ac:dyDescent="0.2">
      <c r="A45" s="14">
        <v>33</v>
      </c>
      <c r="B45" s="15">
        <v>172</v>
      </c>
      <c r="C45" s="16">
        <v>173</v>
      </c>
      <c r="D45" s="17">
        <v>345</v>
      </c>
    </row>
    <row r="46" spans="1:4" ht="18" customHeight="1" x14ac:dyDescent="0.2">
      <c r="A46" s="14">
        <v>34</v>
      </c>
      <c r="B46" s="15">
        <v>183</v>
      </c>
      <c r="C46" s="16">
        <v>205</v>
      </c>
      <c r="D46" s="17">
        <v>388</v>
      </c>
    </row>
    <row r="47" spans="1:4" ht="18" customHeight="1" x14ac:dyDescent="0.2">
      <c r="A47" s="18" t="s">
        <v>73</v>
      </c>
      <c r="B47" s="15">
        <v>869</v>
      </c>
      <c r="C47" s="16">
        <v>820</v>
      </c>
      <c r="D47" s="17">
        <v>1689</v>
      </c>
    </row>
    <row r="48" spans="1:4" ht="18" customHeight="1" x14ac:dyDescent="0.2">
      <c r="A48" s="14">
        <v>35</v>
      </c>
      <c r="B48" s="15">
        <v>228</v>
      </c>
      <c r="C48" s="16">
        <v>193</v>
      </c>
      <c r="D48" s="17">
        <v>421</v>
      </c>
    </row>
    <row r="49" spans="1:4" ht="18" customHeight="1" x14ac:dyDescent="0.2">
      <c r="A49" s="14">
        <v>36</v>
      </c>
      <c r="B49" s="15">
        <v>206</v>
      </c>
      <c r="C49" s="16">
        <v>192</v>
      </c>
      <c r="D49" s="17">
        <v>398</v>
      </c>
    </row>
    <row r="50" spans="1:4" ht="18" customHeight="1" x14ac:dyDescent="0.2">
      <c r="A50" s="14">
        <v>37</v>
      </c>
      <c r="B50" s="15">
        <v>203</v>
      </c>
      <c r="C50" s="16">
        <v>195</v>
      </c>
      <c r="D50" s="17">
        <v>398</v>
      </c>
    </row>
    <row r="51" spans="1:4" ht="18" customHeight="1" x14ac:dyDescent="0.2">
      <c r="A51" s="14">
        <v>38</v>
      </c>
      <c r="B51" s="15">
        <v>190</v>
      </c>
      <c r="C51" s="16">
        <v>212</v>
      </c>
      <c r="D51" s="17">
        <v>402</v>
      </c>
    </row>
    <row r="52" spans="1:4" ht="18" customHeight="1" x14ac:dyDescent="0.2">
      <c r="A52" s="14">
        <v>39</v>
      </c>
      <c r="B52" s="15">
        <v>201</v>
      </c>
      <c r="C52" s="16">
        <v>173</v>
      </c>
      <c r="D52" s="17">
        <v>374</v>
      </c>
    </row>
    <row r="53" spans="1:4" ht="18" customHeight="1" x14ac:dyDescent="0.2">
      <c r="A53" s="18" t="s">
        <v>74</v>
      </c>
      <c r="B53" s="15">
        <v>1028</v>
      </c>
      <c r="C53" s="16">
        <v>965</v>
      </c>
      <c r="D53" s="17">
        <v>1993</v>
      </c>
    </row>
    <row r="54" spans="1:4" ht="18" customHeight="1" x14ac:dyDescent="0.2">
      <c r="A54" s="14">
        <v>40</v>
      </c>
      <c r="B54" s="15">
        <v>194</v>
      </c>
      <c r="C54" s="16">
        <v>170</v>
      </c>
      <c r="D54" s="17">
        <v>364</v>
      </c>
    </row>
    <row r="55" spans="1:4" ht="18" customHeight="1" x14ac:dyDescent="0.2">
      <c r="A55" s="14">
        <v>41</v>
      </c>
      <c r="B55" s="15">
        <v>158</v>
      </c>
      <c r="C55" s="16">
        <v>161</v>
      </c>
      <c r="D55" s="17">
        <v>319</v>
      </c>
    </row>
    <row r="56" spans="1:4" ht="18" customHeight="1" x14ac:dyDescent="0.2">
      <c r="A56" s="14">
        <v>42</v>
      </c>
      <c r="B56" s="15">
        <v>153</v>
      </c>
      <c r="C56" s="16">
        <v>144</v>
      </c>
      <c r="D56" s="17">
        <v>297</v>
      </c>
    </row>
    <row r="57" spans="1:4" ht="18" customHeight="1" x14ac:dyDescent="0.2">
      <c r="A57" s="14">
        <v>43</v>
      </c>
      <c r="B57" s="15">
        <v>132</v>
      </c>
      <c r="C57" s="16">
        <v>111</v>
      </c>
      <c r="D57" s="17">
        <v>243</v>
      </c>
    </row>
    <row r="58" spans="1:4" ht="18" customHeight="1" x14ac:dyDescent="0.2">
      <c r="A58" s="14">
        <v>44</v>
      </c>
      <c r="B58" s="15">
        <v>143</v>
      </c>
      <c r="C58" s="16">
        <v>127</v>
      </c>
      <c r="D58" s="17">
        <v>270</v>
      </c>
    </row>
    <row r="59" spans="1:4" ht="18" customHeight="1" x14ac:dyDescent="0.2">
      <c r="A59" s="18" t="s">
        <v>75</v>
      </c>
      <c r="B59" s="15">
        <v>780</v>
      </c>
      <c r="C59" s="16">
        <v>713</v>
      </c>
      <c r="D59" s="17">
        <v>1493</v>
      </c>
    </row>
    <row r="60" spans="1:4" ht="18" customHeight="1" x14ac:dyDescent="0.2">
      <c r="A60" s="14">
        <v>45</v>
      </c>
      <c r="B60" s="15">
        <v>149</v>
      </c>
      <c r="C60" s="16">
        <v>127</v>
      </c>
      <c r="D60" s="17">
        <v>276</v>
      </c>
    </row>
    <row r="61" spans="1:4" ht="18" customHeight="1" x14ac:dyDescent="0.2">
      <c r="A61" s="14">
        <v>46</v>
      </c>
      <c r="B61" s="15">
        <v>162</v>
      </c>
      <c r="C61" s="16">
        <v>140</v>
      </c>
      <c r="D61" s="17">
        <v>302</v>
      </c>
    </row>
    <row r="62" spans="1:4" ht="18" customHeight="1" x14ac:dyDescent="0.2">
      <c r="A62" s="14">
        <v>47</v>
      </c>
      <c r="B62" s="15">
        <v>132</v>
      </c>
      <c r="C62" s="16">
        <v>128</v>
      </c>
      <c r="D62" s="17">
        <v>260</v>
      </c>
    </row>
    <row r="63" spans="1:4" ht="18" customHeight="1" x14ac:dyDescent="0.2">
      <c r="A63" s="14">
        <v>48</v>
      </c>
      <c r="B63" s="15">
        <v>139</v>
      </c>
      <c r="C63" s="16">
        <v>129</v>
      </c>
      <c r="D63" s="17">
        <v>268</v>
      </c>
    </row>
    <row r="64" spans="1:4" ht="18" customHeight="1" x14ac:dyDescent="0.2">
      <c r="A64" s="14">
        <v>49</v>
      </c>
      <c r="B64" s="15">
        <v>118</v>
      </c>
      <c r="C64" s="16">
        <v>128</v>
      </c>
      <c r="D64" s="17">
        <v>246</v>
      </c>
    </row>
    <row r="65" spans="1:4" ht="18" customHeight="1" x14ac:dyDescent="0.2">
      <c r="A65" s="18" t="s">
        <v>76</v>
      </c>
      <c r="B65" s="15">
        <v>700</v>
      </c>
      <c r="C65" s="16">
        <v>652</v>
      </c>
      <c r="D65" s="17">
        <v>1352</v>
      </c>
    </row>
    <row r="66" spans="1:4" ht="18" customHeight="1" x14ac:dyDescent="0.2">
      <c r="A66" s="14">
        <v>50</v>
      </c>
      <c r="B66" s="15">
        <v>106</v>
      </c>
      <c r="C66" s="16">
        <v>126</v>
      </c>
      <c r="D66" s="17">
        <v>232</v>
      </c>
    </row>
    <row r="67" spans="1:4" ht="18" customHeight="1" x14ac:dyDescent="0.2">
      <c r="A67" s="14">
        <v>51</v>
      </c>
      <c r="B67" s="15">
        <v>123</v>
      </c>
      <c r="C67" s="16">
        <v>138</v>
      </c>
      <c r="D67" s="17">
        <v>261</v>
      </c>
    </row>
    <row r="68" spans="1:4" ht="18" customHeight="1" x14ac:dyDescent="0.2">
      <c r="A68" s="14">
        <v>52</v>
      </c>
      <c r="B68" s="15">
        <v>120</v>
      </c>
      <c r="C68" s="16">
        <v>115</v>
      </c>
      <c r="D68" s="17">
        <v>235</v>
      </c>
    </row>
    <row r="69" spans="1:4" ht="18" customHeight="1" x14ac:dyDescent="0.2">
      <c r="A69" s="14">
        <v>53</v>
      </c>
      <c r="B69" s="15">
        <v>139</v>
      </c>
      <c r="C69" s="16">
        <v>124</v>
      </c>
      <c r="D69" s="17">
        <v>263</v>
      </c>
    </row>
    <row r="70" spans="1:4" ht="18" customHeight="1" x14ac:dyDescent="0.2">
      <c r="A70" s="14">
        <v>54</v>
      </c>
      <c r="B70" s="15">
        <v>134</v>
      </c>
      <c r="C70" s="16">
        <v>130</v>
      </c>
      <c r="D70" s="17">
        <v>264</v>
      </c>
    </row>
    <row r="71" spans="1:4" ht="18" customHeight="1" x14ac:dyDescent="0.2">
      <c r="A71" s="18" t="s">
        <v>77</v>
      </c>
      <c r="B71" s="15">
        <v>622</v>
      </c>
      <c r="C71" s="16">
        <v>633</v>
      </c>
      <c r="D71" s="17">
        <v>1255</v>
      </c>
    </row>
    <row r="72" spans="1:4" ht="18" customHeight="1" x14ac:dyDescent="0.2">
      <c r="A72" s="14">
        <v>55</v>
      </c>
      <c r="B72" s="15">
        <v>167</v>
      </c>
      <c r="C72" s="16">
        <v>132</v>
      </c>
      <c r="D72" s="17">
        <v>299</v>
      </c>
    </row>
    <row r="73" spans="1:4" ht="18" customHeight="1" x14ac:dyDescent="0.2">
      <c r="A73" s="14">
        <v>56</v>
      </c>
      <c r="B73" s="15">
        <v>170</v>
      </c>
      <c r="C73" s="16">
        <v>133</v>
      </c>
      <c r="D73" s="17">
        <v>303</v>
      </c>
    </row>
    <row r="74" spans="1:4" ht="18" customHeight="1" x14ac:dyDescent="0.2">
      <c r="A74" s="14">
        <v>57</v>
      </c>
      <c r="B74" s="15">
        <v>140</v>
      </c>
      <c r="C74" s="16">
        <v>151</v>
      </c>
      <c r="D74" s="17">
        <v>291</v>
      </c>
    </row>
    <row r="75" spans="1:4" ht="18" customHeight="1" x14ac:dyDescent="0.2">
      <c r="A75" s="14">
        <v>58</v>
      </c>
      <c r="B75" s="15">
        <v>157</v>
      </c>
      <c r="C75" s="16">
        <v>179</v>
      </c>
      <c r="D75" s="17">
        <v>336</v>
      </c>
    </row>
    <row r="76" spans="1:4" ht="18" customHeight="1" x14ac:dyDescent="0.2">
      <c r="A76" s="14">
        <v>59</v>
      </c>
      <c r="B76" s="15">
        <v>195</v>
      </c>
      <c r="C76" s="16">
        <v>204</v>
      </c>
      <c r="D76" s="17">
        <v>399</v>
      </c>
    </row>
    <row r="77" spans="1:4" ht="18" customHeight="1" x14ac:dyDescent="0.2">
      <c r="A77" s="18" t="s">
        <v>78</v>
      </c>
      <c r="B77" s="15">
        <v>829</v>
      </c>
      <c r="C77" s="16">
        <v>799</v>
      </c>
      <c r="D77" s="17">
        <v>1628</v>
      </c>
    </row>
    <row r="78" spans="1:4" ht="18" customHeight="1" x14ac:dyDescent="0.2">
      <c r="A78" s="14">
        <v>60</v>
      </c>
      <c r="B78" s="15">
        <v>218</v>
      </c>
      <c r="C78" s="16">
        <v>186</v>
      </c>
      <c r="D78" s="17">
        <v>404</v>
      </c>
    </row>
    <row r="79" spans="1:4" ht="18" customHeight="1" x14ac:dyDescent="0.2">
      <c r="A79" s="14">
        <v>61</v>
      </c>
      <c r="B79" s="15">
        <v>205</v>
      </c>
      <c r="C79" s="16">
        <v>230</v>
      </c>
      <c r="D79" s="17">
        <v>435</v>
      </c>
    </row>
    <row r="80" spans="1:4" ht="18" customHeight="1" x14ac:dyDescent="0.2">
      <c r="A80" s="14">
        <v>62</v>
      </c>
      <c r="B80" s="15">
        <v>208</v>
      </c>
      <c r="C80" s="16">
        <v>274</v>
      </c>
      <c r="D80" s="17">
        <v>482</v>
      </c>
    </row>
    <row r="81" spans="1:4" ht="18" customHeight="1" x14ac:dyDescent="0.2">
      <c r="A81" s="14">
        <v>63</v>
      </c>
      <c r="B81" s="15">
        <v>116</v>
      </c>
      <c r="C81" s="16">
        <v>111</v>
      </c>
      <c r="D81" s="17">
        <v>227</v>
      </c>
    </row>
    <row r="82" spans="1:4" ht="18" customHeight="1" x14ac:dyDescent="0.2">
      <c r="A82" s="14">
        <v>64</v>
      </c>
      <c r="B82" s="15">
        <v>120</v>
      </c>
      <c r="C82" s="16">
        <v>124</v>
      </c>
      <c r="D82" s="17">
        <v>244</v>
      </c>
    </row>
    <row r="83" spans="1:4" ht="18" customHeight="1" x14ac:dyDescent="0.2">
      <c r="A83" s="18" t="s">
        <v>79</v>
      </c>
      <c r="B83" s="15">
        <v>867</v>
      </c>
      <c r="C83" s="16">
        <v>925</v>
      </c>
      <c r="D83" s="17">
        <v>1792</v>
      </c>
    </row>
    <row r="84" spans="1:4" ht="18" customHeight="1" x14ac:dyDescent="0.2">
      <c r="A84" s="18" t="s">
        <v>80</v>
      </c>
      <c r="B84" s="15">
        <v>7406</v>
      </c>
      <c r="C84" s="16">
        <v>7193</v>
      </c>
      <c r="D84" s="17">
        <v>14599</v>
      </c>
    </row>
    <row r="85" spans="1:4" ht="18" customHeight="1" x14ac:dyDescent="0.2">
      <c r="A85" s="14">
        <v>65</v>
      </c>
      <c r="B85" s="15">
        <v>148</v>
      </c>
      <c r="C85" s="16">
        <v>180</v>
      </c>
      <c r="D85" s="17">
        <v>328</v>
      </c>
    </row>
    <row r="86" spans="1:4" ht="18" customHeight="1" x14ac:dyDescent="0.2">
      <c r="A86" s="14">
        <v>66</v>
      </c>
      <c r="B86" s="15">
        <v>153</v>
      </c>
      <c r="C86" s="16">
        <v>164</v>
      </c>
      <c r="D86" s="17">
        <v>317</v>
      </c>
    </row>
    <row r="87" spans="1:4" ht="18" customHeight="1" x14ac:dyDescent="0.2">
      <c r="A87" s="14">
        <v>67</v>
      </c>
      <c r="B87" s="15">
        <v>160</v>
      </c>
      <c r="C87" s="16">
        <v>174</v>
      </c>
      <c r="D87" s="17">
        <v>334</v>
      </c>
    </row>
    <row r="88" spans="1:4" ht="18" customHeight="1" x14ac:dyDescent="0.2">
      <c r="A88" s="14">
        <v>68</v>
      </c>
      <c r="B88" s="15">
        <v>136</v>
      </c>
      <c r="C88" s="16">
        <v>156</v>
      </c>
      <c r="D88" s="17">
        <v>292</v>
      </c>
    </row>
    <row r="89" spans="1:4" ht="18" customHeight="1" x14ac:dyDescent="0.2">
      <c r="A89" s="14">
        <v>69</v>
      </c>
      <c r="B89" s="15">
        <v>124</v>
      </c>
      <c r="C89" s="16">
        <v>170</v>
      </c>
      <c r="D89" s="17">
        <v>294</v>
      </c>
    </row>
    <row r="90" spans="1:4" ht="18" customHeight="1" x14ac:dyDescent="0.2">
      <c r="A90" s="18" t="s">
        <v>81</v>
      </c>
      <c r="B90" s="15">
        <v>721</v>
      </c>
      <c r="C90" s="16">
        <v>844</v>
      </c>
      <c r="D90" s="17">
        <v>1565</v>
      </c>
    </row>
    <row r="91" spans="1:4" ht="18" customHeight="1" x14ac:dyDescent="0.2">
      <c r="A91" s="14">
        <v>70</v>
      </c>
      <c r="B91" s="15">
        <v>98</v>
      </c>
      <c r="C91" s="16">
        <v>121</v>
      </c>
      <c r="D91" s="17">
        <v>219</v>
      </c>
    </row>
    <row r="92" spans="1:4" ht="18" customHeight="1" x14ac:dyDescent="0.2">
      <c r="A92" s="14">
        <v>71</v>
      </c>
      <c r="B92" s="15">
        <v>120</v>
      </c>
      <c r="C92" s="16">
        <v>124</v>
      </c>
      <c r="D92" s="17">
        <v>244</v>
      </c>
    </row>
    <row r="93" spans="1:4" ht="18" customHeight="1" x14ac:dyDescent="0.2">
      <c r="A93" s="14">
        <v>72</v>
      </c>
      <c r="B93" s="15">
        <v>122</v>
      </c>
      <c r="C93" s="16">
        <v>131</v>
      </c>
      <c r="D93" s="17">
        <v>253</v>
      </c>
    </row>
    <row r="94" spans="1:4" ht="18" customHeight="1" x14ac:dyDescent="0.2">
      <c r="A94" s="14">
        <v>73</v>
      </c>
      <c r="B94" s="15">
        <v>122</v>
      </c>
      <c r="C94" s="16">
        <v>150</v>
      </c>
      <c r="D94" s="17">
        <v>272</v>
      </c>
    </row>
    <row r="95" spans="1:4" ht="18" customHeight="1" x14ac:dyDescent="0.2">
      <c r="A95" s="14">
        <v>74</v>
      </c>
      <c r="B95" s="15">
        <v>88</v>
      </c>
      <c r="C95" s="16">
        <v>114</v>
      </c>
      <c r="D95" s="17">
        <v>202</v>
      </c>
    </row>
    <row r="96" spans="1:4" ht="18" customHeight="1" x14ac:dyDescent="0.2">
      <c r="A96" s="18" t="s">
        <v>82</v>
      </c>
      <c r="B96" s="15">
        <v>550</v>
      </c>
      <c r="C96" s="16">
        <v>640</v>
      </c>
      <c r="D96" s="17">
        <v>1190</v>
      </c>
    </row>
    <row r="97" spans="1:4" ht="18" customHeight="1" x14ac:dyDescent="0.2">
      <c r="A97" s="14">
        <v>75</v>
      </c>
      <c r="B97" s="15">
        <v>97</v>
      </c>
      <c r="C97" s="16">
        <v>112</v>
      </c>
      <c r="D97" s="17">
        <v>209</v>
      </c>
    </row>
    <row r="98" spans="1:4" ht="18" customHeight="1" x14ac:dyDescent="0.2">
      <c r="A98" s="14">
        <v>76</v>
      </c>
      <c r="B98" s="15">
        <v>80</v>
      </c>
      <c r="C98" s="16">
        <v>121</v>
      </c>
      <c r="D98" s="17">
        <v>201</v>
      </c>
    </row>
    <row r="99" spans="1:4" ht="18" customHeight="1" x14ac:dyDescent="0.2">
      <c r="A99" s="14">
        <v>77</v>
      </c>
      <c r="B99" s="15">
        <v>83</v>
      </c>
      <c r="C99" s="16">
        <v>110</v>
      </c>
      <c r="D99" s="17">
        <v>193</v>
      </c>
    </row>
    <row r="100" spans="1:4" ht="18" customHeight="1" x14ac:dyDescent="0.2">
      <c r="A100" s="14">
        <v>78</v>
      </c>
      <c r="B100" s="15">
        <v>75</v>
      </c>
      <c r="C100" s="16">
        <v>118</v>
      </c>
      <c r="D100" s="17">
        <v>193</v>
      </c>
    </row>
    <row r="101" spans="1:4" ht="18" customHeight="1" x14ac:dyDescent="0.2">
      <c r="A101" s="14">
        <v>79</v>
      </c>
      <c r="B101" s="15">
        <v>64</v>
      </c>
      <c r="C101" s="16">
        <v>88</v>
      </c>
      <c r="D101" s="17">
        <v>152</v>
      </c>
    </row>
    <row r="102" spans="1:4" ht="18" customHeight="1" x14ac:dyDescent="0.2">
      <c r="A102" s="18" t="s">
        <v>83</v>
      </c>
      <c r="B102" s="15">
        <v>399</v>
      </c>
      <c r="C102" s="16">
        <v>549</v>
      </c>
      <c r="D102" s="17">
        <v>948</v>
      </c>
    </row>
    <row r="103" spans="1:4" ht="18" customHeight="1" x14ac:dyDescent="0.2">
      <c r="A103" s="14">
        <v>80</v>
      </c>
      <c r="B103" s="15">
        <v>51</v>
      </c>
      <c r="C103" s="16">
        <v>101</v>
      </c>
      <c r="D103" s="17">
        <v>152</v>
      </c>
    </row>
    <row r="104" spans="1:4" ht="18" customHeight="1" x14ac:dyDescent="0.2">
      <c r="A104" s="14">
        <v>81</v>
      </c>
      <c r="B104" s="15">
        <v>54</v>
      </c>
      <c r="C104" s="16">
        <v>87</v>
      </c>
      <c r="D104" s="17">
        <v>141</v>
      </c>
    </row>
    <row r="105" spans="1:4" ht="18" customHeight="1" x14ac:dyDescent="0.2">
      <c r="A105" s="14">
        <v>82</v>
      </c>
      <c r="B105" s="15">
        <v>47</v>
      </c>
      <c r="C105" s="16">
        <v>93</v>
      </c>
      <c r="D105" s="17">
        <v>140</v>
      </c>
    </row>
    <row r="106" spans="1:4" ht="18" customHeight="1" x14ac:dyDescent="0.2">
      <c r="A106" s="14">
        <v>83</v>
      </c>
      <c r="B106" s="15">
        <v>52</v>
      </c>
      <c r="C106" s="16">
        <v>67</v>
      </c>
      <c r="D106" s="17">
        <v>119</v>
      </c>
    </row>
    <row r="107" spans="1:4" ht="18" customHeight="1" x14ac:dyDescent="0.2">
      <c r="A107" s="14">
        <v>84</v>
      </c>
      <c r="B107" s="15">
        <v>33</v>
      </c>
      <c r="C107" s="16">
        <v>71</v>
      </c>
      <c r="D107" s="17">
        <v>104</v>
      </c>
    </row>
    <row r="108" spans="1:4" ht="18" customHeight="1" x14ac:dyDescent="0.2">
      <c r="A108" s="18" t="s">
        <v>84</v>
      </c>
      <c r="B108" s="15">
        <v>237</v>
      </c>
      <c r="C108" s="16">
        <v>419</v>
      </c>
      <c r="D108" s="17">
        <v>656</v>
      </c>
    </row>
    <row r="109" spans="1:4" ht="18" customHeight="1" x14ac:dyDescent="0.2">
      <c r="A109" s="14">
        <v>85</v>
      </c>
      <c r="B109" s="15">
        <v>34</v>
      </c>
      <c r="C109" s="16">
        <v>46</v>
      </c>
      <c r="D109" s="17">
        <v>80</v>
      </c>
    </row>
    <row r="110" spans="1:4" ht="18" customHeight="1" x14ac:dyDescent="0.2">
      <c r="A110" s="14">
        <v>86</v>
      </c>
      <c r="B110" s="15">
        <v>21</v>
      </c>
      <c r="C110" s="16">
        <v>47</v>
      </c>
      <c r="D110" s="17">
        <v>68</v>
      </c>
    </row>
    <row r="111" spans="1:4" ht="18" customHeight="1" x14ac:dyDescent="0.2">
      <c r="A111" s="14">
        <v>87</v>
      </c>
      <c r="B111" s="15">
        <v>27</v>
      </c>
      <c r="C111" s="16">
        <v>53</v>
      </c>
      <c r="D111" s="17">
        <v>80</v>
      </c>
    </row>
    <row r="112" spans="1:4" ht="18" customHeight="1" x14ac:dyDescent="0.2">
      <c r="A112" s="14">
        <v>88</v>
      </c>
      <c r="B112" s="15">
        <v>15</v>
      </c>
      <c r="C112" s="16">
        <v>43</v>
      </c>
      <c r="D112" s="17">
        <v>58</v>
      </c>
    </row>
    <row r="113" spans="1:4" ht="18" customHeight="1" x14ac:dyDescent="0.2">
      <c r="A113" s="14">
        <v>89</v>
      </c>
      <c r="B113" s="15">
        <v>8</v>
      </c>
      <c r="C113" s="16">
        <v>38</v>
      </c>
      <c r="D113" s="17">
        <v>46</v>
      </c>
    </row>
    <row r="114" spans="1:4" ht="18" customHeight="1" x14ac:dyDescent="0.2">
      <c r="A114" s="18" t="s">
        <v>85</v>
      </c>
      <c r="B114" s="15">
        <v>105</v>
      </c>
      <c r="C114" s="16">
        <v>227</v>
      </c>
      <c r="D114" s="17">
        <v>332</v>
      </c>
    </row>
    <row r="115" spans="1:4" ht="18" customHeight="1" x14ac:dyDescent="0.2">
      <c r="A115" s="14">
        <v>90</v>
      </c>
      <c r="B115" s="15">
        <v>15</v>
      </c>
      <c r="C115" s="16">
        <v>27</v>
      </c>
      <c r="D115" s="17">
        <v>42</v>
      </c>
    </row>
    <row r="116" spans="1:4" ht="18" customHeight="1" x14ac:dyDescent="0.2">
      <c r="A116" s="14">
        <v>91</v>
      </c>
      <c r="B116" s="15">
        <v>8</v>
      </c>
      <c r="C116" s="16">
        <v>25</v>
      </c>
      <c r="D116" s="17">
        <v>33</v>
      </c>
    </row>
    <row r="117" spans="1:4" ht="18" customHeight="1" x14ac:dyDescent="0.2">
      <c r="A117" s="14">
        <v>92</v>
      </c>
      <c r="B117" s="15">
        <v>7</v>
      </c>
      <c r="C117" s="16">
        <v>24</v>
      </c>
      <c r="D117" s="17">
        <v>31</v>
      </c>
    </row>
    <row r="118" spans="1:4" ht="18" customHeight="1" x14ac:dyDescent="0.2">
      <c r="A118" s="14">
        <v>93</v>
      </c>
      <c r="B118" s="15">
        <v>4</v>
      </c>
      <c r="C118" s="16">
        <v>20</v>
      </c>
      <c r="D118" s="17">
        <v>24</v>
      </c>
    </row>
    <row r="119" spans="1:4" ht="18" customHeight="1" x14ac:dyDescent="0.2">
      <c r="A119" s="14">
        <v>94</v>
      </c>
      <c r="B119" s="15">
        <v>6</v>
      </c>
      <c r="C119" s="16">
        <v>15</v>
      </c>
      <c r="D119" s="17">
        <v>21</v>
      </c>
    </row>
    <row r="120" spans="1:4" ht="18" customHeight="1" x14ac:dyDescent="0.2">
      <c r="A120" s="18" t="s">
        <v>86</v>
      </c>
      <c r="B120" s="15">
        <v>40</v>
      </c>
      <c r="C120" s="16">
        <v>111</v>
      </c>
      <c r="D120" s="17">
        <v>151</v>
      </c>
    </row>
    <row r="121" spans="1:4" ht="18" customHeight="1" x14ac:dyDescent="0.2">
      <c r="A121" s="14">
        <v>95</v>
      </c>
      <c r="B121" s="15">
        <v>1</v>
      </c>
      <c r="C121" s="16">
        <v>14</v>
      </c>
      <c r="D121" s="17">
        <v>15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2</v>
      </c>
      <c r="C123" s="16">
        <v>7</v>
      </c>
      <c r="D123" s="17">
        <v>9</v>
      </c>
    </row>
    <row r="124" spans="1:4" ht="18" customHeight="1" x14ac:dyDescent="0.2">
      <c r="A124" s="14">
        <v>98</v>
      </c>
      <c r="B124" s="15">
        <v>1</v>
      </c>
      <c r="C124" s="16">
        <v>7</v>
      </c>
      <c r="D124" s="17">
        <v>8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87</v>
      </c>
      <c r="B126" s="15">
        <v>6</v>
      </c>
      <c r="C126" s="16">
        <v>36</v>
      </c>
      <c r="D126" s="17">
        <v>42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88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89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90</v>
      </c>
      <c r="B130" s="4">
        <v>2059</v>
      </c>
      <c r="C130" s="5">
        <v>2831</v>
      </c>
      <c r="D130" s="6">
        <v>4890</v>
      </c>
    </row>
    <row r="131" spans="1:4" ht="18" customHeight="1" x14ac:dyDescent="0.2">
      <c r="A131" s="20" t="s">
        <v>65</v>
      </c>
      <c r="B131" s="7">
        <v>11037</v>
      </c>
      <c r="C131" s="8">
        <v>11536</v>
      </c>
      <c r="D131" s="9">
        <v>2257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26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80</v>
      </c>
      <c r="C5" s="12">
        <v>67</v>
      </c>
      <c r="D5" s="13">
        <v>147</v>
      </c>
    </row>
    <row r="6" spans="1:4" ht="18" customHeight="1" x14ac:dyDescent="0.2">
      <c r="A6" s="14">
        <v>1</v>
      </c>
      <c r="B6" s="15">
        <v>77</v>
      </c>
      <c r="C6" s="16">
        <v>69</v>
      </c>
      <c r="D6" s="17">
        <v>146</v>
      </c>
    </row>
    <row r="7" spans="1:4" ht="18" customHeight="1" x14ac:dyDescent="0.2">
      <c r="A7" s="14">
        <v>2</v>
      </c>
      <c r="B7" s="15">
        <v>71</v>
      </c>
      <c r="C7" s="16">
        <v>81</v>
      </c>
      <c r="D7" s="17">
        <v>152</v>
      </c>
    </row>
    <row r="8" spans="1:4" ht="18" customHeight="1" x14ac:dyDescent="0.2">
      <c r="A8" s="14">
        <v>3</v>
      </c>
      <c r="B8" s="15">
        <v>82</v>
      </c>
      <c r="C8" s="16">
        <v>71</v>
      </c>
      <c r="D8" s="17">
        <v>153</v>
      </c>
    </row>
    <row r="9" spans="1:4" ht="18" customHeight="1" x14ac:dyDescent="0.2">
      <c r="A9" s="14">
        <v>4</v>
      </c>
      <c r="B9" s="15">
        <v>66</v>
      </c>
      <c r="C9" s="16">
        <v>49</v>
      </c>
      <c r="D9" s="17">
        <v>115</v>
      </c>
    </row>
    <row r="10" spans="1:4" ht="18" customHeight="1" x14ac:dyDescent="0.2">
      <c r="A10" s="18" t="s">
        <v>66</v>
      </c>
      <c r="B10" s="15">
        <v>376</v>
      </c>
      <c r="C10" s="16">
        <v>337</v>
      </c>
      <c r="D10" s="17">
        <v>713</v>
      </c>
    </row>
    <row r="11" spans="1:4" ht="18" customHeight="1" x14ac:dyDescent="0.2">
      <c r="A11" s="14">
        <v>5</v>
      </c>
      <c r="B11" s="15">
        <v>79</v>
      </c>
      <c r="C11" s="16">
        <v>77</v>
      </c>
      <c r="D11" s="17">
        <v>156</v>
      </c>
    </row>
    <row r="12" spans="1:4" ht="18" customHeight="1" x14ac:dyDescent="0.2">
      <c r="A12" s="14">
        <v>6</v>
      </c>
      <c r="B12" s="15">
        <v>74</v>
      </c>
      <c r="C12" s="16">
        <v>64</v>
      </c>
      <c r="D12" s="17">
        <v>138</v>
      </c>
    </row>
    <row r="13" spans="1:4" ht="18" customHeight="1" x14ac:dyDescent="0.2">
      <c r="A13" s="14">
        <v>7</v>
      </c>
      <c r="B13" s="15">
        <v>65</v>
      </c>
      <c r="C13" s="16">
        <v>70</v>
      </c>
      <c r="D13" s="17">
        <v>135</v>
      </c>
    </row>
    <row r="14" spans="1:4" ht="18" customHeight="1" x14ac:dyDescent="0.2">
      <c r="A14" s="14">
        <v>8</v>
      </c>
      <c r="B14" s="15">
        <v>52</v>
      </c>
      <c r="C14" s="16">
        <v>64</v>
      </c>
      <c r="D14" s="17">
        <v>116</v>
      </c>
    </row>
    <row r="15" spans="1:4" ht="18" customHeight="1" x14ac:dyDescent="0.2">
      <c r="A15" s="14">
        <v>9</v>
      </c>
      <c r="B15" s="15">
        <v>71</v>
      </c>
      <c r="C15" s="16">
        <v>55</v>
      </c>
      <c r="D15" s="17">
        <v>126</v>
      </c>
    </row>
    <row r="16" spans="1:4" ht="18" customHeight="1" x14ac:dyDescent="0.2">
      <c r="A16" s="18" t="s">
        <v>67</v>
      </c>
      <c r="B16" s="15">
        <v>341</v>
      </c>
      <c r="C16" s="16">
        <v>330</v>
      </c>
      <c r="D16" s="17">
        <v>671</v>
      </c>
    </row>
    <row r="17" spans="1:4" ht="18" customHeight="1" x14ac:dyDescent="0.2">
      <c r="A17" s="14">
        <v>10</v>
      </c>
      <c r="B17" s="15">
        <v>80</v>
      </c>
      <c r="C17" s="16">
        <v>74</v>
      </c>
      <c r="D17" s="17">
        <v>154</v>
      </c>
    </row>
    <row r="18" spans="1:4" ht="18" customHeight="1" x14ac:dyDescent="0.2">
      <c r="A18" s="14">
        <v>11</v>
      </c>
      <c r="B18" s="15">
        <v>52</v>
      </c>
      <c r="C18" s="16">
        <v>69</v>
      </c>
      <c r="D18" s="17">
        <v>121</v>
      </c>
    </row>
    <row r="19" spans="1:4" ht="18" customHeight="1" x14ac:dyDescent="0.2">
      <c r="A19" s="14">
        <v>12</v>
      </c>
      <c r="B19" s="15">
        <v>37</v>
      </c>
      <c r="C19" s="16">
        <v>82</v>
      </c>
      <c r="D19" s="17">
        <v>119</v>
      </c>
    </row>
    <row r="20" spans="1:4" ht="18" customHeight="1" x14ac:dyDescent="0.2">
      <c r="A20" s="14">
        <v>13</v>
      </c>
      <c r="B20" s="15">
        <v>62</v>
      </c>
      <c r="C20" s="16">
        <v>66</v>
      </c>
      <c r="D20" s="17">
        <v>128</v>
      </c>
    </row>
    <row r="21" spans="1:4" ht="18" customHeight="1" x14ac:dyDescent="0.2">
      <c r="A21" s="14">
        <v>14</v>
      </c>
      <c r="B21" s="15">
        <v>55</v>
      </c>
      <c r="C21" s="16">
        <v>61</v>
      </c>
      <c r="D21" s="17">
        <v>116</v>
      </c>
    </row>
    <row r="22" spans="1:4" ht="18" customHeight="1" x14ac:dyDescent="0.2">
      <c r="A22" s="18" t="s">
        <v>68</v>
      </c>
      <c r="B22" s="15">
        <v>286</v>
      </c>
      <c r="C22" s="16">
        <v>352</v>
      </c>
      <c r="D22" s="17">
        <v>638</v>
      </c>
    </row>
    <row r="23" spans="1:4" ht="18" customHeight="1" x14ac:dyDescent="0.2">
      <c r="A23" s="18" t="s">
        <v>69</v>
      </c>
      <c r="B23" s="15">
        <v>1003</v>
      </c>
      <c r="C23" s="16">
        <v>1019</v>
      </c>
      <c r="D23" s="17">
        <v>2022</v>
      </c>
    </row>
    <row r="24" spans="1:4" ht="18" customHeight="1" x14ac:dyDescent="0.2">
      <c r="A24" s="14">
        <v>15</v>
      </c>
      <c r="B24" s="15">
        <v>52</v>
      </c>
      <c r="C24" s="16">
        <v>78</v>
      </c>
      <c r="D24" s="17">
        <v>130</v>
      </c>
    </row>
    <row r="25" spans="1:4" ht="18" customHeight="1" x14ac:dyDescent="0.2">
      <c r="A25" s="14">
        <v>16</v>
      </c>
      <c r="B25" s="15">
        <v>53</v>
      </c>
      <c r="C25" s="16">
        <v>70</v>
      </c>
      <c r="D25" s="17">
        <v>123</v>
      </c>
    </row>
    <row r="26" spans="1:4" ht="18" customHeight="1" x14ac:dyDescent="0.2">
      <c r="A26" s="14">
        <v>17</v>
      </c>
      <c r="B26" s="15">
        <v>54</v>
      </c>
      <c r="C26" s="16">
        <v>68</v>
      </c>
      <c r="D26" s="17">
        <v>122</v>
      </c>
    </row>
    <row r="27" spans="1:4" ht="18" customHeight="1" x14ac:dyDescent="0.2">
      <c r="A27" s="14">
        <v>18</v>
      </c>
      <c r="B27" s="15">
        <v>60</v>
      </c>
      <c r="C27" s="16">
        <v>70</v>
      </c>
      <c r="D27" s="17">
        <v>130</v>
      </c>
    </row>
    <row r="28" spans="1:4" ht="18" customHeight="1" x14ac:dyDescent="0.2">
      <c r="A28" s="14">
        <v>19</v>
      </c>
      <c r="B28" s="15">
        <v>57</v>
      </c>
      <c r="C28" s="16">
        <v>58</v>
      </c>
      <c r="D28" s="17">
        <v>115</v>
      </c>
    </row>
    <row r="29" spans="1:4" ht="18" customHeight="1" x14ac:dyDescent="0.2">
      <c r="A29" s="18" t="s">
        <v>70</v>
      </c>
      <c r="B29" s="15">
        <v>276</v>
      </c>
      <c r="C29" s="16">
        <v>344</v>
      </c>
      <c r="D29" s="17">
        <v>620</v>
      </c>
    </row>
    <row r="30" spans="1:4" ht="18" customHeight="1" x14ac:dyDescent="0.2">
      <c r="A30" s="14">
        <v>20</v>
      </c>
      <c r="B30" s="15">
        <v>62</v>
      </c>
      <c r="C30" s="16">
        <v>42</v>
      </c>
      <c r="D30" s="17">
        <v>104</v>
      </c>
    </row>
    <row r="31" spans="1:4" ht="18" customHeight="1" x14ac:dyDescent="0.2">
      <c r="A31" s="14">
        <v>21</v>
      </c>
      <c r="B31" s="15">
        <v>71</v>
      </c>
      <c r="C31" s="16">
        <v>65</v>
      </c>
      <c r="D31" s="17">
        <v>136</v>
      </c>
    </row>
    <row r="32" spans="1:4" ht="18" customHeight="1" x14ac:dyDescent="0.2">
      <c r="A32" s="14">
        <v>22</v>
      </c>
      <c r="B32" s="15">
        <v>62</v>
      </c>
      <c r="C32" s="16">
        <v>63</v>
      </c>
      <c r="D32" s="17">
        <v>125</v>
      </c>
    </row>
    <row r="33" spans="1:4" ht="18" customHeight="1" x14ac:dyDescent="0.2">
      <c r="A33" s="14">
        <v>23</v>
      </c>
      <c r="B33" s="15">
        <v>64</v>
      </c>
      <c r="C33" s="16">
        <v>63</v>
      </c>
      <c r="D33" s="17">
        <v>127</v>
      </c>
    </row>
    <row r="34" spans="1:4" ht="18" customHeight="1" x14ac:dyDescent="0.2">
      <c r="A34" s="14">
        <v>24</v>
      </c>
      <c r="B34" s="15">
        <v>72</v>
      </c>
      <c r="C34" s="16">
        <v>77</v>
      </c>
      <c r="D34" s="17">
        <v>149</v>
      </c>
    </row>
    <row r="35" spans="1:4" ht="18" customHeight="1" x14ac:dyDescent="0.2">
      <c r="A35" s="18" t="s">
        <v>71</v>
      </c>
      <c r="B35" s="15">
        <v>331</v>
      </c>
      <c r="C35" s="16">
        <v>310</v>
      </c>
      <c r="D35" s="17">
        <v>641</v>
      </c>
    </row>
    <row r="36" spans="1:4" ht="18" customHeight="1" x14ac:dyDescent="0.2">
      <c r="A36" s="14">
        <v>25</v>
      </c>
      <c r="B36" s="15">
        <v>84</v>
      </c>
      <c r="C36" s="16">
        <v>74</v>
      </c>
      <c r="D36" s="17">
        <v>158</v>
      </c>
    </row>
    <row r="37" spans="1:4" ht="18" customHeight="1" x14ac:dyDescent="0.2">
      <c r="A37" s="14">
        <v>26</v>
      </c>
      <c r="B37" s="15">
        <v>92</v>
      </c>
      <c r="C37" s="16">
        <v>69</v>
      </c>
      <c r="D37" s="17">
        <v>161</v>
      </c>
    </row>
    <row r="38" spans="1:4" ht="18" customHeight="1" x14ac:dyDescent="0.2">
      <c r="A38" s="14">
        <v>27</v>
      </c>
      <c r="B38" s="15">
        <v>76</v>
      </c>
      <c r="C38" s="16">
        <v>88</v>
      </c>
      <c r="D38" s="17">
        <v>164</v>
      </c>
    </row>
    <row r="39" spans="1:4" ht="18" customHeight="1" x14ac:dyDescent="0.2">
      <c r="A39" s="14">
        <v>28</v>
      </c>
      <c r="B39" s="15">
        <v>100</v>
      </c>
      <c r="C39" s="16">
        <v>98</v>
      </c>
      <c r="D39" s="17">
        <v>198</v>
      </c>
    </row>
    <row r="40" spans="1:4" ht="18" customHeight="1" x14ac:dyDescent="0.2">
      <c r="A40" s="14">
        <v>29</v>
      </c>
      <c r="B40" s="15">
        <v>99</v>
      </c>
      <c r="C40" s="16">
        <v>71</v>
      </c>
      <c r="D40" s="17">
        <v>170</v>
      </c>
    </row>
    <row r="41" spans="1:4" ht="18" customHeight="1" x14ac:dyDescent="0.2">
      <c r="A41" s="18" t="s">
        <v>72</v>
      </c>
      <c r="B41" s="15">
        <v>451</v>
      </c>
      <c r="C41" s="16">
        <v>400</v>
      </c>
      <c r="D41" s="17">
        <v>851</v>
      </c>
    </row>
    <row r="42" spans="1:4" ht="18" customHeight="1" x14ac:dyDescent="0.2">
      <c r="A42" s="14">
        <v>30</v>
      </c>
      <c r="B42" s="15">
        <v>106</v>
      </c>
      <c r="C42" s="16">
        <v>108</v>
      </c>
      <c r="D42" s="17">
        <v>214</v>
      </c>
    </row>
    <row r="43" spans="1:4" ht="18" customHeight="1" x14ac:dyDescent="0.2">
      <c r="A43" s="14">
        <v>31</v>
      </c>
      <c r="B43" s="15">
        <v>89</v>
      </c>
      <c r="C43" s="16">
        <v>92</v>
      </c>
      <c r="D43" s="17">
        <v>181</v>
      </c>
    </row>
    <row r="44" spans="1:4" ht="18" customHeight="1" x14ac:dyDescent="0.2">
      <c r="A44" s="14">
        <v>32</v>
      </c>
      <c r="B44" s="15">
        <v>110</v>
      </c>
      <c r="C44" s="16">
        <v>94</v>
      </c>
      <c r="D44" s="17">
        <v>204</v>
      </c>
    </row>
    <row r="45" spans="1:4" ht="18" customHeight="1" x14ac:dyDescent="0.2">
      <c r="A45" s="14">
        <v>33</v>
      </c>
      <c r="B45" s="15">
        <v>118</v>
      </c>
      <c r="C45" s="16">
        <v>100</v>
      </c>
      <c r="D45" s="17">
        <v>218</v>
      </c>
    </row>
    <row r="46" spans="1:4" ht="18" customHeight="1" x14ac:dyDescent="0.2">
      <c r="A46" s="14">
        <v>34</v>
      </c>
      <c r="B46" s="15">
        <v>130</v>
      </c>
      <c r="C46" s="16">
        <v>139</v>
      </c>
      <c r="D46" s="17">
        <v>269</v>
      </c>
    </row>
    <row r="47" spans="1:4" ht="18" customHeight="1" x14ac:dyDescent="0.2">
      <c r="A47" s="18" t="s">
        <v>73</v>
      </c>
      <c r="B47" s="15">
        <v>553</v>
      </c>
      <c r="C47" s="16">
        <v>533</v>
      </c>
      <c r="D47" s="17">
        <v>1086</v>
      </c>
    </row>
    <row r="48" spans="1:4" ht="18" customHeight="1" x14ac:dyDescent="0.2">
      <c r="A48" s="14">
        <v>35</v>
      </c>
      <c r="B48" s="15">
        <v>142</v>
      </c>
      <c r="C48" s="16">
        <v>150</v>
      </c>
      <c r="D48" s="17">
        <v>292</v>
      </c>
    </row>
    <row r="49" spans="1:4" ht="18" customHeight="1" x14ac:dyDescent="0.2">
      <c r="A49" s="14">
        <v>36</v>
      </c>
      <c r="B49" s="15">
        <v>124</v>
      </c>
      <c r="C49" s="16">
        <v>124</v>
      </c>
      <c r="D49" s="17">
        <v>248</v>
      </c>
    </row>
    <row r="50" spans="1:4" ht="18" customHeight="1" x14ac:dyDescent="0.2">
      <c r="A50" s="14">
        <v>37</v>
      </c>
      <c r="B50" s="15">
        <v>131</v>
      </c>
      <c r="C50" s="16">
        <v>112</v>
      </c>
      <c r="D50" s="17">
        <v>243</v>
      </c>
    </row>
    <row r="51" spans="1:4" ht="18" customHeight="1" x14ac:dyDescent="0.2">
      <c r="A51" s="14">
        <v>38</v>
      </c>
      <c r="B51" s="15">
        <v>115</v>
      </c>
      <c r="C51" s="16">
        <v>116</v>
      </c>
      <c r="D51" s="17">
        <v>231</v>
      </c>
    </row>
    <row r="52" spans="1:4" ht="18" customHeight="1" x14ac:dyDescent="0.2">
      <c r="A52" s="14">
        <v>39</v>
      </c>
      <c r="B52" s="15">
        <v>106</v>
      </c>
      <c r="C52" s="16">
        <v>90</v>
      </c>
      <c r="D52" s="17">
        <v>196</v>
      </c>
    </row>
    <row r="53" spans="1:4" ht="18" customHeight="1" x14ac:dyDescent="0.2">
      <c r="A53" s="18" t="s">
        <v>74</v>
      </c>
      <c r="B53" s="15">
        <v>618</v>
      </c>
      <c r="C53" s="16">
        <v>592</v>
      </c>
      <c r="D53" s="17">
        <v>1210</v>
      </c>
    </row>
    <row r="54" spans="1:4" ht="18" customHeight="1" x14ac:dyDescent="0.2">
      <c r="A54" s="14">
        <v>40</v>
      </c>
      <c r="B54" s="15">
        <v>100</v>
      </c>
      <c r="C54" s="16">
        <v>111</v>
      </c>
      <c r="D54" s="17">
        <v>211</v>
      </c>
    </row>
    <row r="55" spans="1:4" ht="18" customHeight="1" x14ac:dyDescent="0.2">
      <c r="A55" s="14">
        <v>41</v>
      </c>
      <c r="B55" s="15">
        <v>84</v>
      </c>
      <c r="C55" s="16">
        <v>91</v>
      </c>
      <c r="D55" s="17">
        <v>175</v>
      </c>
    </row>
    <row r="56" spans="1:4" ht="18" customHeight="1" x14ac:dyDescent="0.2">
      <c r="A56" s="14">
        <v>42</v>
      </c>
      <c r="B56" s="15">
        <v>95</v>
      </c>
      <c r="C56" s="16">
        <v>83</v>
      </c>
      <c r="D56" s="17">
        <v>178</v>
      </c>
    </row>
    <row r="57" spans="1:4" ht="18" customHeight="1" x14ac:dyDescent="0.2">
      <c r="A57" s="14">
        <v>43</v>
      </c>
      <c r="B57" s="15">
        <v>56</v>
      </c>
      <c r="C57" s="16">
        <v>55</v>
      </c>
      <c r="D57" s="17">
        <v>111</v>
      </c>
    </row>
    <row r="58" spans="1:4" ht="18" customHeight="1" x14ac:dyDescent="0.2">
      <c r="A58" s="14">
        <v>44</v>
      </c>
      <c r="B58" s="15">
        <v>93</v>
      </c>
      <c r="C58" s="16">
        <v>89</v>
      </c>
      <c r="D58" s="17">
        <v>182</v>
      </c>
    </row>
    <row r="59" spans="1:4" ht="18" customHeight="1" x14ac:dyDescent="0.2">
      <c r="A59" s="18" t="s">
        <v>75</v>
      </c>
      <c r="B59" s="15">
        <v>428</v>
      </c>
      <c r="C59" s="16">
        <v>429</v>
      </c>
      <c r="D59" s="17">
        <v>857</v>
      </c>
    </row>
    <row r="60" spans="1:4" ht="18" customHeight="1" x14ac:dyDescent="0.2">
      <c r="A60" s="14">
        <v>45</v>
      </c>
      <c r="B60" s="15">
        <v>72</v>
      </c>
      <c r="C60" s="16">
        <v>85</v>
      </c>
      <c r="D60" s="17">
        <v>157</v>
      </c>
    </row>
    <row r="61" spans="1:4" ht="18" customHeight="1" x14ac:dyDescent="0.2">
      <c r="A61" s="14">
        <v>46</v>
      </c>
      <c r="B61" s="15">
        <v>77</v>
      </c>
      <c r="C61" s="16">
        <v>92</v>
      </c>
      <c r="D61" s="17">
        <v>169</v>
      </c>
    </row>
    <row r="62" spans="1:4" ht="18" customHeight="1" x14ac:dyDescent="0.2">
      <c r="A62" s="14">
        <v>47</v>
      </c>
      <c r="B62" s="15">
        <v>70</v>
      </c>
      <c r="C62" s="16">
        <v>57</v>
      </c>
      <c r="D62" s="17">
        <v>127</v>
      </c>
    </row>
    <row r="63" spans="1:4" ht="18" customHeight="1" x14ac:dyDescent="0.2">
      <c r="A63" s="14">
        <v>48</v>
      </c>
      <c r="B63" s="15">
        <v>70</v>
      </c>
      <c r="C63" s="16">
        <v>88</v>
      </c>
      <c r="D63" s="17">
        <v>158</v>
      </c>
    </row>
    <row r="64" spans="1:4" ht="18" customHeight="1" x14ac:dyDescent="0.2">
      <c r="A64" s="14">
        <v>49</v>
      </c>
      <c r="B64" s="15">
        <v>74</v>
      </c>
      <c r="C64" s="16">
        <v>66</v>
      </c>
      <c r="D64" s="17">
        <v>140</v>
      </c>
    </row>
    <row r="65" spans="1:4" ht="18" customHeight="1" x14ac:dyDescent="0.2">
      <c r="A65" s="18" t="s">
        <v>76</v>
      </c>
      <c r="B65" s="15">
        <v>363</v>
      </c>
      <c r="C65" s="16">
        <v>388</v>
      </c>
      <c r="D65" s="17">
        <v>751</v>
      </c>
    </row>
    <row r="66" spans="1:4" ht="18" customHeight="1" x14ac:dyDescent="0.2">
      <c r="A66" s="14">
        <v>50</v>
      </c>
      <c r="B66" s="15">
        <v>64</v>
      </c>
      <c r="C66" s="16">
        <v>91</v>
      </c>
      <c r="D66" s="17">
        <v>155</v>
      </c>
    </row>
    <row r="67" spans="1:4" ht="18" customHeight="1" x14ac:dyDescent="0.2">
      <c r="A67" s="14">
        <v>51</v>
      </c>
      <c r="B67" s="15">
        <v>73</v>
      </c>
      <c r="C67" s="16">
        <v>73</v>
      </c>
      <c r="D67" s="17">
        <v>146</v>
      </c>
    </row>
    <row r="68" spans="1:4" ht="18" customHeight="1" x14ac:dyDescent="0.2">
      <c r="A68" s="14">
        <v>52</v>
      </c>
      <c r="B68" s="15">
        <v>62</v>
      </c>
      <c r="C68" s="16">
        <v>68</v>
      </c>
      <c r="D68" s="17">
        <v>130</v>
      </c>
    </row>
    <row r="69" spans="1:4" ht="18" customHeight="1" x14ac:dyDescent="0.2">
      <c r="A69" s="14">
        <v>53</v>
      </c>
      <c r="B69" s="15">
        <v>69</v>
      </c>
      <c r="C69" s="16">
        <v>77</v>
      </c>
      <c r="D69" s="17">
        <v>146</v>
      </c>
    </row>
    <row r="70" spans="1:4" ht="18" customHeight="1" x14ac:dyDescent="0.2">
      <c r="A70" s="14">
        <v>54</v>
      </c>
      <c r="B70" s="15">
        <v>77</v>
      </c>
      <c r="C70" s="16">
        <v>75</v>
      </c>
      <c r="D70" s="17">
        <v>152</v>
      </c>
    </row>
    <row r="71" spans="1:4" ht="18" customHeight="1" x14ac:dyDescent="0.2">
      <c r="A71" s="18" t="s">
        <v>77</v>
      </c>
      <c r="B71" s="15">
        <v>345</v>
      </c>
      <c r="C71" s="16">
        <v>384</v>
      </c>
      <c r="D71" s="17">
        <v>729</v>
      </c>
    </row>
    <row r="72" spans="1:4" ht="18" customHeight="1" x14ac:dyDescent="0.2">
      <c r="A72" s="14">
        <v>55</v>
      </c>
      <c r="B72" s="15">
        <v>86</v>
      </c>
      <c r="C72" s="16">
        <v>85</v>
      </c>
      <c r="D72" s="17">
        <v>171</v>
      </c>
    </row>
    <row r="73" spans="1:4" ht="18" customHeight="1" x14ac:dyDescent="0.2">
      <c r="A73" s="14">
        <v>56</v>
      </c>
      <c r="B73" s="15">
        <v>86</v>
      </c>
      <c r="C73" s="16">
        <v>103</v>
      </c>
      <c r="D73" s="17">
        <v>189</v>
      </c>
    </row>
    <row r="74" spans="1:4" ht="18" customHeight="1" x14ac:dyDescent="0.2">
      <c r="A74" s="14">
        <v>57</v>
      </c>
      <c r="B74" s="15">
        <v>91</v>
      </c>
      <c r="C74" s="16">
        <v>103</v>
      </c>
      <c r="D74" s="17">
        <v>194</v>
      </c>
    </row>
    <row r="75" spans="1:4" ht="18" customHeight="1" x14ac:dyDescent="0.2">
      <c r="A75" s="14">
        <v>58</v>
      </c>
      <c r="B75" s="15">
        <v>87</v>
      </c>
      <c r="C75" s="16">
        <v>90</v>
      </c>
      <c r="D75" s="17">
        <v>177</v>
      </c>
    </row>
    <row r="76" spans="1:4" ht="18" customHeight="1" x14ac:dyDescent="0.2">
      <c r="A76" s="14">
        <v>59</v>
      </c>
      <c r="B76" s="15">
        <v>110</v>
      </c>
      <c r="C76" s="16">
        <v>124</v>
      </c>
      <c r="D76" s="17">
        <v>234</v>
      </c>
    </row>
    <row r="77" spans="1:4" ht="18" customHeight="1" x14ac:dyDescent="0.2">
      <c r="A77" s="18" t="s">
        <v>78</v>
      </c>
      <c r="B77" s="15">
        <v>460</v>
      </c>
      <c r="C77" s="16">
        <v>505</v>
      </c>
      <c r="D77" s="17">
        <v>965</v>
      </c>
    </row>
    <row r="78" spans="1:4" ht="18" customHeight="1" x14ac:dyDescent="0.2">
      <c r="A78" s="14">
        <v>60</v>
      </c>
      <c r="B78" s="15">
        <v>122</v>
      </c>
      <c r="C78" s="16">
        <v>131</v>
      </c>
      <c r="D78" s="17">
        <v>253</v>
      </c>
    </row>
    <row r="79" spans="1:4" ht="18" customHeight="1" x14ac:dyDescent="0.2">
      <c r="A79" s="14">
        <v>61</v>
      </c>
      <c r="B79" s="15">
        <v>126</v>
      </c>
      <c r="C79" s="16">
        <v>156</v>
      </c>
      <c r="D79" s="17">
        <v>282</v>
      </c>
    </row>
    <row r="80" spans="1:4" ht="18" customHeight="1" x14ac:dyDescent="0.2">
      <c r="A80" s="14">
        <v>62</v>
      </c>
      <c r="B80" s="15">
        <v>147</v>
      </c>
      <c r="C80" s="16">
        <v>178</v>
      </c>
      <c r="D80" s="17">
        <v>325</v>
      </c>
    </row>
    <row r="81" spans="1:4" ht="18" customHeight="1" x14ac:dyDescent="0.2">
      <c r="A81" s="14">
        <v>63</v>
      </c>
      <c r="B81" s="15">
        <v>81</v>
      </c>
      <c r="C81" s="16">
        <v>79</v>
      </c>
      <c r="D81" s="17">
        <v>160</v>
      </c>
    </row>
    <row r="82" spans="1:4" ht="18" customHeight="1" x14ac:dyDescent="0.2">
      <c r="A82" s="14">
        <v>64</v>
      </c>
      <c r="B82" s="15">
        <v>82</v>
      </c>
      <c r="C82" s="16">
        <v>89</v>
      </c>
      <c r="D82" s="17">
        <v>171</v>
      </c>
    </row>
    <row r="83" spans="1:4" ht="18" customHeight="1" x14ac:dyDescent="0.2">
      <c r="A83" s="18" t="s">
        <v>79</v>
      </c>
      <c r="B83" s="15">
        <v>558</v>
      </c>
      <c r="C83" s="16">
        <v>633</v>
      </c>
      <c r="D83" s="17">
        <v>1191</v>
      </c>
    </row>
    <row r="84" spans="1:4" ht="18" customHeight="1" x14ac:dyDescent="0.2">
      <c r="A84" s="18" t="s">
        <v>80</v>
      </c>
      <c r="B84" s="15">
        <v>4383</v>
      </c>
      <c r="C84" s="16">
        <v>4518</v>
      </c>
      <c r="D84" s="17">
        <v>8901</v>
      </c>
    </row>
    <row r="85" spans="1:4" ht="18" customHeight="1" x14ac:dyDescent="0.2">
      <c r="A85" s="14">
        <v>65</v>
      </c>
      <c r="B85" s="15">
        <v>113</v>
      </c>
      <c r="C85" s="16">
        <v>122</v>
      </c>
      <c r="D85" s="17">
        <v>235</v>
      </c>
    </row>
    <row r="86" spans="1:4" ht="18" customHeight="1" x14ac:dyDescent="0.2">
      <c r="A86" s="14">
        <v>66</v>
      </c>
      <c r="B86" s="15">
        <v>104</v>
      </c>
      <c r="C86" s="16">
        <v>98</v>
      </c>
      <c r="D86" s="17">
        <v>202</v>
      </c>
    </row>
    <row r="87" spans="1:4" ht="18" customHeight="1" x14ac:dyDescent="0.2">
      <c r="A87" s="14">
        <v>67</v>
      </c>
      <c r="B87" s="15">
        <v>102</v>
      </c>
      <c r="C87" s="16">
        <v>122</v>
      </c>
      <c r="D87" s="17">
        <v>224</v>
      </c>
    </row>
    <row r="88" spans="1:4" ht="18" customHeight="1" x14ac:dyDescent="0.2">
      <c r="A88" s="14">
        <v>68</v>
      </c>
      <c r="B88" s="15">
        <v>97</v>
      </c>
      <c r="C88" s="16">
        <v>97</v>
      </c>
      <c r="D88" s="17">
        <v>194</v>
      </c>
    </row>
    <row r="89" spans="1:4" ht="18" customHeight="1" x14ac:dyDescent="0.2">
      <c r="A89" s="14">
        <v>69</v>
      </c>
      <c r="B89" s="15">
        <v>73</v>
      </c>
      <c r="C89" s="16">
        <v>100</v>
      </c>
      <c r="D89" s="17">
        <v>173</v>
      </c>
    </row>
    <row r="90" spans="1:4" ht="18" customHeight="1" x14ac:dyDescent="0.2">
      <c r="A90" s="18" t="s">
        <v>81</v>
      </c>
      <c r="B90" s="15">
        <v>489</v>
      </c>
      <c r="C90" s="16">
        <v>539</v>
      </c>
      <c r="D90" s="17">
        <v>1028</v>
      </c>
    </row>
    <row r="91" spans="1:4" ht="18" customHeight="1" x14ac:dyDescent="0.2">
      <c r="A91" s="14">
        <v>70</v>
      </c>
      <c r="B91" s="15">
        <v>74</v>
      </c>
      <c r="C91" s="16">
        <v>68</v>
      </c>
      <c r="D91" s="17">
        <v>142</v>
      </c>
    </row>
    <row r="92" spans="1:4" ht="18" customHeight="1" x14ac:dyDescent="0.2">
      <c r="A92" s="14">
        <v>71</v>
      </c>
      <c r="B92" s="15">
        <v>77</v>
      </c>
      <c r="C92" s="16">
        <v>68</v>
      </c>
      <c r="D92" s="17">
        <v>145</v>
      </c>
    </row>
    <row r="93" spans="1:4" ht="18" customHeight="1" x14ac:dyDescent="0.2">
      <c r="A93" s="14">
        <v>72</v>
      </c>
      <c r="B93" s="15">
        <v>74</v>
      </c>
      <c r="C93" s="16">
        <v>73</v>
      </c>
      <c r="D93" s="17">
        <v>147</v>
      </c>
    </row>
    <row r="94" spans="1:4" ht="18" customHeight="1" x14ac:dyDescent="0.2">
      <c r="A94" s="14">
        <v>73</v>
      </c>
      <c r="B94" s="15">
        <v>69</v>
      </c>
      <c r="C94" s="16">
        <v>76</v>
      </c>
      <c r="D94" s="17">
        <v>145</v>
      </c>
    </row>
    <row r="95" spans="1:4" ht="18" customHeight="1" x14ac:dyDescent="0.2">
      <c r="A95" s="14">
        <v>74</v>
      </c>
      <c r="B95" s="15">
        <v>70</v>
      </c>
      <c r="C95" s="16">
        <v>68</v>
      </c>
      <c r="D95" s="17">
        <v>138</v>
      </c>
    </row>
    <row r="96" spans="1:4" ht="18" customHeight="1" x14ac:dyDescent="0.2">
      <c r="A96" s="18" t="s">
        <v>82</v>
      </c>
      <c r="B96" s="15">
        <v>364</v>
      </c>
      <c r="C96" s="16">
        <v>353</v>
      </c>
      <c r="D96" s="17">
        <v>717</v>
      </c>
    </row>
    <row r="97" spans="1:4" ht="18" customHeight="1" x14ac:dyDescent="0.2">
      <c r="A97" s="14">
        <v>75</v>
      </c>
      <c r="B97" s="15">
        <v>54</v>
      </c>
      <c r="C97" s="16">
        <v>61</v>
      </c>
      <c r="D97" s="17">
        <v>115</v>
      </c>
    </row>
    <row r="98" spans="1:4" ht="18" customHeight="1" x14ac:dyDescent="0.2">
      <c r="A98" s="14">
        <v>76</v>
      </c>
      <c r="B98" s="15">
        <v>62</v>
      </c>
      <c r="C98" s="16">
        <v>51</v>
      </c>
      <c r="D98" s="17">
        <v>113</v>
      </c>
    </row>
    <row r="99" spans="1:4" ht="18" customHeight="1" x14ac:dyDescent="0.2">
      <c r="A99" s="14">
        <v>77</v>
      </c>
      <c r="B99" s="15">
        <v>24</v>
      </c>
      <c r="C99" s="16">
        <v>45</v>
      </c>
      <c r="D99" s="17">
        <v>69</v>
      </c>
    </row>
    <row r="100" spans="1:4" ht="18" customHeight="1" x14ac:dyDescent="0.2">
      <c r="A100" s="14">
        <v>78</v>
      </c>
      <c r="B100" s="15">
        <v>46</v>
      </c>
      <c r="C100" s="16">
        <v>58</v>
      </c>
      <c r="D100" s="17">
        <v>104</v>
      </c>
    </row>
    <row r="101" spans="1:4" ht="18" customHeight="1" x14ac:dyDescent="0.2">
      <c r="A101" s="14">
        <v>79</v>
      </c>
      <c r="B101" s="15">
        <v>37</v>
      </c>
      <c r="C101" s="16">
        <v>40</v>
      </c>
      <c r="D101" s="17">
        <v>77</v>
      </c>
    </row>
    <row r="102" spans="1:4" ht="18" customHeight="1" x14ac:dyDescent="0.2">
      <c r="A102" s="18" t="s">
        <v>83</v>
      </c>
      <c r="B102" s="15">
        <v>223</v>
      </c>
      <c r="C102" s="16">
        <v>255</v>
      </c>
      <c r="D102" s="17">
        <v>478</v>
      </c>
    </row>
    <row r="103" spans="1:4" ht="18" customHeight="1" x14ac:dyDescent="0.2">
      <c r="A103" s="14">
        <v>80</v>
      </c>
      <c r="B103" s="15">
        <v>35</v>
      </c>
      <c r="C103" s="16">
        <v>56</v>
      </c>
      <c r="D103" s="17">
        <v>91</v>
      </c>
    </row>
    <row r="104" spans="1:4" ht="18" customHeight="1" x14ac:dyDescent="0.2">
      <c r="A104" s="14">
        <v>81</v>
      </c>
      <c r="B104" s="15">
        <v>35</v>
      </c>
      <c r="C104" s="16">
        <v>48</v>
      </c>
      <c r="D104" s="17">
        <v>83</v>
      </c>
    </row>
    <row r="105" spans="1:4" ht="18" customHeight="1" x14ac:dyDescent="0.2">
      <c r="A105" s="14">
        <v>82</v>
      </c>
      <c r="B105" s="15">
        <v>24</v>
      </c>
      <c r="C105" s="16">
        <v>31</v>
      </c>
      <c r="D105" s="17">
        <v>55</v>
      </c>
    </row>
    <row r="106" spans="1:4" ht="18" customHeight="1" x14ac:dyDescent="0.2">
      <c r="A106" s="14">
        <v>83</v>
      </c>
      <c r="B106" s="15">
        <v>14</v>
      </c>
      <c r="C106" s="16">
        <v>31</v>
      </c>
      <c r="D106" s="17">
        <v>45</v>
      </c>
    </row>
    <row r="107" spans="1:4" ht="18" customHeight="1" x14ac:dyDescent="0.2">
      <c r="A107" s="14">
        <v>84</v>
      </c>
      <c r="B107" s="15">
        <v>22</v>
      </c>
      <c r="C107" s="16">
        <v>43</v>
      </c>
      <c r="D107" s="17">
        <v>65</v>
      </c>
    </row>
    <row r="108" spans="1:4" ht="18" customHeight="1" x14ac:dyDescent="0.2">
      <c r="A108" s="18" t="s">
        <v>84</v>
      </c>
      <c r="B108" s="15">
        <v>130</v>
      </c>
      <c r="C108" s="16">
        <v>209</v>
      </c>
      <c r="D108" s="17">
        <v>339</v>
      </c>
    </row>
    <row r="109" spans="1:4" ht="18" customHeight="1" x14ac:dyDescent="0.2">
      <c r="A109" s="14">
        <v>85</v>
      </c>
      <c r="B109" s="15">
        <v>9</v>
      </c>
      <c r="C109" s="16">
        <v>37</v>
      </c>
      <c r="D109" s="17">
        <v>46</v>
      </c>
    </row>
    <row r="110" spans="1:4" ht="18" customHeight="1" x14ac:dyDescent="0.2">
      <c r="A110" s="14">
        <v>86</v>
      </c>
      <c r="B110" s="15">
        <v>7</v>
      </c>
      <c r="C110" s="16">
        <v>27</v>
      </c>
      <c r="D110" s="17">
        <v>34</v>
      </c>
    </row>
    <row r="111" spans="1:4" ht="18" customHeight="1" x14ac:dyDescent="0.2">
      <c r="A111" s="14">
        <v>87</v>
      </c>
      <c r="B111" s="15">
        <v>11</v>
      </c>
      <c r="C111" s="16">
        <v>27</v>
      </c>
      <c r="D111" s="17">
        <v>38</v>
      </c>
    </row>
    <row r="112" spans="1:4" ht="18" customHeight="1" x14ac:dyDescent="0.2">
      <c r="A112" s="14">
        <v>88</v>
      </c>
      <c r="B112" s="15">
        <v>8</v>
      </c>
      <c r="C112" s="16">
        <v>32</v>
      </c>
      <c r="D112" s="17">
        <v>40</v>
      </c>
    </row>
    <row r="113" spans="1:4" ht="18" customHeight="1" x14ac:dyDescent="0.2">
      <c r="A113" s="14">
        <v>89</v>
      </c>
      <c r="B113" s="15">
        <v>11</v>
      </c>
      <c r="C113" s="16">
        <v>19</v>
      </c>
      <c r="D113" s="17">
        <v>30</v>
      </c>
    </row>
    <row r="114" spans="1:4" ht="18" customHeight="1" x14ac:dyDescent="0.2">
      <c r="A114" s="18" t="s">
        <v>85</v>
      </c>
      <c r="B114" s="15">
        <v>46</v>
      </c>
      <c r="C114" s="16">
        <v>142</v>
      </c>
      <c r="D114" s="17">
        <v>188</v>
      </c>
    </row>
    <row r="115" spans="1:4" ht="18" customHeight="1" x14ac:dyDescent="0.2">
      <c r="A115" s="14">
        <v>90</v>
      </c>
      <c r="B115" s="15">
        <v>2</v>
      </c>
      <c r="C115" s="16">
        <v>11</v>
      </c>
      <c r="D115" s="17">
        <v>13</v>
      </c>
    </row>
    <row r="116" spans="1:4" ht="18" customHeight="1" x14ac:dyDescent="0.2">
      <c r="A116" s="14">
        <v>91</v>
      </c>
      <c r="B116" s="15">
        <v>7</v>
      </c>
      <c r="C116" s="16">
        <v>9</v>
      </c>
      <c r="D116" s="17">
        <v>16</v>
      </c>
    </row>
    <row r="117" spans="1:4" ht="18" customHeight="1" x14ac:dyDescent="0.2">
      <c r="A117" s="14">
        <v>92</v>
      </c>
      <c r="B117" s="15">
        <v>1</v>
      </c>
      <c r="C117" s="16">
        <v>8</v>
      </c>
      <c r="D117" s="17">
        <v>9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5</v>
      </c>
      <c r="C119" s="16">
        <v>6</v>
      </c>
      <c r="D119" s="17">
        <v>11</v>
      </c>
    </row>
    <row r="120" spans="1:4" ht="18" customHeight="1" x14ac:dyDescent="0.2">
      <c r="A120" s="18" t="s">
        <v>86</v>
      </c>
      <c r="B120" s="15">
        <v>16</v>
      </c>
      <c r="C120" s="16">
        <v>41</v>
      </c>
      <c r="D120" s="17">
        <v>57</v>
      </c>
    </row>
    <row r="121" spans="1:4" ht="18" customHeight="1" x14ac:dyDescent="0.2">
      <c r="A121" s="14">
        <v>95</v>
      </c>
      <c r="B121" s="15">
        <v>1</v>
      </c>
      <c r="C121" s="16">
        <v>9</v>
      </c>
      <c r="D121" s="17">
        <v>10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87</v>
      </c>
      <c r="B126" s="15">
        <v>2</v>
      </c>
      <c r="C126" s="16">
        <v>19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1</v>
      </c>
      <c r="C128" s="16">
        <v>4</v>
      </c>
      <c r="D128" s="17">
        <v>5</v>
      </c>
    </row>
    <row r="129" spans="1:4" ht="18" customHeight="1" x14ac:dyDescent="0.2">
      <c r="A129" s="18" t="s">
        <v>89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90</v>
      </c>
      <c r="B130" s="4">
        <v>1271</v>
      </c>
      <c r="C130" s="5">
        <v>1563</v>
      </c>
      <c r="D130" s="6">
        <v>2834</v>
      </c>
    </row>
    <row r="131" spans="1:4" ht="18" customHeight="1" x14ac:dyDescent="0.2">
      <c r="A131" s="20" t="s">
        <v>65</v>
      </c>
      <c r="B131" s="7">
        <v>6657</v>
      </c>
      <c r="C131" s="8">
        <v>7100</v>
      </c>
      <c r="D131" s="9">
        <v>1375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27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0</v>
      </c>
      <c r="C5" s="12">
        <v>52</v>
      </c>
      <c r="D5" s="13">
        <v>102</v>
      </c>
    </row>
    <row r="6" spans="1:4" ht="18" customHeight="1" x14ac:dyDescent="0.2">
      <c r="A6" s="14">
        <v>1</v>
      </c>
      <c r="B6" s="15">
        <v>59</v>
      </c>
      <c r="C6" s="16">
        <v>43</v>
      </c>
      <c r="D6" s="17">
        <v>102</v>
      </c>
    </row>
    <row r="7" spans="1:4" ht="18" customHeight="1" x14ac:dyDescent="0.2">
      <c r="A7" s="14">
        <v>2</v>
      </c>
      <c r="B7" s="15">
        <v>49</v>
      </c>
      <c r="C7" s="16">
        <v>46</v>
      </c>
      <c r="D7" s="17">
        <v>95</v>
      </c>
    </row>
    <row r="8" spans="1:4" ht="18" customHeight="1" x14ac:dyDescent="0.2">
      <c r="A8" s="14">
        <v>3</v>
      </c>
      <c r="B8" s="15">
        <v>60</v>
      </c>
      <c r="C8" s="16">
        <v>53</v>
      </c>
      <c r="D8" s="17">
        <v>113</v>
      </c>
    </row>
    <row r="9" spans="1:4" ht="18" customHeight="1" x14ac:dyDescent="0.2">
      <c r="A9" s="14">
        <v>4</v>
      </c>
      <c r="B9" s="15">
        <v>49</v>
      </c>
      <c r="C9" s="16">
        <v>49</v>
      </c>
      <c r="D9" s="17">
        <v>98</v>
      </c>
    </row>
    <row r="10" spans="1:4" ht="18" customHeight="1" x14ac:dyDescent="0.2">
      <c r="A10" s="18" t="s">
        <v>66</v>
      </c>
      <c r="B10" s="15">
        <v>267</v>
      </c>
      <c r="C10" s="16">
        <v>243</v>
      </c>
      <c r="D10" s="17">
        <v>510</v>
      </c>
    </row>
    <row r="11" spans="1:4" ht="18" customHeight="1" x14ac:dyDescent="0.2">
      <c r="A11" s="14">
        <v>5</v>
      </c>
      <c r="B11" s="15">
        <v>46</v>
      </c>
      <c r="C11" s="16">
        <v>35</v>
      </c>
      <c r="D11" s="17">
        <v>81</v>
      </c>
    </row>
    <row r="12" spans="1:4" ht="18" customHeight="1" x14ac:dyDescent="0.2">
      <c r="A12" s="14">
        <v>6</v>
      </c>
      <c r="B12" s="15">
        <v>43</v>
      </c>
      <c r="C12" s="16">
        <v>50</v>
      </c>
      <c r="D12" s="17">
        <v>93</v>
      </c>
    </row>
    <row r="13" spans="1:4" ht="18" customHeight="1" x14ac:dyDescent="0.2">
      <c r="A13" s="14">
        <v>7</v>
      </c>
      <c r="B13" s="15">
        <v>53</v>
      </c>
      <c r="C13" s="16">
        <v>48</v>
      </c>
      <c r="D13" s="17">
        <v>101</v>
      </c>
    </row>
    <row r="14" spans="1:4" ht="18" customHeight="1" x14ac:dyDescent="0.2">
      <c r="A14" s="14">
        <v>8</v>
      </c>
      <c r="B14" s="15">
        <v>59</v>
      </c>
      <c r="C14" s="16">
        <v>56</v>
      </c>
      <c r="D14" s="17">
        <v>115</v>
      </c>
    </row>
    <row r="15" spans="1:4" ht="18" customHeight="1" x14ac:dyDescent="0.2">
      <c r="A15" s="14">
        <v>9</v>
      </c>
      <c r="B15" s="15">
        <v>52</v>
      </c>
      <c r="C15" s="16">
        <v>33</v>
      </c>
      <c r="D15" s="17">
        <v>85</v>
      </c>
    </row>
    <row r="16" spans="1:4" ht="18" customHeight="1" x14ac:dyDescent="0.2">
      <c r="A16" s="18" t="s">
        <v>67</v>
      </c>
      <c r="B16" s="15">
        <v>253</v>
      </c>
      <c r="C16" s="16">
        <v>222</v>
      </c>
      <c r="D16" s="17">
        <v>475</v>
      </c>
    </row>
    <row r="17" spans="1:4" ht="18" customHeight="1" x14ac:dyDescent="0.2">
      <c r="A17" s="14">
        <v>10</v>
      </c>
      <c r="B17" s="15">
        <v>44</v>
      </c>
      <c r="C17" s="16">
        <v>43</v>
      </c>
      <c r="D17" s="17">
        <v>87</v>
      </c>
    </row>
    <row r="18" spans="1:4" ht="18" customHeight="1" x14ac:dyDescent="0.2">
      <c r="A18" s="14">
        <v>11</v>
      </c>
      <c r="B18" s="15">
        <v>56</v>
      </c>
      <c r="C18" s="16">
        <v>44</v>
      </c>
      <c r="D18" s="17">
        <v>100</v>
      </c>
    </row>
    <row r="19" spans="1:4" ht="18" customHeight="1" x14ac:dyDescent="0.2">
      <c r="A19" s="14">
        <v>12</v>
      </c>
      <c r="B19" s="15">
        <v>45</v>
      </c>
      <c r="C19" s="16">
        <v>52</v>
      </c>
      <c r="D19" s="17">
        <v>97</v>
      </c>
    </row>
    <row r="20" spans="1:4" ht="18" customHeight="1" x14ac:dyDescent="0.2">
      <c r="A20" s="14">
        <v>13</v>
      </c>
      <c r="B20" s="15">
        <v>39</v>
      </c>
      <c r="C20" s="16">
        <v>57</v>
      </c>
      <c r="D20" s="17">
        <v>96</v>
      </c>
    </row>
    <row r="21" spans="1:4" ht="18" customHeight="1" x14ac:dyDescent="0.2">
      <c r="A21" s="14">
        <v>14</v>
      </c>
      <c r="B21" s="15">
        <v>61</v>
      </c>
      <c r="C21" s="16">
        <v>56</v>
      </c>
      <c r="D21" s="17">
        <v>117</v>
      </c>
    </row>
    <row r="22" spans="1:4" ht="18" customHeight="1" x14ac:dyDescent="0.2">
      <c r="A22" s="18" t="s">
        <v>68</v>
      </c>
      <c r="B22" s="15">
        <v>245</v>
      </c>
      <c r="C22" s="16">
        <v>252</v>
      </c>
      <c r="D22" s="17">
        <v>497</v>
      </c>
    </row>
    <row r="23" spans="1:4" ht="18" customHeight="1" x14ac:dyDescent="0.2">
      <c r="A23" s="18" t="s">
        <v>69</v>
      </c>
      <c r="B23" s="15">
        <v>765</v>
      </c>
      <c r="C23" s="16">
        <v>717</v>
      </c>
      <c r="D23" s="17">
        <v>1482</v>
      </c>
    </row>
    <row r="24" spans="1:4" ht="18" customHeight="1" x14ac:dyDescent="0.2">
      <c r="A24" s="14">
        <v>15</v>
      </c>
      <c r="B24" s="15">
        <v>59</v>
      </c>
      <c r="C24" s="16">
        <v>54</v>
      </c>
      <c r="D24" s="17">
        <v>113</v>
      </c>
    </row>
    <row r="25" spans="1:4" ht="18" customHeight="1" x14ac:dyDescent="0.2">
      <c r="A25" s="14">
        <v>16</v>
      </c>
      <c r="B25" s="15">
        <v>54</v>
      </c>
      <c r="C25" s="16">
        <v>45</v>
      </c>
      <c r="D25" s="17">
        <v>99</v>
      </c>
    </row>
    <row r="26" spans="1:4" ht="18" customHeight="1" x14ac:dyDescent="0.2">
      <c r="A26" s="14">
        <v>17</v>
      </c>
      <c r="B26" s="15">
        <v>39</v>
      </c>
      <c r="C26" s="16">
        <v>45</v>
      </c>
      <c r="D26" s="17">
        <v>84</v>
      </c>
    </row>
    <row r="27" spans="1:4" ht="18" customHeight="1" x14ac:dyDescent="0.2">
      <c r="A27" s="14">
        <v>18</v>
      </c>
      <c r="B27" s="15">
        <v>52</v>
      </c>
      <c r="C27" s="16">
        <v>47</v>
      </c>
      <c r="D27" s="17">
        <v>99</v>
      </c>
    </row>
    <row r="28" spans="1:4" ht="18" customHeight="1" x14ac:dyDescent="0.2">
      <c r="A28" s="14">
        <v>19</v>
      </c>
      <c r="B28" s="15">
        <v>40</v>
      </c>
      <c r="C28" s="16">
        <v>45</v>
      </c>
      <c r="D28" s="17">
        <v>85</v>
      </c>
    </row>
    <row r="29" spans="1:4" ht="18" customHeight="1" x14ac:dyDescent="0.2">
      <c r="A29" s="18" t="s">
        <v>70</v>
      </c>
      <c r="B29" s="15">
        <v>244</v>
      </c>
      <c r="C29" s="16">
        <v>236</v>
      </c>
      <c r="D29" s="17">
        <v>480</v>
      </c>
    </row>
    <row r="30" spans="1:4" ht="18" customHeight="1" x14ac:dyDescent="0.2">
      <c r="A30" s="14">
        <v>20</v>
      </c>
      <c r="B30" s="15">
        <v>38</v>
      </c>
      <c r="C30" s="16">
        <v>53</v>
      </c>
      <c r="D30" s="17">
        <v>91</v>
      </c>
    </row>
    <row r="31" spans="1:4" ht="18" customHeight="1" x14ac:dyDescent="0.2">
      <c r="A31" s="14">
        <v>21</v>
      </c>
      <c r="B31" s="15">
        <v>52</v>
      </c>
      <c r="C31" s="16">
        <v>57</v>
      </c>
      <c r="D31" s="17">
        <v>109</v>
      </c>
    </row>
    <row r="32" spans="1:4" ht="18" customHeight="1" x14ac:dyDescent="0.2">
      <c r="A32" s="14">
        <v>22</v>
      </c>
      <c r="B32" s="15">
        <v>43</v>
      </c>
      <c r="C32" s="16">
        <v>53</v>
      </c>
      <c r="D32" s="17">
        <v>96</v>
      </c>
    </row>
    <row r="33" spans="1:4" ht="18" customHeight="1" x14ac:dyDescent="0.2">
      <c r="A33" s="14">
        <v>23</v>
      </c>
      <c r="B33" s="15">
        <v>44</v>
      </c>
      <c r="C33" s="16">
        <v>52</v>
      </c>
      <c r="D33" s="17">
        <v>96</v>
      </c>
    </row>
    <row r="34" spans="1:4" ht="18" customHeight="1" x14ac:dyDescent="0.2">
      <c r="A34" s="14">
        <v>24</v>
      </c>
      <c r="B34" s="15">
        <v>76</v>
      </c>
      <c r="C34" s="16">
        <v>45</v>
      </c>
      <c r="D34" s="17">
        <v>121</v>
      </c>
    </row>
    <row r="35" spans="1:4" ht="18" customHeight="1" x14ac:dyDescent="0.2">
      <c r="A35" s="18" t="s">
        <v>71</v>
      </c>
      <c r="B35" s="15">
        <v>253</v>
      </c>
      <c r="C35" s="16">
        <v>260</v>
      </c>
      <c r="D35" s="17">
        <v>513</v>
      </c>
    </row>
    <row r="36" spans="1:4" ht="18" customHeight="1" x14ac:dyDescent="0.2">
      <c r="A36" s="14">
        <v>25</v>
      </c>
      <c r="B36" s="15">
        <v>56</v>
      </c>
      <c r="C36" s="16">
        <v>52</v>
      </c>
      <c r="D36" s="17">
        <v>108</v>
      </c>
    </row>
    <row r="37" spans="1:4" ht="18" customHeight="1" x14ac:dyDescent="0.2">
      <c r="A37" s="14">
        <v>26</v>
      </c>
      <c r="B37" s="15">
        <v>50</v>
      </c>
      <c r="C37" s="16">
        <v>54</v>
      </c>
      <c r="D37" s="17">
        <v>104</v>
      </c>
    </row>
    <row r="38" spans="1:4" ht="18" customHeight="1" x14ac:dyDescent="0.2">
      <c r="A38" s="14">
        <v>27</v>
      </c>
      <c r="B38" s="15">
        <v>67</v>
      </c>
      <c r="C38" s="16">
        <v>65</v>
      </c>
      <c r="D38" s="17">
        <v>132</v>
      </c>
    </row>
    <row r="39" spans="1:4" ht="18" customHeight="1" x14ac:dyDescent="0.2">
      <c r="A39" s="14">
        <v>28</v>
      </c>
      <c r="B39" s="15">
        <v>69</v>
      </c>
      <c r="C39" s="16">
        <v>62</v>
      </c>
      <c r="D39" s="17">
        <v>131</v>
      </c>
    </row>
    <row r="40" spans="1:4" ht="18" customHeight="1" x14ac:dyDescent="0.2">
      <c r="A40" s="14">
        <v>29</v>
      </c>
      <c r="B40" s="15">
        <v>61</v>
      </c>
      <c r="C40" s="16">
        <v>57</v>
      </c>
      <c r="D40" s="17">
        <v>118</v>
      </c>
    </row>
    <row r="41" spans="1:4" ht="18" customHeight="1" x14ac:dyDescent="0.2">
      <c r="A41" s="18" t="s">
        <v>72</v>
      </c>
      <c r="B41" s="15">
        <v>303</v>
      </c>
      <c r="C41" s="16">
        <v>290</v>
      </c>
      <c r="D41" s="17">
        <v>593</v>
      </c>
    </row>
    <row r="42" spans="1:4" ht="18" customHeight="1" x14ac:dyDescent="0.2">
      <c r="A42" s="14">
        <v>30</v>
      </c>
      <c r="B42" s="15">
        <v>62</v>
      </c>
      <c r="C42" s="16">
        <v>64</v>
      </c>
      <c r="D42" s="17">
        <v>126</v>
      </c>
    </row>
    <row r="43" spans="1:4" ht="18" customHeight="1" x14ac:dyDescent="0.2">
      <c r="A43" s="14">
        <v>31</v>
      </c>
      <c r="B43" s="15">
        <v>67</v>
      </c>
      <c r="C43" s="16">
        <v>93</v>
      </c>
      <c r="D43" s="17">
        <v>160</v>
      </c>
    </row>
    <row r="44" spans="1:4" ht="18" customHeight="1" x14ac:dyDescent="0.2">
      <c r="A44" s="14">
        <v>32</v>
      </c>
      <c r="B44" s="15">
        <v>82</v>
      </c>
      <c r="C44" s="16">
        <v>72</v>
      </c>
      <c r="D44" s="17">
        <v>154</v>
      </c>
    </row>
    <row r="45" spans="1:4" ht="18" customHeight="1" x14ac:dyDescent="0.2">
      <c r="A45" s="14">
        <v>33</v>
      </c>
      <c r="B45" s="15">
        <v>86</v>
      </c>
      <c r="C45" s="16">
        <v>81</v>
      </c>
      <c r="D45" s="17">
        <v>167</v>
      </c>
    </row>
    <row r="46" spans="1:4" ht="18" customHeight="1" x14ac:dyDescent="0.2">
      <c r="A46" s="14">
        <v>34</v>
      </c>
      <c r="B46" s="15">
        <v>97</v>
      </c>
      <c r="C46" s="16">
        <v>87</v>
      </c>
      <c r="D46" s="17">
        <v>184</v>
      </c>
    </row>
    <row r="47" spans="1:4" ht="18" customHeight="1" x14ac:dyDescent="0.2">
      <c r="A47" s="18" t="s">
        <v>73</v>
      </c>
      <c r="B47" s="15">
        <v>394</v>
      </c>
      <c r="C47" s="16">
        <v>397</v>
      </c>
      <c r="D47" s="17">
        <v>791</v>
      </c>
    </row>
    <row r="48" spans="1:4" ht="18" customHeight="1" x14ac:dyDescent="0.2">
      <c r="A48" s="14">
        <v>35</v>
      </c>
      <c r="B48" s="15">
        <v>101</v>
      </c>
      <c r="C48" s="16">
        <v>96</v>
      </c>
      <c r="D48" s="17">
        <v>197</v>
      </c>
    </row>
    <row r="49" spans="1:4" ht="18" customHeight="1" x14ac:dyDescent="0.2">
      <c r="A49" s="14">
        <v>36</v>
      </c>
      <c r="B49" s="15">
        <v>86</v>
      </c>
      <c r="C49" s="16">
        <v>72</v>
      </c>
      <c r="D49" s="17">
        <v>158</v>
      </c>
    </row>
    <row r="50" spans="1:4" ht="18" customHeight="1" x14ac:dyDescent="0.2">
      <c r="A50" s="14">
        <v>37</v>
      </c>
      <c r="B50" s="15">
        <v>104</v>
      </c>
      <c r="C50" s="16">
        <v>96</v>
      </c>
      <c r="D50" s="17">
        <v>200</v>
      </c>
    </row>
    <row r="51" spans="1:4" ht="18" customHeight="1" x14ac:dyDescent="0.2">
      <c r="A51" s="14">
        <v>38</v>
      </c>
      <c r="B51" s="15">
        <v>64</v>
      </c>
      <c r="C51" s="16">
        <v>101</v>
      </c>
      <c r="D51" s="17">
        <v>165</v>
      </c>
    </row>
    <row r="52" spans="1:4" ht="18" customHeight="1" x14ac:dyDescent="0.2">
      <c r="A52" s="14">
        <v>39</v>
      </c>
      <c r="B52" s="15">
        <v>86</v>
      </c>
      <c r="C52" s="16">
        <v>69</v>
      </c>
      <c r="D52" s="17">
        <v>155</v>
      </c>
    </row>
    <row r="53" spans="1:4" ht="18" customHeight="1" x14ac:dyDescent="0.2">
      <c r="A53" s="18" t="s">
        <v>74</v>
      </c>
      <c r="B53" s="15">
        <v>441</v>
      </c>
      <c r="C53" s="16">
        <v>434</v>
      </c>
      <c r="D53" s="17">
        <v>875</v>
      </c>
    </row>
    <row r="54" spans="1:4" ht="18" customHeight="1" x14ac:dyDescent="0.2">
      <c r="A54" s="14">
        <v>40</v>
      </c>
      <c r="B54" s="15">
        <v>78</v>
      </c>
      <c r="C54" s="16">
        <v>71</v>
      </c>
      <c r="D54" s="17">
        <v>149</v>
      </c>
    </row>
    <row r="55" spans="1:4" ht="18" customHeight="1" x14ac:dyDescent="0.2">
      <c r="A55" s="14">
        <v>41</v>
      </c>
      <c r="B55" s="15">
        <v>69</v>
      </c>
      <c r="C55" s="16">
        <v>80</v>
      </c>
      <c r="D55" s="17">
        <v>149</v>
      </c>
    </row>
    <row r="56" spans="1:4" ht="18" customHeight="1" x14ac:dyDescent="0.2">
      <c r="A56" s="14">
        <v>42</v>
      </c>
      <c r="B56" s="15">
        <v>66</v>
      </c>
      <c r="C56" s="16">
        <v>64</v>
      </c>
      <c r="D56" s="17">
        <v>130</v>
      </c>
    </row>
    <row r="57" spans="1:4" ht="18" customHeight="1" x14ac:dyDescent="0.2">
      <c r="A57" s="14">
        <v>43</v>
      </c>
      <c r="B57" s="15">
        <v>45</v>
      </c>
      <c r="C57" s="16">
        <v>64</v>
      </c>
      <c r="D57" s="17">
        <v>109</v>
      </c>
    </row>
    <row r="58" spans="1:4" ht="18" customHeight="1" x14ac:dyDescent="0.2">
      <c r="A58" s="14">
        <v>44</v>
      </c>
      <c r="B58" s="15">
        <v>68</v>
      </c>
      <c r="C58" s="16">
        <v>75</v>
      </c>
      <c r="D58" s="17">
        <v>143</v>
      </c>
    </row>
    <row r="59" spans="1:4" ht="18" customHeight="1" x14ac:dyDescent="0.2">
      <c r="A59" s="18" t="s">
        <v>75</v>
      </c>
      <c r="B59" s="15">
        <v>326</v>
      </c>
      <c r="C59" s="16">
        <v>354</v>
      </c>
      <c r="D59" s="17">
        <v>680</v>
      </c>
    </row>
    <row r="60" spans="1:4" ht="18" customHeight="1" x14ac:dyDescent="0.2">
      <c r="A60" s="14">
        <v>45</v>
      </c>
      <c r="B60" s="15">
        <v>62</v>
      </c>
      <c r="C60" s="16">
        <v>73</v>
      </c>
      <c r="D60" s="17">
        <v>135</v>
      </c>
    </row>
    <row r="61" spans="1:4" ht="18" customHeight="1" x14ac:dyDescent="0.2">
      <c r="A61" s="14">
        <v>46</v>
      </c>
      <c r="B61" s="15">
        <v>79</v>
      </c>
      <c r="C61" s="16">
        <v>62</v>
      </c>
      <c r="D61" s="17">
        <v>141</v>
      </c>
    </row>
    <row r="62" spans="1:4" ht="18" customHeight="1" x14ac:dyDescent="0.2">
      <c r="A62" s="14">
        <v>47</v>
      </c>
      <c r="B62" s="15">
        <v>64</v>
      </c>
      <c r="C62" s="16">
        <v>72</v>
      </c>
      <c r="D62" s="17">
        <v>136</v>
      </c>
    </row>
    <row r="63" spans="1:4" ht="18" customHeight="1" x14ac:dyDescent="0.2">
      <c r="A63" s="14">
        <v>48</v>
      </c>
      <c r="B63" s="15">
        <v>45</v>
      </c>
      <c r="C63" s="16">
        <v>61</v>
      </c>
      <c r="D63" s="17">
        <v>106</v>
      </c>
    </row>
    <row r="64" spans="1:4" ht="18" customHeight="1" x14ac:dyDescent="0.2">
      <c r="A64" s="14">
        <v>49</v>
      </c>
      <c r="B64" s="15">
        <v>67</v>
      </c>
      <c r="C64" s="16">
        <v>56</v>
      </c>
      <c r="D64" s="17">
        <v>123</v>
      </c>
    </row>
    <row r="65" spans="1:4" ht="18" customHeight="1" x14ac:dyDescent="0.2">
      <c r="A65" s="18" t="s">
        <v>76</v>
      </c>
      <c r="B65" s="15">
        <v>317</v>
      </c>
      <c r="C65" s="16">
        <v>324</v>
      </c>
      <c r="D65" s="17">
        <v>641</v>
      </c>
    </row>
    <row r="66" spans="1:4" ht="18" customHeight="1" x14ac:dyDescent="0.2">
      <c r="A66" s="14">
        <v>50</v>
      </c>
      <c r="B66" s="15">
        <v>62</v>
      </c>
      <c r="C66" s="16">
        <v>61</v>
      </c>
      <c r="D66" s="17">
        <v>123</v>
      </c>
    </row>
    <row r="67" spans="1:4" ht="18" customHeight="1" x14ac:dyDescent="0.2">
      <c r="A67" s="14">
        <v>51</v>
      </c>
      <c r="B67" s="15">
        <v>49</v>
      </c>
      <c r="C67" s="16">
        <v>54</v>
      </c>
      <c r="D67" s="17">
        <v>103</v>
      </c>
    </row>
    <row r="68" spans="1:4" ht="18" customHeight="1" x14ac:dyDescent="0.2">
      <c r="A68" s="14">
        <v>52</v>
      </c>
      <c r="B68" s="15">
        <v>58</v>
      </c>
      <c r="C68" s="16">
        <v>57</v>
      </c>
      <c r="D68" s="17">
        <v>115</v>
      </c>
    </row>
    <row r="69" spans="1:4" ht="18" customHeight="1" x14ac:dyDescent="0.2">
      <c r="A69" s="14">
        <v>53</v>
      </c>
      <c r="B69" s="15">
        <v>46</v>
      </c>
      <c r="C69" s="16">
        <v>78</v>
      </c>
      <c r="D69" s="17">
        <v>124</v>
      </c>
    </row>
    <row r="70" spans="1:4" ht="18" customHeight="1" x14ac:dyDescent="0.2">
      <c r="A70" s="14">
        <v>54</v>
      </c>
      <c r="B70" s="15">
        <v>67</v>
      </c>
      <c r="C70" s="16">
        <v>66</v>
      </c>
      <c r="D70" s="17">
        <v>133</v>
      </c>
    </row>
    <row r="71" spans="1:4" ht="18" customHeight="1" x14ac:dyDescent="0.2">
      <c r="A71" s="18" t="s">
        <v>77</v>
      </c>
      <c r="B71" s="15">
        <v>282</v>
      </c>
      <c r="C71" s="16">
        <v>316</v>
      </c>
      <c r="D71" s="17">
        <v>598</v>
      </c>
    </row>
    <row r="72" spans="1:4" ht="18" customHeight="1" x14ac:dyDescent="0.2">
      <c r="A72" s="14">
        <v>55</v>
      </c>
      <c r="B72" s="15">
        <v>66</v>
      </c>
      <c r="C72" s="16">
        <v>55</v>
      </c>
      <c r="D72" s="17">
        <v>121</v>
      </c>
    </row>
    <row r="73" spans="1:4" ht="18" customHeight="1" x14ac:dyDescent="0.2">
      <c r="A73" s="14">
        <v>56</v>
      </c>
      <c r="B73" s="15">
        <v>66</v>
      </c>
      <c r="C73" s="16">
        <v>64</v>
      </c>
      <c r="D73" s="17">
        <v>130</v>
      </c>
    </row>
    <row r="74" spans="1:4" ht="18" customHeight="1" x14ac:dyDescent="0.2">
      <c r="A74" s="14">
        <v>57</v>
      </c>
      <c r="B74" s="15">
        <v>73</v>
      </c>
      <c r="C74" s="16">
        <v>82</v>
      </c>
      <c r="D74" s="17">
        <v>155</v>
      </c>
    </row>
    <row r="75" spans="1:4" ht="18" customHeight="1" x14ac:dyDescent="0.2">
      <c r="A75" s="14">
        <v>58</v>
      </c>
      <c r="B75" s="15">
        <v>71</v>
      </c>
      <c r="C75" s="16">
        <v>82</v>
      </c>
      <c r="D75" s="17">
        <v>153</v>
      </c>
    </row>
    <row r="76" spans="1:4" ht="18" customHeight="1" x14ac:dyDescent="0.2">
      <c r="A76" s="14">
        <v>59</v>
      </c>
      <c r="B76" s="15">
        <v>82</v>
      </c>
      <c r="C76" s="16">
        <v>105</v>
      </c>
      <c r="D76" s="17">
        <v>187</v>
      </c>
    </row>
    <row r="77" spans="1:4" ht="18" customHeight="1" x14ac:dyDescent="0.2">
      <c r="A77" s="18" t="s">
        <v>78</v>
      </c>
      <c r="B77" s="15">
        <v>358</v>
      </c>
      <c r="C77" s="16">
        <v>388</v>
      </c>
      <c r="D77" s="17">
        <v>746</v>
      </c>
    </row>
    <row r="78" spans="1:4" ht="18" customHeight="1" x14ac:dyDescent="0.2">
      <c r="A78" s="14">
        <v>60</v>
      </c>
      <c r="B78" s="15">
        <v>86</v>
      </c>
      <c r="C78" s="16">
        <v>100</v>
      </c>
      <c r="D78" s="17">
        <v>186</v>
      </c>
    </row>
    <row r="79" spans="1:4" ht="18" customHeight="1" x14ac:dyDescent="0.2">
      <c r="A79" s="14">
        <v>61</v>
      </c>
      <c r="B79" s="15">
        <v>94</v>
      </c>
      <c r="C79" s="16">
        <v>102</v>
      </c>
      <c r="D79" s="17">
        <v>196</v>
      </c>
    </row>
    <row r="80" spans="1:4" ht="18" customHeight="1" x14ac:dyDescent="0.2">
      <c r="A80" s="14">
        <v>62</v>
      </c>
      <c r="B80" s="15">
        <v>92</v>
      </c>
      <c r="C80" s="16">
        <v>121</v>
      </c>
      <c r="D80" s="17">
        <v>213</v>
      </c>
    </row>
    <row r="81" spans="1:4" ht="18" customHeight="1" x14ac:dyDescent="0.2">
      <c r="A81" s="14">
        <v>63</v>
      </c>
      <c r="B81" s="15">
        <v>52</v>
      </c>
      <c r="C81" s="16">
        <v>75</v>
      </c>
      <c r="D81" s="17">
        <v>127</v>
      </c>
    </row>
    <row r="82" spans="1:4" ht="18" customHeight="1" x14ac:dyDescent="0.2">
      <c r="A82" s="14">
        <v>64</v>
      </c>
      <c r="B82" s="15">
        <v>67</v>
      </c>
      <c r="C82" s="16">
        <v>72</v>
      </c>
      <c r="D82" s="17">
        <v>139</v>
      </c>
    </row>
    <row r="83" spans="1:4" ht="18" customHeight="1" x14ac:dyDescent="0.2">
      <c r="A83" s="18" t="s">
        <v>79</v>
      </c>
      <c r="B83" s="15">
        <v>391</v>
      </c>
      <c r="C83" s="16">
        <v>470</v>
      </c>
      <c r="D83" s="17">
        <v>861</v>
      </c>
    </row>
    <row r="84" spans="1:4" ht="18" customHeight="1" x14ac:dyDescent="0.2">
      <c r="A84" s="18" t="s">
        <v>80</v>
      </c>
      <c r="B84" s="15">
        <v>3309</v>
      </c>
      <c r="C84" s="16">
        <v>3469</v>
      </c>
      <c r="D84" s="17">
        <v>6778</v>
      </c>
    </row>
    <row r="85" spans="1:4" ht="18" customHeight="1" x14ac:dyDescent="0.2">
      <c r="A85" s="14">
        <v>65</v>
      </c>
      <c r="B85" s="15">
        <v>81</v>
      </c>
      <c r="C85" s="16">
        <v>88</v>
      </c>
      <c r="D85" s="17">
        <v>169</v>
      </c>
    </row>
    <row r="86" spans="1:4" ht="18" customHeight="1" x14ac:dyDescent="0.2">
      <c r="A86" s="14">
        <v>66</v>
      </c>
      <c r="B86" s="15">
        <v>80</v>
      </c>
      <c r="C86" s="16">
        <v>96</v>
      </c>
      <c r="D86" s="17">
        <v>176</v>
      </c>
    </row>
    <row r="87" spans="1:4" ht="18" customHeight="1" x14ac:dyDescent="0.2">
      <c r="A87" s="14">
        <v>67</v>
      </c>
      <c r="B87" s="15">
        <v>72</v>
      </c>
      <c r="C87" s="16">
        <v>102</v>
      </c>
      <c r="D87" s="17">
        <v>174</v>
      </c>
    </row>
    <row r="88" spans="1:4" ht="18" customHeight="1" x14ac:dyDescent="0.2">
      <c r="A88" s="14">
        <v>68</v>
      </c>
      <c r="B88" s="15">
        <v>84</v>
      </c>
      <c r="C88" s="16">
        <v>89</v>
      </c>
      <c r="D88" s="17">
        <v>173</v>
      </c>
    </row>
    <row r="89" spans="1:4" ht="18" customHeight="1" x14ac:dyDescent="0.2">
      <c r="A89" s="14">
        <v>69</v>
      </c>
      <c r="B89" s="15">
        <v>72</v>
      </c>
      <c r="C89" s="16">
        <v>78</v>
      </c>
      <c r="D89" s="17">
        <v>150</v>
      </c>
    </row>
    <row r="90" spans="1:4" ht="18" customHeight="1" x14ac:dyDescent="0.2">
      <c r="A90" s="18" t="s">
        <v>81</v>
      </c>
      <c r="B90" s="15">
        <v>389</v>
      </c>
      <c r="C90" s="16">
        <v>453</v>
      </c>
      <c r="D90" s="17">
        <v>842</v>
      </c>
    </row>
    <row r="91" spans="1:4" ht="18" customHeight="1" x14ac:dyDescent="0.2">
      <c r="A91" s="14">
        <v>70</v>
      </c>
      <c r="B91" s="15">
        <v>67</v>
      </c>
      <c r="C91" s="16">
        <v>54</v>
      </c>
      <c r="D91" s="17">
        <v>121</v>
      </c>
    </row>
    <row r="92" spans="1:4" ht="18" customHeight="1" x14ac:dyDescent="0.2">
      <c r="A92" s="14">
        <v>71</v>
      </c>
      <c r="B92" s="15">
        <v>58</v>
      </c>
      <c r="C92" s="16">
        <v>82</v>
      </c>
      <c r="D92" s="17">
        <v>140</v>
      </c>
    </row>
    <row r="93" spans="1:4" ht="18" customHeight="1" x14ac:dyDescent="0.2">
      <c r="A93" s="14">
        <v>72</v>
      </c>
      <c r="B93" s="15">
        <v>65</v>
      </c>
      <c r="C93" s="16">
        <v>81</v>
      </c>
      <c r="D93" s="17">
        <v>146</v>
      </c>
    </row>
    <row r="94" spans="1:4" ht="18" customHeight="1" x14ac:dyDescent="0.2">
      <c r="A94" s="14">
        <v>73</v>
      </c>
      <c r="B94" s="15">
        <v>66</v>
      </c>
      <c r="C94" s="16">
        <v>74</v>
      </c>
      <c r="D94" s="17">
        <v>140</v>
      </c>
    </row>
    <row r="95" spans="1:4" ht="18" customHeight="1" x14ac:dyDescent="0.2">
      <c r="A95" s="14">
        <v>74</v>
      </c>
      <c r="B95" s="15">
        <v>49</v>
      </c>
      <c r="C95" s="16">
        <v>63</v>
      </c>
      <c r="D95" s="17">
        <v>112</v>
      </c>
    </row>
    <row r="96" spans="1:4" ht="18" customHeight="1" x14ac:dyDescent="0.2">
      <c r="A96" s="18" t="s">
        <v>82</v>
      </c>
      <c r="B96" s="15">
        <v>305</v>
      </c>
      <c r="C96" s="16">
        <v>354</v>
      </c>
      <c r="D96" s="17">
        <v>659</v>
      </c>
    </row>
    <row r="97" spans="1:4" ht="18" customHeight="1" x14ac:dyDescent="0.2">
      <c r="A97" s="14">
        <v>75</v>
      </c>
      <c r="B97" s="15">
        <v>54</v>
      </c>
      <c r="C97" s="16">
        <v>73</v>
      </c>
      <c r="D97" s="17">
        <v>127</v>
      </c>
    </row>
    <row r="98" spans="1:4" ht="18" customHeight="1" x14ac:dyDescent="0.2">
      <c r="A98" s="14">
        <v>76</v>
      </c>
      <c r="B98" s="15">
        <v>58</v>
      </c>
      <c r="C98" s="16">
        <v>64</v>
      </c>
      <c r="D98" s="17">
        <v>122</v>
      </c>
    </row>
    <row r="99" spans="1:4" ht="18" customHeight="1" x14ac:dyDescent="0.2">
      <c r="A99" s="14">
        <v>77</v>
      </c>
      <c r="B99" s="15">
        <v>37</v>
      </c>
      <c r="C99" s="16">
        <v>87</v>
      </c>
      <c r="D99" s="17">
        <v>124</v>
      </c>
    </row>
    <row r="100" spans="1:4" ht="18" customHeight="1" x14ac:dyDescent="0.2">
      <c r="A100" s="14">
        <v>78</v>
      </c>
      <c r="B100" s="15">
        <v>45</v>
      </c>
      <c r="C100" s="16">
        <v>70</v>
      </c>
      <c r="D100" s="17">
        <v>115</v>
      </c>
    </row>
    <row r="101" spans="1:4" ht="18" customHeight="1" x14ac:dyDescent="0.2">
      <c r="A101" s="14">
        <v>79</v>
      </c>
      <c r="B101" s="15">
        <v>35</v>
      </c>
      <c r="C101" s="16">
        <v>45</v>
      </c>
      <c r="D101" s="17">
        <v>80</v>
      </c>
    </row>
    <row r="102" spans="1:4" ht="18" customHeight="1" x14ac:dyDescent="0.2">
      <c r="A102" s="18" t="s">
        <v>83</v>
      </c>
      <c r="B102" s="15">
        <v>229</v>
      </c>
      <c r="C102" s="16">
        <v>339</v>
      </c>
      <c r="D102" s="17">
        <v>568</v>
      </c>
    </row>
    <row r="103" spans="1:4" ht="18" customHeight="1" x14ac:dyDescent="0.2">
      <c r="A103" s="14">
        <v>80</v>
      </c>
      <c r="B103" s="15">
        <v>43</v>
      </c>
      <c r="C103" s="16">
        <v>55</v>
      </c>
      <c r="D103" s="17">
        <v>98</v>
      </c>
    </row>
    <row r="104" spans="1:4" ht="18" customHeight="1" x14ac:dyDescent="0.2">
      <c r="A104" s="14">
        <v>81</v>
      </c>
      <c r="B104" s="15">
        <v>25</v>
      </c>
      <c r="C104" s="16">
        <v>54</v>
      </c>
      <c r="D104" s="17">
        <v>79</v>
      </c>
    </row>
    <row r="105" spans="1:4" ht="18" customHeight="1" x14ac:dyDescent="0.2">
      <c r="A105" s="14">
        <v>82</v>
      </c>
      <c r="B105" s="15">
        <v>31</v>
      </c>
      <c r="C105" s="16">
        <v>45</v>
      </c>
      <c r="D105" s="17">
        <v>76</v>
      </c>
    </row>
    <row r="106" spans="1:4" ht="18" customHeight="1" x14ac:dyDescent="0.2">
      <c r="A106" s="14">
        <v>83</v>
      </c>
      <c r="B106" s="15">
        <v>25</v>
      </c>
      <c r="C106" s="16">
        <v>29</v>
      </c>
      <c r="D106" s="17">
        <v>54</v>
      </c>
    </row>
    <row r="107" spans="1:4" ht="18" customHeight="1" x14ac:dyDescent="0.2">
      <c r="A107" s="14">
        <v>84</v>
      </c>
      <c r="B107" s="15">
        <v>25</v>
      </c>
      <c r="C107" s="16">
        <v>42</v>
      </c>
      <c r="D107" s="17">
        <v>67</v>
      </c>
    </row>
    <row r="108" spans="1:4" ht="18" customHeight="1" x14ac:dyDescent="0.2">
      <c r="A108" s="18" t="s">
        <v>84</v>
      </c>
      <c r="B108" s="15">
        <v>149</v>
      </c>
      <c r="C108" s="16">
        <v>225</v>
      </c>
      <c r="D108" s="17">
        <v>374</v>
      </c>
    </row>
    <row r="109" spans="1:4" ht="18" customHeight="1" x14ac:dyDescent="0.2">
      <c r="A109" s="14">
        <v>85</v>
      </c>
      <c r="B109" s="15">
        <v>12</v>
      </c>
      <c r="C109" s="16">
        <v>38</v>
      </c>
      <c r="D109" s="17">
        <v>50</v>
      </c>
    </row>
    <row r="110" spans="1:4" ht="18" customHeight="1" x14ac:dyDescent="0.2">
      <c r="A110" s="14">
        <v>86</v>
      </c>
      <c r="B110" s="15">
        <v>8</v>
      </c>
      <c r="C110" s="16">
        <v>30</v>
      </c>
      <c r="D110" s="17">
        <v>38</v>
      </c>
    </row>
    <row r="111" spans="1:4" ht="18" customHeight="1" x14ac:dyDescent="0.2">
      <c r="A111" s="14">
        <v>87</v>
      </c>
      <c r="B111" s="15">
        <v>8</v>
      </c>
      <c r="C111" s="16">
        <v>27</v>
      </c>
      <c r="D111" s="17">
        <v>35</v>
      </c>
    </row>
    <row r="112" spans="1:4" ht="18" customHeight="1" x14ac:dyDescent="0.2">
      <c r="A112" s="14">
        <v>88</v>
      </c>
      <c r="B112" s="15">
        <v>9</v>
      </c>
      <c r="C112" s="16">
        <v>31</v>
      </c>
      <c r="D112" s="17">
        <v>40</v>
      </c>
    </row>
    <row r="113" spans="1:4" ht="18" customHeight="1" x14ac:dyDescent="0.2">
      <c r="A113" s="14">
        <v>89</v>
      </c>
      <c r="B113" s="15">
        <v>6</v>
      </c>
      <c r="C113" s="16">
        <v>23</v>
      </c>
      <c r="D113" s="17">
        <v>29</v>
      </c>
    </row>
    <row r="114" spans="1:4" ht="18" customHeight="1" x14ac:dyDescent="0.2">
      <c r="A114" s="18" t="s">
        <v>85</v>
      </c>
      <c r="B114" s="15">
        <v>43</v>
      </c>
      <c r="C114" s="16">
        <v>149</v>
      </c>
      <c r="D114" s="17">
        <v>192</v>
      </c>
    </row>
    <row r="115" spans="1:4" ht="18" customHeight="1" x14ac:dyDescent="0.2">
      <c r="A115" s="14">
        <v>90</v>
      </c>
      <c r="B115" s="15">
        <v>6</v>
      </c>
      <c r="C115" s="16">
        <v>15</v>
      </c>
      <c r="D115" s="17">
        <v>21</v>
      </c>
    </row>
    <row r="116" spans="1:4" ht="18" customHeight="1" x14ac:dyDescent="0.2">
      <c r="A116" s="14">
        <v>91</v>
      </c>
      <c r="B116" s="15">
        <v>5</v>
      </c>
      <c r="C116" s="16">
        <v>17</v>
      </c>
      <c r="D116" s="17">
        <v>22</v>
      </c>
    </row>
    <row r="117" spans="1:4" ht="18" customHeight="1" x14ac:dyDescent="0.2">
      <c r="A117" s="14">
        <v>92</v>
      </c>
      <c r="B117" s="15">
        <v>6</v>
      </c>
      <c r="C117" s="16">
        <v>15</v>
      </c>
      <c r="D117" s="17">
        <v>21</v>
      </c>
    </row>
    <row r="118" spans="1:4" ht="18" customHeight="1" x14ac:dyDescent="0.2">
      <c r="A118" s="14">
        <v>93</v>
      </c>
      <c r="B118" s="15">
        <v>6</v>
      </c>
      <c r="C118" s="16">
        <v>11</v>
      </c>
      <c r="D118" s="17">
        <v>17</v>
      </c>
    </row>
    <row r="119" spans="1:4" ht="18" customHeight="1" x14ac:dyDescent="0.2">
      <c r="A119" s="14">
        <v>94</v>
      </c>
      <c r="B119" s="15">
        <v>2</v>
      </c>
      <c r="C119" s="16">
        <v>9</v>
      </c>
      <c r="D119" s="17">
        <v>11</v>
      </c>
    </row>
    <row r="120" spans="1:4" ht="18" customHeight="1" x14ac:dyDescent="0.2">
      <c r="A120" s="18" t="s">
        <v>86</v>
      </c>
      <c r="B120" s="15">
        <v>25</v>
      </c>
      <c r="C120" s="16">
        <v>67</v>
      </c>
      <c r="D120" s="17">
        <v>92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2</v>
      </c>
      <c r="C122" s="16">
        <v>1</v>
      </c>
      <c r="D122" s="17">
        <v>3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7</v>
      </c>
      <c r="C126" s="16">
        <v>14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89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90</v>
      </c>
      <c r="B130" s="4">
        <v>1148</v>
      </c>
      <c r="C130" s="5">
        <v>1604</v>
      </c>
      <c r="D130" s="6">
        <v>2752</v>
      </c>
    </row>
    <row r="131" spans="1:4" ht="18" customHeight="1" x14ac:dyDescent="0.2">
      <c r="A131" s="20" t="s">
        <v>65</v>
      </c>
      <c r="B131" s="7">
        <v>5222</v>
      </c>
      <c r="C131" s="8">
        <v>5790</v>
      </c>
      <c r="D131" s="9">
        <v>1101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28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1</v>
      </c>
      <c r="C5" s="12">
        <v>55</v>
      </c>
      <c r="D5" s="13">
        <v>96</v>
      </c>
    </row>
    <row r="6" spans="1:4" ht="18" customHeight="1" x14ac:dyDescent="0.2">
      <c r="A6" s="14">
        <v>1</v>
      </c>
      <c r="B6" s="15">
        <v>63</v>
      </c>
      <c r="C6" s="16">
        <v>51</v>
      </c>
      <c r="D6" s="17">
        <v>114</v>
      </c>
    </row>
    <row r="7" spans="1:4" ht="18" customHeight="1" x14ac:dyDescent="0.2">
      <c r="A7" s="14">
        <v>2</v>
      </c>
      <c r="B7" s="15">
        <v>54</v>
      </c>
      <c r="C7" s="16">
        <v>59</v>
      </c>
      <c r="D7" s="17">
        <v>113</v>
      </c>
    </row>
    <row r="8" spans="1:4" ht="18" customHeight="1" x14ac:dyDescent="0.2">
      <c r="A8" s="14">
        <v>3</v>
      </c>
      <c r="B8" s="15">
        <v>68</v>
      </c>
      <c r="C8" s="16">
        <v>60</v>
      </c>
      <c r="D8" s="17">
        <v>128</v>
      </c>
    </row>
    <row r="9" spans="1:4" ht="18" customHeight="1" x14ac:dyDescent="0.2">
      <c r="A9" s="14">
        <v>4</v>
      </c>
      <c r="B9" s="15">
        <v>62</v>
      </c>
      <c r="C9" s="16">
        <v>63</v>
      </c>
      <c r="D9" s="17">
        <v>125</v>
      </c>
    </row>
    <row r="10" spans="1:4" ht="18" customHeight="1" x14ac:dyDescent="0.2">
      <c r="A10" s="18" t="s">
        <v>66</v>
      </c>
      <c r="B10" s="15">
        <v>288</v>
      </c>
      <c r="C10" s="16">
        <v>288</v>
      </c>
      <c r="D10" s="17">
        <v>576</v>
      </c>
    </row>
    <row r="11" spans="1:4" ht="18" customHeight="1" x14ac:dyDescent="0.2">
      <c r="A11" s="14">
        <v>5</v>
      </c>
      <c r="B11" s="15">
        <v>65</v>
      </c>
      <c r="C11" s="16">
        <v>63</v>
      </c>
      <c r="D11" s="17">
        <v>128</v>
      </c>
    </row>
    <row r="12" spans="1:4" ht="18" customHeight="1" x14ac:dyDescent="0.2">
      <c r="A12" s="14">
        <v>6</v>
      </c>
      <c r="B12" s="15">
        <v>67</v>
      </c>
      <c r="C12" s="16">
        <v>58</v>
      </c>
      <c r="D12" s="17">
        <v>125</v>
      </c>
    </row>
    <row r="13" spans="1:4" ht="18" customHeight="1" x14ac:dyDescent="0.2">
      <c r="A13" s="14">
        <v>7</v>
      </c>
      <c r="B13" s="15">
        <v>63</v>
      </c>
      <c r="C13" s="16">
        <v>59</v>
      </c>
      <c r="D13" s="17">
        <v>122</v>
      </c>
    </row>
    <row r="14" spans="1:4" ht="18" customHeight="1" x14ac:dyDescent="0.2">
      <c r="A14" s="14">
        <v>8</v>
      </c>
      <c r="B14" s="15">
        <v>78</v>
      </c>
      <c r="C14" s="16">
        <v>74</v>
      </c>
      <c r="D14" s="17">
        <v>152</v>
      </c>
    </row>
    <row r="15" spans="1:4" ht="18" customHeight="1" x14ac:dyDescent="0.2">
      <c r="A15" s="14">
        <v>9</v>
      </c>
      <c r="B15" s="15">
        <v>56</v>
      </c>
      <c r="C15" s="16">
        <v>69</v>
      </c>
      <c r="D15" s="17">
        <v>125</v>
      </c>
    </row>
    <row r="16" spans="1:4" ht="18" customHeight="1" x14ac:dyDescent="0.2">
      <c r="A16" s="18" t="s">
        <v>67</v>
      </c>
      <c r="B16" s="15">
        <v>329</v>
      </c>
      <c r="C16" s="16">
        <v>323</v>
      </c>
      <c r="D16" s="17">
        <v>652</v>
      </c>
    </row>
    <row r="17" spans="1:4" ht="18" customHeight="1" x14ac:dyDescent="0.2">
      <c r="A17" s="14">
        <v>10</v>
      </c>
      <c r="B17" s="15">
        <v>76</v>
      </c>
      <c r="C17" s="16">
        <v>64</v>
      </c>
      <c r="D17" s="17">
        <v>140</v>
      </c>
    </row>
    <row r="18" spans="1:4" ht="18" customHeight="1" x14ac:dyDescent="0.2">
      <c r="A18" s="14">
        <v>11</v>
      </c>
      <c r="B18" s="15">
        <v>71</v>
      </c>
      <c r="C18" s="16">
        <v>85</v>
      </c>
      <c r="D18" s="17">
        <v>156</v>
      </c>
    </row>
    <row r="19" spans="1:4" ht="18" customHeight="1" x14ac:dyDescent="0.2">
      <c r="A19" s="14">
        <v>12</v>
      </c>
      <c r="B19" s="15">
        <v>77</v>
      </c>
      <c r="C19" s="16">
        <v>61</v>
      </c>
      <c r="D19" s="17">
        <v>138</v>
      </c>
    </row>
    <row r="20" spans="1:4" ht="18" customHeight="1" x14ac:dyDescent="0.2">
      <c r="A20" s="14">
        <v>13</v>
      </c>
      <c r="B20" s="15">
        <v>69</v>
      </c>
      <c r="C20" s="16">
        <v>71</v>
      </c>
      <c r="D20" s="17">
        <v>140</v>
      </c>
    </row>
    <row r="21" spans="1:4" ht="18" customHeight="1" x14ac:dyDescent="0.2">
      <c r="A21" s="14">
        <v>14</v>
      </c>
      <c r="B21" s="15">
        <v>85</v>
      </c>
      <c r="C21" s="16">
        <v>58</v>
      </c>
      <c r="D21" s="17">
        <v>143</v>
      </c>
    </row>
    <row r="22" spans="1:4" ht="18" customHeight="1" x14ac:dyDescent="0.2">
      <c r="A22" s="18" t="s">
        <v>68</v>
      </c>
      <c r="B22" s="15">
        <v>378</v>
      </c>
      <c r="C22" s="16">
        <v>339</v>
      </c>
      <c r="D22" s="17">
        <v>717</v>
      </c>
    </row>
    <row r="23" spans="1:4" ht="18" customHeight="1" x14ac:dyDescent="0.2">
      <c r="A23" s="18" t="s">
        <v>69</v>
      </c>
      <c r="B23" s="15">
        <v>995</v>
      </c>
      <c r="C23" s="16">
        <v>950</v>
      </c>
      <c r="D23" s="17">
        <v>1945</v>
      </c>
    </row>
    <row r="24" spans="1:4" ht="18" customHeight="1" x14ac:dyDescent="0.2">
      <c r="A24" s="14">
        <v>15</v>
      </c>
      <c r="B24" s="15">
        <v>75</v>
      </c>
      <c r="C24" s="16">
        <v>66</v>
      </c>
      <c r="D24" s="17">
        <v>141</v>
      </c>
    </row>
    <row r="25" spans="1:4" ht="18" customHeight="1" x14ac:dyDescent="0.2">
      <c r="A25" s="14">
        <v>16</v>
      </c>
      <c r="B25" s="15">
        <v>61</v>
      </c>
      <c r="C25" s="16">
        <v>63</v>
      </c>
      <c r="D25" s="17">
        <v>124</v>
      </c>
    </row>
    <row r="26" spans="1:4" ht="18" customHeight="1" x14ac:dyDescent="0.2">
      <c r="A26" s="14">
        <v>17</v>
      </c>
      <c r="B26" s="15">
        <v>63</v>
      </c>
      <c r="C26" s="16">
        <v>45</v>
      </c>
      <c r="D26" s="17">
        <v>108</v>
      </c>
    </row>
    <row r="27" spans="1:4" ht="18" customHeight="1" x14ac:dyDescent="0.2">
      <c r="A27" s="14">
        <v>18</v>
      </c>
      <c r="B27" s="15">
        <v>52</v>
      </c>
      <c r="C27" s="16">
        <v>48</v>
      </c>
      <c r="D27" s="17">
        <v>100</v>
      </c>
    </row>
    <row r="28" spans="1:4" ht="18" customHeight="1" x14ac:dyDescent="0.2">
      <c r="A28" s="14">
        <v>19</v>
      </c>
      <c r="B28" s="15">
        <v>61</v>
      </c>
      <c r="C28" s="16">
        <v>40</v>
      </c>
      <c r="D28" s="17">
        <v>101</v>
      </c>
    </row>
    <row r="29" spans="1:4" ht="18" customHeight="1" x14ac:dyDescent="0.2">
      <c r="A29" s="18" t="s">
        <v>70</v>
      </c>
      <c r="B29" s="15">
        <v>312</v>
      </c>
      <c r="C29" s="16">
        <v>262</v>
      </c>
      <c r="D29" s="17">
        <v>574</v>
      </c>
    </row>
    <row r="30" spans="1:4" ht="18" customHeight="1" x14ac:dyDescent="0.2">
      <c r="A30" s="14">
        <v>20</v>
      </c>
      <c r="B30" s="15">
        <v>53</v>
      </c>
      <c r="C30" s="16">
        <v>36</v>
      </c>
      <c r="D30" s="17">
        <v>89</v>
      </c>
    </row>
    <row r="31" spans="1:4" ht="18" customHeight="1" x14ac:dyDescent="0.2">
      <c r="A31" s="14">
        <v>21</v>
      </c>
      <c r="B31" s="15">
        <v>41</v>
      </c>
      <c r="C31" s="16">
        <v>44</v>
      </c>
      <c r="D31" s="17">
        <v>85</v>
      </c>
    </row>
    <row r="32" spans="1:4" ht="18" customHeight="1" x14ac:dyDescent="0.2">
      <c r="A32" s="14">
        <v>22</v>
      </c>
      <c r="B32" s="15">
        <v>36</v>
      </c>
      <c r="C32" s="16">
        <v>63</v>
      </c>
      <c r="D32" s="17">
        <v>99</v>
      </c>
    </row>
    <row r="33" spans="1:4" ht="18" customHeight="1" x14ac:dyDescent="0.2">
      <c r="A33" s="14">
        <v>23</v>
      </c>
      <c r="B33" s="15">
        <v>46</v>
      </c>
      <c r="C33" s="16">
        <v>46</v>
      </c>
      <c r="D33" s="17">
        <v>92</v>
      </c>
    </row>
    <row r="34" spans="1:4" ht="18" customHeight="1" x14ac:dyDescent="0.2">
      <c r="A34" s="14">
        <v>24</v>
      </c>
      <c r="B34" s="15">
        <v>57</v>
      </c>
      <c r="C34" s="16">
        <v>53</v>
      </c>
      <c r="D34" s="17">
        <v>110</v>
      </c>
    </row>
    <row r="35" spans="1:4" ht="18" customHeight="1" x14ac:dyDescent="0.2">
      <c r="A35" s="18" t="s">
        <v>71</v>
      </c>
      <c r="B35" s="15">
        <v>233</v>
      </c>
      <c r="C35" s="16">
        <v>242</v>
      </c>
      <c r="D35" s="17">
        <v>475</v>
      </c>
    </row>
    <row r="36" spans="1:4" ht="18" customHeight="1" x14ac:dyDescent="0.2">
      <c r="A36" s="14">
        <v>25</v>
      </c>
      <c r="B36" s="15">
        <v>49</v>
      </c>
      <c r="C36" s="16">
        <v>59</v>
      </c>
      <c r="D36" s="17">
        <v>108</v>
      </c>
    </row>
    <row r="37" spans="1:4" ht="18" customHeight="1" x14ac:dyDescent="0.2">
      <c r="A37" s="14">
        <v>26</v>
      </c>
      <c r="B37" s="15">
        <v>57</v>
      </c>
      <c r="C37" s="16">
        <v>46</v>
      </c>
      <c r="D37" s="17">
        <v>103</v>
      </c>
    </row>
    <row r="38" spans="1:4" ht="18" customHeight="1" x14ac:dyDescent="0.2">
      <c r="A38" s="14">
        <v>27</v>
      </c>
      <c r="B38" s="15">
        <v>55</v>
      </c>
      <c r="C38" s="16">
        <v>60</v>
      </c>
      <c r="D38" s="17">
        <v>115</v>
      </c>
    </row>
    <row r="39" spans="1:4" ht="18" customHeight="1" x14ac:dyDescent="0.2">
      <c r="A39" s="14">
        <v>28</v>
      </c>
      <c r="B39" s="15">
        <v>57</v>
      </c>
      <c r="C39" s="16">
        <v>64</v>
      </c>
      <c r="D39" s="17">
        <v>121</v>
      </c>
    </row>
    <row r="40" spans="1:4" ht="18" customHeight="1" x14ac:dyDescent="0.2">
      <c r="A40" s="14">
        <v>29</v>
      </c>
      <c r="B40" s="15">
        <v>72</v>
      </c>
      <c r="C40" s="16">
        <v>65</v>
      </c>
      <c r="D40" s="17">
        <v>137</v>
      </c>
    </row>
    <row r="41" spans="1:4" ht="18" customHeight="1" x14ac:dyDescent="0.2">
      <c r="A41" s="18" t="s">
        <v>72</v>
      </c>
      <c r="B41" s="15">
        <v>290</v>
      </c>
      <c r="C41" s="16">
        <v>294</v>
      </c>
      <c r="D41" s="17">
        <v>584</v>
      </c>
    </row>
    <row r="42" spans="1:4" ht="18" customHeight="1" x14ac:dyDescent="0.2">
      <c r="A42" s="14">
        <v>30</v>
      </c>
      <c r="B42" s="15">
        <v>67</v>
      </c>
      <c r="C42" s="16">
        <v>58</v>
      </c>
      <c r="D42" s="17">
        <v>125</v>
      </c>
    </row>
    <row r="43" spans="1:4" ht="18" customHeight="1" x14ac:dyDescent="0.2">
      <c r="A43" s="14">
        <v>31</v>
      </c>
      <c r="B43" s="15">
        <v>88</v>
      </c>
      <c r="C43" s="16">
        <v>87</v>
      </c>
      <c r="D43" s="17">
        <v>175</v>
      </c>
    </row>
    <row r="44" spans="1:4" ht="18" customHeight="1" x14ac:dyDescent="0.2">
      <c r="A44" s="14">
        <v>32</v>
      </c>
      <c r="B44" s="15">
        <v>80</v>
      </c>
      <c r="C44" s="16">
        <v>78</v>
      </c>
      <c r="D44" s="17">
        <v>158</v>
      </c>
    </row>
    <row r="45" spans="1:4" ht="18" customHeight="1" x14ac:dyDescent="0.2">
      <c r="A45" s="14">
        <v>33</v>
      </c>
      <c r="B45" s="15">
        <v>88</v>
      </c>
      <c r="C45" s="16">
        <v>82</v>
      </c>
      <c r="D45" s="17">
        <v>170</v>
      </c>
    </row>
    <row r="46" spans="1:4" ht="18" customHeight="1" x14ac:dyDescent="0.2">
      <c r="A46" s="14">
        <v>34</v>
      </c>
      <c r="B46" s="15">
        <v>104</v>
      </c>
      <c r="C46" s="16">
        <v>93</v>
      </c>
      <c r="D46" s="17">
        <v>197</v>
      </c>
    </row>
    <row r="47" spans="1:4" ht="18" customHeight="1" x14ac:dyDescent="0.2">
      <c r="A47" s="18" t="s">
        <v>73</v>
      </c>
      <c r="B47" s="15">
        <v>427</v>
      </c>
      <c r="C47" s="16">
        <v>398</v>
      </c>
      <c r="D47" s="17">
        <v>825</v>
      </c>
    </row>
    <row r="48" spans="1:4" ht="18" customHeight="1" x14ac:dyDescent="0.2">
      <c r="A48" s="14">
        <v>35</v>
      </c>
      <c r="B48" s="15">
        <v>109</v>
      </c>
      <c r="C48" s="16">
        <v>111</v>
      </c>
      <c r="D48" s="17">
        <v>220</v>
      </c>
    </row>
    <row r="49" spans="1:4" ht="18" customHeight="1" x14ac:dyDescent="0.2">
      <c r="A49" s="14">
        <v>36</v>
      </c>
      <c r="B49" s="15">
        <v>116</v>
      </c>
      <c r="C49" s="16">
        <v>109</v>
      </c>
      <c r="D49" s="17">
        <v>225</v>
      </c>
    </row>
    <row r="50" spans="1:4" ht="18" customHeight="1" x14ac:dyDescent="0.2">
      <c r="A50" s="14">
        <v>37</v>
      </c>
      <c r="B50" s="15">
        <v>106</v>
      </c>
      <c r="C50" s="16">
        <v>102</v>
      </c>
      <c r="D50" s="17">
        <v>208</v>
      </c>
    </row>
    <row r="51" spans="1:4" ht="18" customHeight="1" x14ac:dyDescent="0.2">
      <c r="A51" s="14">
        <v>38</v>
      </c>
      <c r="B51" s="15">
        <v>101</v>
      </c>
      <c r="C51" s="16">
        <v>98</v>
      </c>
      <c r="D51" s="17">
        <v>199</v>
      </c>
    </row>
    <row r="52" spans="1:4" ht="18" customHeight="1" x14ac:dyDescent="0.2">
      <c r="A52" s="14">
        <v>39</v>
      </c>
      <c r="B52" s="15">
        <v>100</v>
      </c>
      <c r="C52" s="16">
        <v>73</v>
      </c>
      <c r="D52" s="17">
        <v>173</v>
      </c>
    </row>
    <row r="53" spans="1:4" ht="18" customHeight="1" x14ac:dyDescent="0.2">
      <c r="A53" s="18" t="s">
        <v>74</v>
      </c>
      <c r="B53" s="15">
        <v>532</v>
      </c>
      <c r="C53" s="16">
        <v>493</v>
      </c>
      <c r="D53" s="17">
        <v>1025</v>
      </c>
    </row>
    <row r="54" spans="1:4" ht="18" customHeight="1" x14ac:dyDescent="0.2">
      <c r="A54" s="14">
        <v>40</v>
      </c>
      <c r="B54" s="15">
        <v>86</v>
      </c>
      <c r="C54" s="16">
        <v>85</v>
      </c>
      <c r="D54" s="17">
        <v>171</v>
      </c>
    </row>
    <row r="55" spans="1:4" ht="18" customHeight="1" x14ac:dyDescent="0.2">
      <c r="A55" s="14">
        <v>41</v>
      </c>
      <c r="B55" s="15">
        <v>95</v>
      </c>
      <c r="C55" s="16">
        <v>101</v>
      </c>
      <c r="D55" s="17">
        <v>196</v>
      </c>
    </row>
    <row r="56" spans="1:4" ht="18" customHeight="1" x14ac:dyDescent="0.2">
      <c r="A56" s="14">
        <v>42</v>
      </c>
      <c r="B56" s="15">
        <v>71</v>
      </c>
      <c r="C56" s="16">
        <v>102</v>
      </c>
      <c r="D56" s="17">
        <v>173</v>
      </c>
    </row>
    <row r="57" spans="1:4" ht="18" customHeight="1" x14ac:dyDescent="0.2">
      <c r="A57" s="14">
        <v>43</v>
      </c>
      <c r="B57" s="15">
        <v>59</v>
      </c>
      <c r="C57" s="16">
        <v>65</v>
      </c>
      <c r="D57" s="17">
        <v>124</v>
      </c>
    </row>
    <row r="58" spans="1:4" ht="18" customHeight="1" x14ac:dyDescent="0.2">
      <c r="A58" s="14">
        <v>44</v>
      </c>
      <c r="B58" s="15">
        <v>93</v>
      </c>
      <c r="C58" s="16">
        <v>98</v>
      </c>
      <c r="D58" s="17">
        <v>191</v>
      </c>
    </row>
    <row r="59" spans="1:4" ht="18" customHeight="1" x14ac:dyDescent="0.2">
      <c r="A59" s="18" t="s">
        <v>75</v>
      </c>
      <c r="B59" s="15">
        <v>404</v>
      </c>
      <c r="C59" s="16">
        <v>451</v>
      </c>
      <c r="D59" s="17">
        <v>855</v>
      </c>
    </row>
    <row r="60" spans="1:4" ht="18" customHeight="1" x14ac:dyDescent="0.2">
      <c r="A60" s="14">
        <v>45</v>
      </c>
      <c r="B60" s="15">
        <v>88</v>
      </c>
      <c r="C60" s="16">
        <v>60</v>
      </c>
      <c r="D60" s="17">
        <v>148</v>
      </c>
    </row>
    <row r="61" spans="1:4" ht="18" customHeight="1" x14ac:dyDescent="0.2">
      <c r="A61" s="14">
        <v>46</v>
      </c>
      <c r="B61" s="15">
        <v>95</v>
      </c>
      <c r="C61" s="16">
        <v>76</v>
      </c>
      <c r="D61" s="17">
        <v>171</v>
      </c>
    </row>
    <row r="62" spans="1:4" ht="18" customHeight="1" x14ac:dyDescent="0.2">
      <c r="A62" s="14">
        <v>47</v>
      </c>
      <c r="B62" s="15">
        <v>69</v>
      </c>
      <c r="C62" s="16">
        <v>59</v>
      </c>
      <c r="D62" s="17">
        <v>128</v>
      </c>
    </row>
    <row r="63" spans="1:4" ht="18" customHeight="1" x14ac:dyDescent="0.2">
      <c r="A63" s="14">
        <v>48</v>
      </c>
      <c r="B63" s="15">
        <v>60</v>
      </c>
      <c r="C63" s="16">
        <v>65</v>
      </c>
      <c r="D63" s="17">
        <v>125</v>
      </c>
    </row>
    <row r="64" spans="1:4" ht="18" customHeight="1" x14ac:dyDescent="0.2">
      <c r="A64" s="14">
        <v>49</v>
      </c>
      <c r="B64" s="15">
        <v>71</v>
      </c>
      <c r="C64" s="16">
        <v>65</v>
      </c>
      <c r="D64" s="17">
        <v>136</v>
      </c>
    </row>
    <row r="65" spans="1:4" ht="18" customHeight="1" x14ac:dyDescent="0.2">
      <c r="A65" s="18" t="s">
        <v>76</v>
      </c>
      <c r="B65" s="15">
        <v>383</v>
      </c>
      <c r="C65" s="16">
        <v>325</v>
      </c>
      <c r="D65" s="17">
        <v>708</v>
      </c>
    </row>
    <row r="66" spans="1:4" ht="18" customHeight="1" x14ac:dyDescent="0.2">
      <c r="A66" s="14">
        <v>50</v>
      </c>
      <c r="B66" s="15">
        <v>61</v>
      </c>
      <c r="C66" s="16">
        <v>52</v>
      </c>
      <c r="D66" s="17">
        <v>113</v>
      </c>
    </row>
    <row r="67" spans="1:4" ht="18" customHeight="1" x14ac:dyDescent="0.2">
      <c r="A67" s="14">
        <v>51</v>
      </c>
      <c r="B67" s="15">
        <v>58</v>
      </c>
      <c r="C67" s="16">
        <v>59</v>
      </c>
      <c r="D67" s="17">
        <v>117</v>
      </c>
    </row>
    <row r="68" spans="1:4" ht="18" customHeight="1" x14ac:dyDescent="0.2">
      <c r="A68" s="14">
        <v>52</v>
      </c>
      <c r="B68" s="15">
        <v>67</v>
      </c>
      <c r="C68" s="16">
        <v>55</v>
      </c>
      <c r="D68" s="17">
        <v>122</v>
      </c>
    </row>
    <row r="69" spans="1:4" ht="18" customHeight="1" x14ac:dyDescent="0.2">
      <c r="A69" s="14">
        <v>53</v>
      </c>
      <c r="B69" s="15">
        <v>57</v>
      </c>
      <c r="C69" s="16">
        <v>72</v>
      </c>
      <c r="D69" s="17">
        <v>129</v>
      </c>
    </row>
    <row r="70" spans="1:4" ht="18" customHeight="1" x14ac:dyDescent="0.2">
      <c r="A70" s="14">
        <v>54</v>
      </c>
      <c r="B70" s="15">
        <v>52</v>
      </c>
      <c r="C70" s="16">
        <v>62</v>
      </c>
      <c r="D70" s="17">
        <v>114</v>
      </c>
    </row>
    <row r="71" spans="1:4" ht="18" customHeight="1" x14ac:dyDescent="0.2">
      <c r="A71" s="18" t="s">
        <v>77</v>
      </c>
      <c r="B71" s="15">
        <v>295</v>
      </c>
      <c r="C71" s="16">
        <v>300</v>
      </c>
      <c r="D71" s="17">
        <v>595</v>
      </c>
    </row>
    <row r="72" spans="1:4" ht="18" customHeight="1" x14ac:dyDescent="0.2">
      <c r="A72" s="14">
        <v>55</v>
      </c>
      <c r="B72" s="15">
        <v>53</v>
      </c>
      <c r="C72" s="16">
        <v>61</v>
      </c>
      <c r="D72" s="17">
        <v>114</v>
      </c>
    </row>
    <row r="73" spans="1:4" ht="18" customHeight="1" x14ac:dyDescent="0.2">
      <c r="A73" s="14">
        <v>56</v>
      </c>
      <c r="B73" s="15">
        <v>64</v>
      </c>
      <c r="C73" s="16">
        <v>65</v>
      </c>
      <c r="D73" s="17">
        <v>129</v>
      </c>
    </row>
    <row r="74" spans="1:4" ht="18" customHeight="1" x14ac:dyDescent="0.2">
      <c r="A74" s="14">
        <v>57</v>
      </c>
      <c r="B74" s="15">
        <v>65</v>
      </c>
      <c r="C74" s="16">
        <v>65</v>
      </c>
      <c r="D74" s="17">
        <v>130</v>
      </c>
    </row>
    <row r="75" spans="1:4" ht="18" customHeight="1" x14ac:dyDescent="0.2">
      <c r="A75" s="14">
        <v>58</v>
      </c>
      <c r="B75" s="15">
        <v>57</v>
      </c>
      <c r="C75" s="16">
        <v>79</v>
      </c>
      <c r="D75" s="17">
        <v>136</v>
      </c>
    </row>
    <row r="76" spans="1:4" ht="18" customHeight="1" x14ac:dyDescent="0.2">
      <c r="A76" s="14">
        <v>59</v>
      </c>
      <c r="B76" s="15">
        <v>91</v>
      </c>
      <c r="C76" s="16">
        <v>99</v>
      </c>
      <c r="D76" s="17">
        <v>190</v>
      </c>
    </row>
    <row r="77" spans="1:4" ht="18" customHeight="1" x14ac:dyDescent="0.2">
      <c r="A77" s="18" t="s">
        <v>78</v>
      </c>
      <c r="B77" s="15">
        <v>330</v>
      </c>
      <c r="C77" s="16">
        <v>369</v>
      </c>
      <c r="D77" s="17">
        <v>699</v>
      </c>
    </row>
    <row r="78" spans="1:4" ht="18" customHeight="1" x14ac:dyDescent="0.2">
      <c r="A78" s="14">
        <v>60</v>
      </c>
      <c r="B78" s="15">
        <v>88</v>
      </c>
      <c r="C78" s="16">
        <v>109</v>
      </c>
      <c r="D78" s="17">
        <v>197</v>
      </c>
    </row>
    <row r="79" spans="1:4" ht="18" customHeight="1" x14ac:dyDescent="0.2">
      <c r="A79" s="14">
        <v>61</v>
      </c>
      <c r="B79" s="15">
        <v>84</v>
      </c>
      <c r="C79" s="16">
        <v>96</v>
      </c>
      <c r="D79" s="17">
        <v>180</v>
      </c>
    </row>
    <row r="80" spans="1:4" ht="18" customHeight="1" x14ac:dyDescent="0.2">
      <c r="A80" s="14">
        <v>62</v>
      </c>
      <c r="B80" s="15">
        <v>121</v>
      </c>
      <c r="C80" s="16">
        <v>119</v>
      </c>
      <c r="D80" s="17">
        <v>240</v>
      </c>
    </row>
    <row r="81" spans="1:4" ht="18" customHeight="1" x14ac:dyDescent="0.2">
      <c r="A81" s="14">
        <v>63</v>
      </c>
      <c r="B81" s="15">
        <v>58</v>
      </c>
      <c r="C81" s="16">
        <v>60</v>
      </c>
      <c r="D81" s="17">
        <v>118</v>
      </c>
    </row>
    <row r="82" spans="1:4" ht="18" customHeight="1" x14ac:dyDescent="0.2">
      <c r="A82" s="14">
        <v>64</v>
      </c>
      <c r="B82" s="15">
        <v>68</v>
      </c>
      <c r="C82" s="16">
        <v>56</v>
      </c>
      <c r="D82" s="17">
        <v>124</v>
      </c>
    </row>
    <row r="83" spans="1:4" ht="18" customHeight="1" x14ac:dyDescent="0.2">
      <c r="A83" s="18" t="s">
        <v>79</v>
      </c>
      <c r="B83" s="15">
        <v>419</v>
      </c>
      <c r="C83" s="16">
        <v>440</v>
      </c>
      <c r="D83" s="17">
        <v>859</v>
      </c>
    </row>
    <row r="84" spans="1:4" ht="18" customHeight="1" x14ac:dyDescent="0.2">
      <c r="A84" s="18" t="s">
        <v>80</v>
      </c>
      <c r="B84" s="15">
        <v>3625</v>
      </c>
      <c r="C84" s="16">
        <v>3574</v>
      </c>
      <c r="D84" s="17">
        <v>7199</v>
      </c>
    </row>
    <row r="85" spans="1:4" ht="18" customHeight="1" x14ac:dyDescent="0.2">
      <c r="A85" s="14">
        <v>65</v>
      </c>
      <c r="B85" s="15">
        <v>68</v>
      </c>
      <c r="C85" s="16">
        <v>81</v>
      </c>
      <c r="D85" s="17">
        <v>149</v>
      </c>
    </row>
    <row r="86" spans="1:4" ht="18" customHeight="1" x14ac:dyDescent="0.2">
      <c r="A86" s="14">
        <v>66</v>
      </c>
      <c r="B86" s="15">
        <v>73</v>
      </c>
      <c r="C86" s="16">
        <v>83</v>
      </c>
      <c r="D86" s="17">
        <v>156</v>
      </c>
    </row>
    <row r="87" spans="1:4" ht="18" customHeight="1" x14ac:dyDescent="0.2">
      <c r="A87" s="14">
        <v>67</v>
      </c>
      <c r="B87" s="15">
        <v>73</v>
      </c>
      <c r="C87" s="16">
        <v>78</v>
      </c>
      <c r="D87" s="17">
        <v>151</v>
      </c>
    </row>
    <row r="88" spans="1:4" ht="18" customHeight="1" x14ac:dyDescent="0.2">
      <c r="A88" s="14">
        <v>68</v>
      </c>
      <c r="B88" s="15">
        <v>63</v>
      </c>
      <c r="C88" s="16">
        <v>67</v>
      </c>
      <c r="D88" s="17">
        <v>130</v>
      </c>
    </row>
    <row r="89" spans="1:4" ht="18" customHeight="1" x14ac:dyDescent="0.2">
      <c r="A89" s="14">
        <v>69</v>
      </c>
      <c r="B89" s="15">
        <v>76</v>
      </c>
      <c r="C89" s="16">
        <v>76</v>
      </c>
      <c r="D89" s="17">
        <v>152</v>
      </c>
    </row>
    <row r="90" spans="1:4" ht="18" customHeight="1" x14ac:dyDescent="0.2">
      <c r="A90" s="18" t="s">
        <v>81</v>
      </c>
      <c r="B90" s="15">
        <v>353</v>
      </c>
      <c r="C90" s="16">
        <v>385</v>
      </c>
      <c r="D90" s="17">
        <v>738</v>
      </c>
    </row>
    <row r="91" spans="1:4" ht="18" customHeight="1" x14ac:dyDescent="0.2">
      <c r="A91" s="14">
        <v>70</v>
      </c>
      <c r="B91" s="15">
        <v>52</v>
      </c>
      <c r="C91" s="16">
        <v>52</v>
      </c>
      <c r="D91" s="17">
        <v>104</v>
      </c>
    </row>
    <row r="92" spans="1:4" ht="18" customHeight="1" x14ac:dyDescent="0.2">
      <c r="A92" s="14">
        <v>71</v>
      </c>
      <c r="B92" s="15">
        <v>49</v>
      </c>
      <c r="C92" s="16">
        <v>62</v>
      </c>
      <c r="D92" s="17">
        <v>111</v>
      </c>
    </row>
    <row r="93" spans="1:4" ht="18" customHeight="1" x14ac:dyDescent="0.2">
      <c r="A93" s="14">
        <v>72</v>
      </c>
      <c r="B93" s="15">
        <v>59</v>
      </c>
      <c r="C93" s="16">
        <v>61</v>
      </c>
      <c r="D93" s="17">
        <v>120</v>
      </c>
    </row>
    <row r="94" spans="1:4" ht="18" customHeight="1" x14ac:dyDescent="0.2">
      <c r="A94" s="14">
        <v>73</v>
      </c>
      <c r="B94" s="15">
        <v>54</v>
      </c>
      <c r="C94" s="16">
        <v>76</v>
      </c>
      <c r="D94" s="17">
        <v>130</v>
      </c>
    </row>
    <row r="95" spans="1:4" ht="18" customHeight="1" x14ac:dyDescent="0.2">
      <c r="A95" s="14">
        <v>74</v>
      </c>
      <c r="B95" s="15">
        <v>36</v>
      </c>
      <c r="C95" s="16">
        <v>47</v>
      </c>
      <c r="D95" s="17">
        <v>83</v>
      </c>
    </row>
    <row r="96" spans="1:4" ht="18" customHeight="1" x14ac:dyDescent="0.2">
      <c r="A96" s="18" t="s">
        <v>82</v>
      </c>
      <c r="B96" s="15">
        <v>250</v>
      </c>
      <c r="C96" s="16">
        <v>298</v>
      </c>
      <c r="D96" s="17">
        <v>548</v>
      </c>
    </row>
    <row r="97" spans="1:4" ht="18" customHeight="1" x14ac:dyDescent="0.2">
      <c r="A97" s="14">
        <v>75</v>
      </c>
      <c r="B97" s="15">
        <v>40</v>
      </c>
      <c r="C97" s="16">
        <v>53</v>
      </c>
      <c r="D97" s="17">
        <v>93</v>
      </c>
    </row>
    <row r="98" spans="1:4" ht="18" customHeight="1" x14ac:dyDescent="0.2">
      <c r="A98" s="14">
        <v>76</v>
      </c>
      <c r="B98" s="15">
        <v>40</v>
      </c>
      <c r="C98" s="16">
        <v>49</v>
      </c>
      <c r="D98" s="17">
        <v>89</v>
      </c>
    </row>
    <row r="99" spans="1:4" ht="18" customHeight="1" x14ac:dyDescent="0.2">
      <c r="A99" s="14">
        <v>77</v>
      </c>
      <c r="B99" s="15">
        <v>39</v>
      </c>
      <c r="C99" s="16">
        <v>58</v>
      </c>
      <c r="D99" s="17">
        <v>97</v>
      </c>
    </row>
    <row r="100" spans="1:4" ht="18" customHeight="1" x14ac:dyDescent="0.2">
      <c r="A100" s="14">
        <v>78</v>
      </c>
      <c r="B100" s="15">
        <v>46</v>
      </c>
      <c r="C100" s="16">
        <v>52</v>
      </c>
      <c r="D100" s="17">
        <v>98</v>
      </c>
    </row>
    <row r="101" spans="1:4" ht="18" customHeight="1" x14ac:dyDescent="0.2">
      <c r="A101" s="14">
        <v>79</v>
      </c>
      <c r="B101" s="15">
        <v>29</v>
      </c>
      <c r="C101" s="16">
        <v>30</v>
      </c>
      <c r="D101" s="17">
        <v>59</v>
      </c>
    </row>
    <row r="102" spans="1:4" ht="18" customHeight="1" x14ac:dyDescent="0.2">
      <c r="A102" s="18" t="s">
        <v>83</v>
      </c>
      <c r="B102" s="15">
        <v>194</v>
      </c>
      <c r="C102" s="16">
        <v>242</v>
      </c>
      <c r="D102" s="17">
        <v>436</v>
      </c>
    </row>
    <row r="103" spans="1:4" ht="18" customHeight="1" x14ac:dyDescent="0.2">
      <c r="A103" s="14">
        <v>80</v>
      </c>
      <c r="B103" s="15">
        <v>30</v>
      </c>
      <c r="C103" s="16">
        <v>40</v>
      </c>
      <c r="D103" s="17">
        <v>70</v>
      </c>
    </row>
    <row r="104" spans="1:4" ht="18" customHeight="1" x14ac:dyDescent="0.2">
      <c r="A104" s="14">
        <v>81</v>
      </c>
      <c r="B104" s="15">
        <v>18</v>
      </c>
      <c r="C104" s="16">
        <v>35</v>
      </c>
      <c r="D104" s="17">
        <v>53</v>
      </c>
    </row>
    <row r="105" spans="1:4" ht="18" customHeight="1" x14ac:dyDescent="0.2">
      <c r="A105" s="14">
        <v>82</v>
      </c>
      <c r="B105" s="15">
        <v>19</v>
      </c>
      <c r="C105" s="16">
        <v>25</v>
      </c>
      <c r="D105" s="17">
        <v>44</v>
      </c>
    </row>
    <row r="106" spans="1:4" ht="18" customHeight="1" x14ac:dyDescent="0.2">
      <c r="A106" s="14">
        <v>83</v>
      </c>
      <c r="B106" s="15">
        <v>16</v>
      </c>
      <c r="C106" s="16">
        <v>35</v>
      </c>
      <c r="D106" s="17">
        <v>51</v>
      </c>
    </row>
    <row r="107" spans="1:4" ht="18" customHeight="1" x14ac:dyDescent="0.2">
      <c r="A107" s="14">
        <v>84</v>
      </c>
      <c r="B107" s="15">
        <v>16</v>
      </c>
      <c r="C107" s="16">
        <v>41</v>
      </c>
      <c r="D107" s="17">
        <v>57</v>
      </c>
    </row>
    <row r="108" spans="1:4" ht="18" customHeight="1" x14ac:dyDescent="0.2">
      <c r="A108" s="18" t="s">
        <v>84</v>
      </c>
      <c r="B108" s="15">
        <v>99</v>
      </c>
      <c r="C108" s="16">
        <v>176</v>
      </c>
      <c r="D108" s="17">
        <v>275</v>
      </c>
    </row>
    <row r="109" spans="1:4" ht="18" customHeight="1" x14ac:dyDescent="0.2">
      <c r="A109" s="14">
        <v>85</v>
      </c>
      <c r="B109" s="15">
        <v>15</v>
      </c>
      <c r="C109" s="16">
        <v>29</v>
      </c>
      <c r="D109" s="17">
        <v>44</v>
      </c>
    </row>
    <row r="110" spans="1:4" ht="18" customHeight="1" x14ac:dyDescent="0.2">
      <c r="A110" s="14">
        <v>86</v>
      </c>
      <c r="B110" s="15">
        <v>12</v>
      </c>
      <c r="C110" s="16">
        <v>22</v>
      </c>
      <c r="D110" s="17">
        <v>34</v>
      </c>
    </row>
    <row r="111" spans="1:4" ht="18" customHeight="1" x14ac:dyDescent="0.2">
      <c r="A111" s="14">
        <v>87</v>
      </c>
      <c r="B111" s="15">
        <v>4</v>
      </c>
      <c r="C111" s="16">
        <v>30</v>
      </c>
      <c r="D111" s="17">
        <v>34</v>
      </c>
    </row>
    <row r="112" spans="1:4" ht="18" customHeight="1" x14ac:dyDescent="0.2">
      <c r="A112" s="14">
        <v>88</v>
      </c>
      <c r="B112" s="15">
        <v>4</v>
      </c>
      <c r="C112" s="16">
        <v>22</v>
      </c>
      <c r="D112" s="17">
        <v>26</v>
      </c>
    </row>
    <row r="113" spans="1:4" ht="18" customHeight="1" x14ac:dyDescent="0.2">
      <c r="A113" s="14">
        <v>89</v>
      </c>
      <c r="B113" s="15">
        <v>8</v>
      </c>
      <c r="C113" s="16">
        <v>20</v>
      </c>
      <c r="D113" s="17">
        <v>28</v>
      </c>
    </row>
    <row r="114" spans="1:4" ht="18" customHeight="1" x14ac:dyDescent="0.2">
      <c r="A114" s="18" t="s">
        <v>85</v>
      </c>
      <c r="B114" s="15">
        <v>43</v>
      </c>
      <c r="C114" s="16">
        <v>123</v>
      </c>
      <c r="D114" s="17">
        <v>166</v>
      </c>
    </row>
    <row r="115" spans="1:4" ht="18" customHeight="1" x14ac:dyDescent="0.2">
      <c r="A115" s="14">
        <v>90</v>
      </c>
      <c r="B115" s="15">
        <v>2</v>
      </c>
      <c r="C115" s="16">
        <v>18</v>
      </c>
      <c r="D115" s="17">
        <v>20</v>
      </c>
    </row>
    <row r="116" spans="1:4" ht="18" customHeight="1" x14ac:dyDescent="0.2">
      <c r="A116" s="14">
        <v>91</v>
      </c>
      <c r="B116" s="15">
        <v>6</v>
      </c>
      <c r="C116" s="16">
        <v>7</v>
      </c>
      <c r="D116" s="17">
        <v>13</v>
      </c>
    </row>
    <row r="117" spans="1:4" ht="18" customHeight="1" x14ac:dyDescent="0.2">
      <c r="A117" s="14">
        <v>92</v>
      </c>
      <c r="B117" s="15">
        <v>6</v>
      </c>
      <c r="C117" s="16">
        <v>12</v>
      </c>
      <c r="D117" s="17">
        <v>18</v>
      </c>
    </row>
    <row r="118" spans="1:4" ht="18" customHeight="1" x14ac:dyDescent="0.2">
      <c r="A118" s="14">
        <v>93</v>
      </c>
      <c r="B118" s="15">
        <v>6</v>
      </c>
      <c r="C118" s="16">
        <v>6</v>
      </c>
      <c r="D118" s="17">
        <v>12</v>
      </c>
    </row>
    <row r="119" spans="1:4" ht="18" customHeight="1" x14ac:dyDescent="0.2">
      <c r="A119" s="14">
        <v>94</v>
      </c>
      <c r="B119" s="15">
        <v>3</v>
      </c>
      <c r="C119" s="16">
        <v>5</v>
      </c>
      <c r="D119" s="17">
        <v>8</v>
      </c>
    </row>
    <row r="120" spans="1:4" ht="18" customHeight="1" x14ac:dyDescent="0.2">
      <c r="A120" s="18" t="s">
        <v>86</v>
      </c>
      <c r="B120" s="15">
        <v>23</v>
      </c>
      <c r="C120" s="16">
        <v>48</v>
      </c>
      <c r="D120" s="17">
        <v>71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3</v>
      </c>
      <c r="C122" s="16">
        <v>6</v>
      </c>
      <c r="D122" s="17">
        <v>9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4</v>
      </c>
      <c r="C126" s="16">
        <v>13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89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90</v>
      </c>
      <c r="B130" s="4">
        <v>966</v>
      </c>
      <c r="C130" s="5">
        <v>1290</v>
      </c>
      <c r="D130" s="6">
        <v>2256</v>
      </c>
    </row>
    <row r="131" spans="1:4" ht="18" customHeight="1" x14ac:dyDescent="0.2">
      <c r="A131" s="20" t="s">
        <v>65</v>
      </c>
      <c r="B131" s="7">
        <v>5586</v>
      </c>
      <c r="C131" s="8">
        <v>5814</v>
      </c>
      <c r="D131" s="9">
        <v>1140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1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8</v>
      </c>
      <c r="C5" s="12">
        <v>22</v>
      </c>
      <c r="D5" s="13">
        <v>40</v>
      </c>
    </row>
    <row r="6" spans="1:4" ht="18" customHeight="1" x14ac:dyDescent="0.2">
      <c r="A6" s="14">
        <v>1</v>
      </c>
      <c r="B6" s="15">
        <v>14</v>
      </c>
      <c r="C6" s="16">
        <v>12</v>
      </c>
      <c r="D6" s="17">
        <v>26</v>
      </c>
    </row>
    <row r="7" spans="1:4" ht="18" customHeight="1" x14ac:dyDescent="0.2">
      <c r="A7" s="14">
        <v>2</v>
      </c>
      <c r="B7" s="15">
        <v>19</v>
      </c>
      <c r="C7" s="16">
        <v>13</v>
      </c>
      <c r="D7" s="17">
        <v>32</v>
      </c>
    </row>
    <row r="8" spans="1:4" ht="18" customHeight="1" x14ac:dyDescent="0.2">
      <c r="A8" s="14">
        <v>3</v>
      </c>
      <c r="B8" s="15">
        <v>16</v>
      </c>
      <c r="C8" s="16">
        <v>20</v>
      </c>
      <c r="D8" s="17">
        <v>36</v>
      </c>
    </row>
    <row r="9" spans="1:4" ht="18" customHeight="1" x14ac:dyDescent="0.2">
      <c r="A9" s="14">
        <v>4</v>
      </c>
      <c r="B9" s="15">
        <v>21</v>
      </c>
      <c r="C9" s="16">
        <v>16</v>
      </c>
      <c r="D9" s="17">
        <v>37</v>
      </c>
    </row>
    <row r="10" spans="1:4" ht="18" customHeight="1" x14ac:dyDescent="0.2">
      <c r="A10" s="18" t="s">
        <v>66</v>
      </c>
      <c r="B10" s="15">
        <v>88</v>
      </c>
      <c r="C10" s="16">
        <v>83</v>
      </c>
      <c r="D10" s="17">
        <v>171</v>
      </c>
    </row>
    <row r="11" spans="1:4" ht="18" customHeight="1" x14ac:dyDescent="0.2">
      <c r="A11" s="14">
        <v>5</v>
      </c>
      <c r="B11" s="15">
        <v>16</v>
      </c>
      <c r="C11" s="16">
        <v>10</v>
      </c>
      <c r="D11" s="17">
        <v>26</v>
      </c>
    </row>
    <row r="12" spans="1:4" ht="18" customHeight="1" x14ac:dyDescent="0.2">
      <c r="A12" s="14">
        <v>6</v>
      </c>
      <c r="B12" s="15">
        <v>22</v>
      </c>
      <c r="C12" s="16">
        <v>21</v>
      </c>
      <c r="D12" s="17">
        <v>43</v>
      </c>
    </row>
    <row r="13" spans="1:4" ht="18" customHeight="1" x14ac:dyDescent="0.2">
      <c r="A13" s="14">
        <v>7</v>
      </c>
      <c r="B13" s="15">
        <v>19</v>
      </c>
      <c r="C13" s="16">
        <v>19</v>
      </c>
      <c r="D13" s="17">
        <v>38</v>
      </c>
    </row>
    <row r="14" spans="1:4" ht="18" customHeight="1" x14ac:dyDescent="0.2">
      <c r="A14" s="14">
        <v>8</v>
      </c>
      <c r="B14" s="15">
        <v>8</v>
      </c>
      <c r="C14" s="16">
        <v>12</v>
      </c>
      <c r="D14" s="17">
        <v>20</v>
      </c>
    </row>
    <row r="15" spans="1:4" ht="18" customHeight="1" x14ac:dyDescent="0.2">
      <c r="A15" s="14">
        <v>9</v>
      </c>
      <c r="B15" s="15">
        <v>16</v>
      </c>
      <c r="C15" s="16">
        <v>21</v>
      </c>
      <c r="D15" s="17">
        <v>37</v>
      </c>
    </row>
    <row r="16" spans="1:4" ht="18" customHeight="1" x14ac:dyDescent="0.2">
      <c r="A16" s="18" t="s">
        <v>67</v>
      </c>
      <c r="B16" s="15">
        <v>81</v>
      </c>
      <c r="C16" s="16">
        <v>83</v>
      </c>
      <c r="D16" s="17">
        <v>164</v>
      </c>
    </row>
    <row r="17" spans="1:4" ht="18" customHeight="1" x14ac:dyDescent="0.2">
      <c r="A17" s="14">
        <v>10</v>
      </c>
      <c r="B17" s="15">
        <v>17</v>
      </c>
      <c r="C17" s="16">
        <v>12</v>
      </c>
      <c r="D17" s="17">
        <v>29</v>
      </c>
    </row>
    <row r="18" spans="1:4" ht="18" customHeight="1" x14ac:dyDescent="0.2">
      <c r="A18" s="14">
        <v>11</v>
      </c>
      <c r="B18" s="15">
        <v>17</v>
      </c>
      <c r="C18" s="16">
        <v>11</v>
      </c>
      <c r="D18" s="17">
        <v>28</v>
      </c>
    </row>
    <row r="19" spans="1:4" ht="18" customHeight="1" x14ac:dyDescent="0.2">
      <c r="A19" s="14">
        <v>12</v>
      </c>
      <c r="B19" s="15">
        <v>15</v>
      </c>
      <c r="C19" s="16">
        <v>12</v>
      </c>
      <c r="D19" s="17">
        <v>27</v>
      </c>
    </row>
    <row r="20" spans="1:4" ht="18" customHeight="1" x14ac:dyDescent="0.2">
      <c r="A20" s="14">
        <v>13</v>
      </c>
      <c r="B20" s="15">
        <v>14</v>
      </c>
      <c r="C20" s="16">
        <v>15</v>
      </c>
      <c r="D20" s="17">
        <v>29</v>
      </c>
    </row>
    <row r="21" spans="1:4" ht="18" customHeight="1" x14ac:dyDescent="0.2">
      <c r="A21" s="14">
        <v>14</v>
      </c>
      <c r="B21" s="15">
        <v>22</v>
      </c>
      <c r="C21" s="16">
        <v>19</v>
      </c>
      <c r="D21" s="17">
        <v>41</v>
      </c>
    </row>
    <row r="22" spans="1:4" ht="18" customHeight="1" x14ac:dyDescent="0.2">
      <c r="A22" s="18" t="s">
        <v>68</v>
      </c>
      <c r="B22" s="15">
        <v>85</v>
      </c>
      <c r="C22" s="16">
        <v>69</v>
      </c>
      <c r="D22" s="17">
        <v>154</v>
      </c>
    </row>
    <row r="23" spans="1:4" ht="18" customHeight="1" x14ac:dyDescent="0.2">
      <c r="A23" s="18" t="s">
        <v>69</v>
      </c>
      <c r="B23" s="15">
        <v>254</v>
      </c>
      <c r="C23" s="16">
        <v>235</v>
      </c>
      <c r="D23" s="17">
        <v>489</v>
      </c>
    </row>
    <row r="24" spans="1:4" ht="18" customHeight="1" x14ac:dyDescent="0.2">
      <c r="A24" s="14">
        <v>15</v>
      </c>
      <c r="B24" s="15">
        <v>12</v>
      </c>
      <c r="C24" s="16">
        <v>4</v>
      </c>
      <c r="D24" s="17">
        <v>16</v>
      </c>
    </row>
    <row r="25" spans="1:4" ht="18" customHeight="1" x14ac:dyDescent="0.2">
      <c r="A25" s="14">
        <v>16</v>
      </c>
      <c r="B25" s="15">
        <v>15</v>
      </c>
      <c r="C25" s="16">
        <v>12</v>
      </c>
      <c r="D25" s="17">
        <v>27</v>
      </c>
    </row>
    <row r="26" spans="1:4" ht="18" customHeight="1" x14ac:dyDescent="0.2">
      <c r="A26" s="14">
        <v>17</v>
      </c>
      <c r="B26" s="15">
        <v>18</v>
      </c>
      <c r="C26" s="16">
        <v>15</v>
      </c>
      <c r="D26" s="17">
        <v>33</v>
      </c>
    </row>
    <row r="27" spans="1:4" ht="18" customHeight="1" x14ac:dyDescent="0.2">
      <c r="A27" s="14">
        <v>18</v>
      </c>
      <c r="B27" s="15">
        <v>19</v>
      </c>
      <c r="C27" s="16">
        <v>18</v>
      </c>
      <c r="D27" s="17">
        <v>37</v>
      </c>
    </row>
    <row r="28" spans="1:4" ht="18" customHeight="1" x14ac:dyDescent="0.2">
      <c r="A28" s="14">
        <v>19</v>
      </c>
      <c r="B28" s="15">
        <v>12</v>
      </c>
      <c r="C28" s="16">
        <v>18</v>
      </c>
      <c r="D28" s="17">
        <v>30</v>
      </c>
    </row>
    <row r="29" spans="1:4" ht="18" customHeight="1" x14ac:dyDescent="0.2">
      <c r="A29" s="18" t="s">
        <v>70</v>
      </c>
      <c r="B29" s="15">
        <v>76</v>
      </c>
      <c r="C29" s="16">
        <v>67</v>
      </c>
      <c r="D29" s="17">
        <v>143</v>
      </c>
    </row>
    <row r="30" spans="1:4" ht="18" customHeight="1" x14ac:dyDescent="0.2">
      <c r="A30" s="14">
        <v>20</v>
      </c>
      <c r="B30" s="15">
        <v>8</v>
      </c>
      <c r="C30" s="16">
        <v>18</v>
      </c>
      <c r="D30" s="17">
        <v>26</v>
      </c>
    </row>
    <row r="31" spans="1:4" ht="18" customHeight="1" x14ac:dyDescent="0.2">
      <c r="A31" s="14">
        <v>21</v>
      </c>
      <c r="B31" s="15">
        <v>15</v>
      </c>
      <c r="C31" s="16">
        <v>19</v>
      </c>
      <c r="D31" s="17">
        <v>34</v>
      </c>
    </row>
    <row r="32" spans="1:4" ht="18" customHeight="1" x14ac:dyDescent="0.2">
      <c r="A32" s="14">
        <v>22</v>
      </c>
      <c r="B32" s="15">
        <v>19</v>
      </c>
      <c r="C32" s="16">
        <v>22</v>
      </c>
      <c r="D32" s="17">
        <v>41</v>
      </c>
    </row>
    <row r="33" spans="1:4" ht="18" customHeight="1" x14ac:dyDescent="0.2">
      <c r="A33" s="14">
        <v>23</v>
      </c>
      <c r="B33" s="15">
        <v>15</v>
      </c>
      <c r="C33" s="16">
        <v>16</v>
      </c>
      <c r="D33" s="17">
        <v>31</v>
      </c>
    </row>
    <row r="34" spans="1:4" ht="18" customHeight="1" x14ac:dyDescent="0.2">
      <c r="A34" s="14">
        <v>24</v>
      </c>
      <c r="B34" s="15">
        <v>24</v>
      </c>
      <c r="C34" s="16">
        <v>21</v>
      </c>
      <c r="D34" s="17">
        <v>45</v>
      </c>
    </row>
    <row r="35" spans="1:4" ht="18" customHeight="1" x14ac:dyDescent="0.2">
      <c r="A35" s="18" t="s">
        <v>71</v>
      </c>
      <c r="B35" s="15">
        <v>81</v>
      </c>
      <c r="C35" s="16">
        <v>96</v>
      </c>
      <c r="D35" s="17">
        <v>177</v>
      </c>
    </row>
    <row r="36" spans="1:4" ht="18" customHeight="1" x14ac:dyDescent="0.2">
      <c r="A36" s="14">
        <v>25</v>
      </c>
      <c r="B36" s="15">
        <v>30</v>
      </c>
      <c r="C36" s="16">
        <v>24</v>
      </c>
      <c r="D36" s="17">
        <v>54</v>
      </c>
    </row>
    <row r="37" spans="1:4" ht="18" customHeight="1" x14ac:dyDescent="0.2">
      <c r="A37" s="14">
        <v>26</v>
      </c>
      <c r="B37" s="15">
        <v>33</v>
      </c>
      <c r="C37" s="16">
        <v>17</v>
      </c>
      <c r="D37" s="17">
        <v>50</v>
      </c>
    </row>
    <row r="38" spans="1:4" ht="18" customHeight="1" x14ac:dyDescent="0.2">
      <c r="A38" s="14">
        <v>27</v>
      </c>
      <c r="B38" s="15">
        <v>30</v>
      </c>
      <c r="C38" s="16">
        <v>18</v>
      </c>
      <c r="D38" s="17">
        <v>48</v>
      </c>
    </row>
    <row r="39" spans="1:4" ht="18" customHeight="1" x14ac:dyDescent="0.2">
      <c r="A39" s="14">
        <v>28</v>
      </c>
      <c r="B39" s="15">
        <v>26</v>
      </c>
      <c r="C39" s="16">
        <v>19</v>
      </c>
      <c r="D39" s="17">
        <v>45</v>
      </c>
    </row>
    <row r="40" spans="1:4" ht="18" customHeight="1" x14ac:dyDescent="0.2">
      <c r="A40" s="14">
        <v>29</v>
      </c>
      <c r="B40" s="15">
        <v>30</v>
      </c>
      <c r="C40" s="16">
        <v>22</v>
      </c>
      <c r="D40" s="17">
        <v>52</v>
      </c>
    </row>
    <row r="41" spans="1:4" ht="18" customHeight="1" x14ac:dyDescent="0.2">
      <c r="A41" s="18" t="s">
        <v>72</v>
      </c>
      <c r="B41" s="15">
        <v>149</v>
      </c>
      <c r="C41" s="16">
        <v>100</v>
      </c>
      <c r="D41" s="17">
        <v>249</v>
      </c>
    </row>
    <row r="42" spans="1:4" ht="18" customHeight="1" x14ac:dyDescent="0.2">
      <c r="A42" s="14">
        <v>30</v>
      </c>
      <c r="B42" s="15">
        <v>31</v>
      </c>
      <c r="C42" s="16">
        <v>26</v>
      </c>
      <c r="D42" s="17">
        <v>57</v>
      </c>
    </row>
    <row r="43" spans="1:4" ht="18" customHeight="1" x14ac:dyDescent="0.2">
      <c r="A43" s="14">
        <v>31</v>
      </c>
      <c r="B43" s="15">
        <v>35</v>
      </c>
      <c r="C43" s="16">
        <v>20</v>
      </c>
      <c r="D43" s="17">
        <v>55</v>
      </c>
    </row>
    <row r="44" spans="1:4" ht="18" customHeight="1" x14ac:dyDescent="0.2">
      <c r="A44" s="14">
        <v>32</v>
      </c>
      <c r="B44" s="15">
        <v>27</v>
      </c>
      <c r="C44" s="16">
        <v>25</v>
      </c>
      <c r="D44" s="17">
        <v>52</v>
      </c>
    </row>
    <row r="45" spans="1:4" ht="18" customHeight="1" x14ac:dyDescent="0.2">
      <c r="A45" s="14">
        <v>33</v>
      </c>
      <c r="B45" s="15">
        <v>29</v>
      </c>
      <c r="C45" s="16">
        <v>24</v>
      </c>
      <c r="D45" s="17">
        <v>53</v>
      </c>
    </row>
    <row r="46" spans="1:4" ht="18" customHeight="1" x14ac:dyDescent="0.2">
      <c r="A46" s="14">
        <v>34</v>
      </c>
      <c r="B46" s="15">
        <v>28</v>
      </c>
      <c r="C46" s="16">
        <v>28</v>
      </c>
      <c r="D46" s="17">
        <v>56</v>
      </c>
    </row>
    <row r="47" spans="1:4" ht="18" customHeight="1" x14ac:dyDescent="0.2">
      <c r="A47" s="18" t="s">
        <v>73</v>
      </c>
      <c r="B47" s="15">
        <v>150</v>
      </c>
      <c r="C47" s="16">
        <v>123</v>
      </c>
      <c r="D47" s="17">
        <v>273</v>
      </c>
    </row>
    <row r="48" spans="1:4" ht="18" customHeight="1" x14ac:dyDescent="0.2">
      <c r="A48" s="14">
        <v>35</v>
      </c>
      <c r="B48" s="15">
        <v>27</v>
      </c>
      <c r="C48" s="16">
        <v>31</v>
      </c>
      <c r="D48" s="17">
        <v>58</v>
      </c>
    </row>
    <row r="49" spans="1:4" ht="18" customHeight="1" x14ac:dyDescent="0.2">
      <c r="A49" s="14">
        <v>36</v>
      </c>
      <c r="B49" s="15">
        <v>37</v>
      </c>
      <c r="C49" s="16">
        <v>32</v>
      </c>
      <c r="D49" s="17">
        <v>69</v>
      </c>
    </row>
    <row r="50" spans="1:4" ht="18" customHeight="1" x14ac:dyDescent="0.2">
      <c r="A50" s="14">
        <v>37</v>
      </c>
      <c r="B50" s="15">
        <v>36</v>
      </c>
      <c r="C50" s="16">
        <v>29</v>
      </c>
      <c r="D50" s="17">
        <v>65</v>
      </c>
    </row>
    <row r="51" spans="1:4" ht="18" customHeight="1" x14ac:dyDescent="0.2">
      <c r="A51" s="14">
        <v>38</v>
      </c>
      <c r="B51" s="15">
        <v>32</v>
      </c>
      <c r="C51" s="16">
        <v>21</v>
      </c>
      <c r="D51" s="17">
        <v>53</v>
      </c>
    </row>
    <row r="52" spans="1:4" ht="18" customHeight="1" x14ac:dyDescent="0.2">
      <c r="A52" s="14">
        <v>39</v>
      </c>
      <c r="B52" s="15">
        <v>36</v>
      </c>
      <c r="C52" s="16">
        <v>28</v>
      </c>
      <c r="D52" s="17">
        <v>64</v>
      </c>
    </row>
    <row r="53" spans="1:4" ht="18" customHeight="1" x14ac:dyDescent="0.2">
      <c r="A53" s="18" t="s">
        <v>74</v>
      </c>
      <c r="B53" s="15">
        <v>168</v>
      </c>
      <c r="C53" s="16">
        <v>141</v>
      </c>
      <c r="D53" s="17">
        <v>309</v>
      </c>
    </row>
    <row r="54" spans="1:4" ht="18" customHeight="1" x14ac:dyDescent="0.2">
      <c r="A54" s="14">
        <v>40</v>
      </c>
      <c r="B54" s="15">
        <v>36</v>
      </c>
      <c r="C54" s="16">
        <v>27</v>
      </c>
      <c r="D54" s="17">
        <v>63</v>
      </c>
    </row>
    <row r="55" spans="1:4" ht="18" customHeight="1" x14ac:dyDescent="0.2">
      <c r="A55" s="14">
        <v>41</v>
      </c>
      <c r="B55" s="15">
        <v>32</v>
      </c>
      <c r="C55" s="16">
        <v>30</v>
      </c>
      <c r="D55" s="17">
        <v>62</v>
      </c>
    </row>
    <row r="56" spans="1:4" ht="18" customHeight="1" x14ac:dyDescent="0.2">
      <c r="A56" s="14">
        <v>42</v>
      </c>
      <c r="B56" s="15">
        <v>25</v>
      </c>
      <c r="C56" s="16">
        <v>28</v>
      </c>
      <c r="D56" s="17">
        <v>53</v>
      </c>
    </row>
    <row r="57" spans="1:4" ht="18" customHeight="1" x14ac:dyDescent="0.2">
      <c r="A57" s="14">
        <v>43</v>
      </c>
      <c r="B57" s="15">
        <v>23</v>
      </c>
      <c r="C57" s="16">
        <v>18</v>
      </c>
      <c r="D57" s="17">
        <v>41</v>
      </c>
    </row>
    <row r="58" spans="1:4" ht="18" customHeight="1" x14ac:dyDescent="0.2">
      <c r="A58" s="14">
        <v>44</v>
      </c>
      <c r="B58" s="15">
        <v>22</v>
      </c>
      <c r="C58" s="16">
        <v>34</v>
      </c>
      <c r="D58" s="17">
        <v>56</v>
      </c>
    </row>
    <row r="59" spans="1:4" ht="18" customHeight="1" x14ac:dyDescent="0.2">
      <c r="A59" s="18" t="s">
        <v>75</v>
      </c>
      <c r="B59" s="15">
        <v>138</v>
      </c>
      <c r="C59" s="16">
        <v>137</v>
      </c>
      <c r="D59" s="17">
        <v>275</v>
      </c>
    </row>
    <row r="60" spans="1:4" ht="18" customHeight="1" x14ac:dyDescent="0.2">
      <c r="A60" s="14">
        <v>45</v>
      </c>
      <c r="B60" s="15">
        <v>41</v>
      </c>
      <c r="C60" s="16">
        <v>25</v>
      </c>
      <c r="D60" s="17">
        <v>66</v>
      </c>
    </row>
    <row r="61" spans="1:4" ht="18" customHeight="1" x14ac:dyDescent="0.2">
      <c r="A61" s="14">
        <v>46</v>
      </c>
      <c r="B61" s="15">
        <v>33</v>
      </c>
      <c r="C61" s="16">
        <v>36</v>
      </c>
      <c r="D61" s="17">
        <v>69</v>
      </c>
    </row>
    <row r="62" spans="1:4" ht="18" customHeight="1" x14ac:dyDescent="0.2">
      <c r="A62" s="14">
        <v>47</v>
      </c>
      <c r="B62" s="15">
        <v>28</v>
      </c>
      <c r="C62" s="16">
        <v>23</v>
      </c>
      <c r="D62" s="17">
        <v>51</v>
      </c>
    </row>
    <row r="63" spans="1:4" ht="18" customHeight="1" x14ac:dyDescent="0.2">
      <c r="A63" s="14">
        <v>48</v>
      </c>
      <c r="B63" s="15">
        <v>32</v>
      </c>
      <c r="C63" s="16">
        <v>25</v>
      </c>
      <c r="D63" s="17">
        <v>57</v>
      </c>
    </row>
    <row r="64" spans="1:4" ht="18" customHeight="1" x14ac:dyDescent="0.2">
      <c r="A64" s="14">
        <v>49</v>
      </c>
      <c r="B64" s="15">
        <v>26</v>
      </c>
      <c r="C64" s="16">
        <v>32</v>
      </c>
      <c r="D64" s="17">
        <v>58</v>
      </c>
    </row>
    <row r="65" spans="1:4" ht="18" customHeight="1" x14ac:dyDescent="0.2">
      <c r="A65" s="18" t="s">
        <v>76</v>
      </c>
      <c r="B65" s="15">
        <v>160</v>
      </c>
      <c r="C65" s="16">
        <v>141</v>
      </c>
      <c r="D65" s="17">
        <v>301</v>
      </c>
    </row>
    <row r="66" spans="1:4" ht="18" customHeight="1" x14ac:dyDescent="0.2">
      <c r="A66" s="14">
        <v>50</v>
      </c>
      <c r="B66" s="15">
        <v>32</v>
      </c>
      <c r="C66" s="16">
        <v>41</v>
      </c>
      <c r="D66" s="17">
        <v>73</v>
      </c>
    </row>
    <row r="67" spans="1:4" ht="18" customHeight="1" x14ac:dyDescent="0.2">
      <c r="A67" s="14">
        <v>51</v>
      </c>
      <c r="B67" s="15">
        <v>37</v>
      </c>
      <c r="C67" s="16">
        <v>28</v>
      </c>
      <c r="D67" s="17">
        <v>65</v>
      </c>
    </row>
    <row r="68" spans="1:4" ht="18" customHeight="1" x14ac:dyDescent="0.2">
      <c r="A68" s="14">
        <v>52</v>
      </c>
      <c r="B68" s="15">
        <v>30</v>
      </c>
      <c r="C68" s="16">
        <v>23</v>
      </c>
      <c r="D68" s="17">
        <v>53</v>
      </c>
    </row>
    <row r="69" spans="1:4" ht="18" customHeight="1" x14ac:dyDescent="0.2">
      <c r="A69" s="14">
        <v>53</v>
      </c>
      <c r="B69" s="15">
        <v>25</v>
      </c>
      <c r="C69" s="16">
        <v>31</v>
      </c>
      <c r="D69" s="17">
        <v>56</v>
      </c>
    </row>
    <row r="70" spans="1:4" ht="18" customHeight="1" x14ac:dyDescent="0.2">
      <c r="A70" s="14">
        <v>54</v>
      </c>
      <c r="B70" s="15">
        <v>35</v>
      </c>
      <c r="C70" s="16">
        <v>29</v>
      </c>
      <c r="D70" s="17">
        <v>64</v>
      </c>
    </row>
    <row r="71" spans="1:4" ht="18" customHeight="1" x14ac:dyDescent="0.2">
      <c r="A71" s="18" t="s">
        <v>77</v>
      </c>
      <c r="B71" s="15">
        <v>159</v>
      </c>
      <c r="C71" s="16">
        <v>152</v>
      </c>
      <c r="D71" s="17">
        <v>311</v>
      </c>
    </row>
    <row r="72" spans="1:4" ht="18" customHeight="1" x14ac:dyDescent="0.2">
      <c r="A72" s="14">
        <v>55</v>
      </c>
      <c r="B72" s="15">
        <v>28</v>
      </c>
      <c r="C72" s="16">
        <v>21</v>
      </c>
      <c r="D72" s="17">
        <v>49</v>
      </c>
    </row>
    <row r="73" spans="1:4" ht="18" customHeight="1" x14ac:dyDescent="0.2">
      <c r="A73" s="14">
        <v>56</v>
      </c>
      <c r="B73" s="15">
        <v>34</v>
      </c>
      <c r="C73" s="16">
        <v>32</v>
      </c>
      <c r="D73" s="17">
        <v>66</v>
      </c>
    </row>
    <row r="74" spans="1:4" ht="18" customHeight="1" x14ac:dyDescent="0.2">
      <c r="A74" s="14">
        <v>57</v>
      </c>
      <c r="B74" s="15">
        <v>22</v>
      </c>
      <c r="C74" s="16">
        <v>40</v>
      </c>
      <c r="D74" s="17">
        <v>62</v>
      </c>
    </row>
    <row r="75" spans="1:4" ht="18" customHeight="1" x14ac:dyDescent="0.2">
      <c r="A75" s="14">
        <v>58</v>
      </c>
      <c r="B75" s="15">
        <v>37</v>
      </c>
      <c r="C75" s="16">
        <v>27</v>
      </c>
      <c r="D75" s="17">
        <v>64</v>
      </c>
    </row>
    <row r="76" spans="1:4" ht="18" customHeight="1" x14ac:dyDescent="0.2">
      <c r="A76" s="14">
        <v>59</v>
      </c>
      <c r="B76" s="15">
        <v>41</v>
      </c>
      <c r="C76" s="16">
        <v>33</v>
      </c>
      <c r="D76" s="17">
        <v>74</v>
      </c>
    </row>
    <row r="77" spans="1:4" ht="18" customHeight="1" x14ac:dyDescent="0.2">
      <c r="A77" s="18" t="s">
        <v>78</v>
      </c>
      <c r="B77" s="15">
        <v>162</v>
      </c>
      <c r="C77" s="16">
        <v>153</v>
      </c>
      <c r="D77" s="17">
        <v>315</v>
      </c>
    </row>
    <row r="78" spans="1:4" ht="18" customHeight="1" x14ac:dyDescent="0.2">
      <c r="A78" s="14">
        <v>60</v>
      </c>
      <c r="B78" s="15">
        <v>41</v>
      </c>
      <c r="C78" s="16">
        <v>38</v>
      </c>
      <c r="D78" s="17">
        <v>79</v>
      </c>
    </row>
    <row r="79" spans="1:4" ht="18" customHeight="1" x14ac:dyDescent="0.2">
      <c r="A79" s="14">
        <v>61</v>
      </c>
      <c r="B79" s="15">
        <v>43</v>
      </c>
      <c r="C79" s="16">
        <v>45</v>
      </c>
      <c r="D79" s="17">
        <v>88</v>
      </c>
    </row>
    <row r="80" spans="1:4" ht="18" customHeight="1" x14ac:dyDescent="0.2">
      <c r="A80" s="14">
        <v>62</v>
      </c>
      <c r="B80" s="15">
        <v>37</v>
      </c>
      <c r="C80" s="16">
        <v>38</v>
      </c>
      <c r="D80" s="17">
        <v>75</v>
      </c>
    </row>
    <row r="81" spans="1:4" ht="18" customHeight="1" x14ac:dyDescent="0.2">
      <c r="A81" s="14">
        <v>63</v>
      </c>
      <c r="B81" s="15">
        <v>19</v>
      </c>
      <c r="C81" s="16">
        <v>22</v>
      </c>
      <c r="D81" s="17">
        <v>41</v>
      </c>
    </row>
    <row r="82" spans="1:4" ht="18" customHeight="1" x14ac:dyDescent="0.2">
      <c r="A82" s="14">
        <v>64</v>
      </c>
      <c r="B82" s="15">
        <v>20</v>
      </c>
      <c r="C82" s="16">
        <v>29</v>
      </c>
      <c r="D82" s="17">
        <v>49</v>
      </c>
    </row>
    <row r="83" spans="1:4" ht="18" customHeight="1" x14ac:dyDescent="0.2">
      <c r="A83" s="18" t="s">
        <v>79</v>
      </c>
      <c r="B83" s="15">
        <v>160</v>
      </c>
      <c r="C83" s="16">
        <v>172</v>
      </c>
      <c r="D83" s="17">
        <v>332</v>
      </c>
    </row>
    <row r="84" spans="1:4" ht="18" customHeight="1" x14ac:dyDescent="0.2">
      <c r="A84" s="18" t="s">
        <v>80</v>
      </c>
      <c r="B84" s="15">
        <v>1403</v>
      </c>
      <c r="C84" s="16">
        <v>1282</v>
      </c>
      <c r="D84" s="17">
        <v>2685</v>
      </c>
    </row>
    <row r="85" spans="1:4" ht="18" customHeight="1" x14ac:dyDescent="0.2">
      <c r="A85" s="14">
        <v>65</v>
      </c>
      <c r="B85" s="15">
        <v>26</v>
      </c>
      <c r="C85" s="16">
        <v>37</v>
      </c>
      <c r="D85" s="17">
        <v>63</v>
      </c>
    </row>
    <row r="86" spans="1:4" ht="18" customHeight="1" x14ac:dyDescent="0.2">
      <c r="A86" s="14">
        <v>66</v>
      </c>
      <c r="B86" s="15">
        <v>36</v>
      </c>
      <c r="C86" s="16">
        <v>34</v>
      </c>
      <c r="D86" s="17">
        <v>70</v>
      </c>
    </row>
    <row r="87" spans="1:4" ht="18" customHeight="1" x14ac:dyDescent="0.2">
      <c r="A87" s="14">
        <v>67</v>
      </c>
      <c r="B87" s="15">
        <v>36</v>
      </c>
      <c r="C87" s="16">
        <v>27</v>
      </c>
      <c r="D87" s="17">
        <v>63</v>
      </c>
    </row>
    <row r="88" spans="1:4" ht="18" customHeight="1" x14ac:dyDescent="0.2">
      <c r="A88" s="14">
        <v>68</v>
      </c>
      <c r="B88" s="15">
        <v>24</v>
      </c>
      <c r="C88" s="16">
        <v>31</v>
      </c>
      <c r="D88" s="17">
        <v>55</v>
      </c>
    </row>
    <row r="89" spans="1:4" ht="18" customHeight="1" x14ac:dyDescent="0.2">
      <c r="A89" s="14">
        <v>69</v>
      </c>
      <c r="B89" s="15">
        <v>27</v>
      </c>
      <c r="C89" s="16">
        <v>39</v>
      </c>
      <c r="D89" s="17">
        <v>66</v>
      </c>
    </row>
    <row r="90" spans="1:4" ht="18" customHeight="1" x14ac:dyDescent="0.2">
      <c r="A90" s="18" t="s">
        <v>81</v>
      </c>
      <c r="B90" s="15">
        <v>149</v>
      </c>
      <c r="C90" s="16">
        <v>168</v>
      </c>
      <c r="D90" s="17">
        <v>317</v>
      </c>
    </row>
    <row r="91" spans="1:4" ht="18" customHeight="1" x14ac:dyDescent="0.2">
      <c r="A91" s="14">
        <v>70</v>
      </c>
      <c r="B91" s="15">
        <v>22</v>
      </c>
      <c r="C91" s="16">
        <v>20</v>
      </c>
      <c r="D91" s="17">
        <v>42</v>
      </c>
    </row>
    <row r="92" spans="1:4" ht="18" customHeight="1" x14ac:dyDescent="0.2">
      <c r="A92" s="14">
        <v>71</v>
      </c>
      <c r="B92" s="15">
        <v>12</v>
      </c>
      <c r="C92" s="16">
        <v>33</v>
      </c>
      <c r="D92" s="17">
        <v>45</v>
      </c>
    </row>
    <row r="93" spans="1:4" ht="18" customHeight="1" x14ac:dyDescent="0.2">
      <c r="A93" s="14">
        <v>72</v>
      </c>
      <c r="B93" s="15">
        <v>20</v>
      </c>
      <c r="C93" s="16">
        <v>25</v>
      </c>
      <c r="D93" s="17">
        <v>45</v>
      </c>
    </row>
    <row r="94" spans="1:4" ht="18" customHeight="1" x14ac:dyDescent="0.2">
      <c r="A94" s="14">
        <v>73</v>
      </c>
      <c r="B94" s="15">
        <v>22</v>
      </c>
      <c r="C94" s="16">
        <v>35</v>
      </c>
      <c r="D94" s="17">
        <v>57</v>
      </c>
    </row>
    <row r="95" spans="1:4" ht="18" customHeight="1" x14ac:dyDescent="0.2">
      <c r="A95" s="14">
        <v>74</v>
      </c>
      <c r="B95" s="15">
        <v>27</v>
      </c>
      <c r="C95" s="16">
        <v>28</v>
      </c>
      <c r="D95" s="17">
        <v>55</v>
      </c>
    </row>
    <row r="96" spans="1:4" ht="18" customHeight="1" x14ac:dyDescent="0.2">
      <c r="A96" s="18" t="s">
        <v>82</v>
      </c>
      <c r="B96" s="15">
        <v>103</v>
      </c>
      <c r="C96" s="16">
        <v>141</v>
      </c>
      <c r="D96" s="17">
        <v>244</v>
      </c>
    </row>
    <row r="97" spans="1:4" ht="18" customHeight="1" x14ac:dyDescent="0.2">
      <c r="A97" s="14">
        <v>75</v>
      </c>
      <c r="B97" s="15">
        <v>17</v>
      </c>
      <c r="C97" s="16">
        <v>38</v>
      </c>
      <c r="D97" s="17">
        <v>55</v>
      </c>
    </row>
    <row r="98" spans="1:4" ht="18" customHeight="1" x14ac:dyDescent="0.2">
      <c r="A98" s="14">
        <v>76</v>
      </c>
      <c r="B98" s="15">
        <v>12</v>
      </c>
      <c r="C98" s="16">
        <v>37</v>
      </c>
      <c r="D98" s="17">
        <v>49</v>
      </c>
    </row>
    <row r="99" spans="1:4" ht="18" customHeight="1" x14ac:dyDescent="0.2">
      <c r="A99" s="14">
        <v>77</v>
      </c>
      <c r="B99" s="15">
        <v>18</v>
      </c>
      <c r="C99" s="16">
        <v>23</v>
      </c>
      <c r="D99" s="17">
        <v>41</v>
      </c>
    </row>
    <row r="100" spans="1:4" ht="18" customHeight="1" x14ac:dyDescent="0.2">
      <c r="A100" s="14">
        <v>78</v>
      </c>
      <c r="B100" s="15">
        <v>25</v>
      </c>
      <c r="C100" s="16">
        <v>18</v>
      </c>
      <c r="D100" s="17">
        <v>43</v>
      </c>
    </row>
    <row r="101" spans="1:4" ht="18" customHeight="1" x14ac:dyDescent="0.2">
      <c r="A101" s="14">
        <v>79</v>
      </c>
      <c r="B101" s="15">
        <v>22</v>
      </c>
      <c r="C101" s="16">
        <v>32</v>
      </c>
      <c r="D101" s="17">
        <v>54</v>
      </c>
    </row>
    <row r="102" spans="1:4" ht="18" customHeight="1" x14ac:dyDescent="0.2">
      <c r="A102" s="18" t="s">
        <v>83</v>
      </c>
      <c r="B102" s="15">
        <v>94</v>
      </c>
      <c r="C102" s="16">
        <v>148</v>
      </c>
      <c r="D102" s="17">
        <v>242</v>
      </c>
    </row>
    <row r="103" spans="1:4" ht="18" customHeight="1" x14ac:dyDescent="0.2">
      <c r="A103" s="14">
        <v>80</v>
      </c>
      <c r="B103" s="15">
        <v>15</v>
      </c>
      <c r="C103" s="16">
        <v>28</v>
      </c>
      <c r="D103" s="17">
        <v>43</v>
      </c>
    </row>
    <row r="104" spans="1:4" ht="18" customHeight="1" x14ac:dyDescent="0.2">
      <c r="A104" s="14">
        <v>81</v>
      </c>
      <c r="B104" s="15">
        <v>19</v>
      </c>
      <c r="C104" s="16">
        <v>28</v>
      </c>
      <c r="D104" s="17">
        <v>47</v>
      </c>
    </row>
    <row r="105" spans="1:4" ht="18" customHeight="1" x14ac:dyDescent="0.2">
      <c r="A105" s="14">
        <v>82</v>
      </c>
      <c r="B105" s="15">
        <v>17</v>
      </c>
      <c r="C105" s="16">
        <v>25</v>
      </c>
      <c r="D105" s="17">
        <v>42</v>
      </c>
    </row>
    <row r="106" spans="1:4" ht="18" customHeight="1" x14ac:dyDescent="0.2">
      <c r="A106" s="14">
        <v>83</v>
      </c>
      <c r="B106" s="15">
        <v>8</v>
      </c>
      <c r="C106" s="16">
        <v>22</v>
      </c>
      <c r="D106" s="17">
        <v>30</v>
      </c>
    </row>
    <row r="107" spans="1:4" ht="18" customHeight="1" x14ac:dyDescent="0.2">
      <c r="A107" s="14">
        <v>84</v>
      </c>
      <c r="B107" s="15">
        <v>8</v>
      </c>
      <c r="C107" s="16">
        <v>24</v>
      </c>
      <c r="D107" s="17">
        <v>32</v>
      </c>
    </row>
    <row r="108" spans="1:4" ht="18" customHeight="1" x14ac:dyDescent="0.2">
      <c r="A108" s="18" t="s">
        <v>84</v>
      </c>
      <c r="B108" s="15">
        <v>67</v>
      </c>
      <c r="C108" s="16">
        <v>127</v>
      </c>
      <c r="D108" s="17">
        <v>194</v>
      </c>
    </row>
    <row r="109" spans="1:4" ht="18" customHeight="1" x14ac:dyDescent="0.2">
      <c r="A109" s="14">
        <v>85</v>
      </c>
      <c r="B109" s="15">
        <v>7</v>
      </c>
      <c r="C109" s="16">
        <v>10</v>
      </c>
      <c r="D109" s="17">
        <v>17</v>
      </c>
    </row>
    <row r="110" spans="1:4" ht="18" customHeight="1" x14ac:dyDescent="0.2">
      <c r="A110" s="14">
        <v>86</v>
      </c>
      <c r="B110" s="15">
        <v>2</v>
      </c>
      <c r="C110" s="16">
        <v>12</v>
      </c>
      <c r="D110" s="17">
        <v>14</v>
      </c>
    </row>
    <row r="111" spans="1:4" ht="18" customHeight="1" x14ac:dyDescent="0.2">
      <c r="A111" s="14">
        <v>87</v>
      </c>
      <c r="B111" s="15">
        <v>7</v>
      </c>
      <c r="C111" s="16">
        <v>22</v>
      </c>
      <c r="D111" s="17">
        <v>29</v>
      </c>
    </row>
    <row r="112" spans="1:4" ht="18" customHeight="1" x14ac:dyDescent="0.2">
      <c r="A112" s="14">
        <v>88</v>
      </c>
      <c r="B112" s="15">
        <v>4</v>
      </c>
      <c r="C112" s="16">
        <v>15</v>
      </c>
      <c r="D112" s="17">
        <v>19</v>
      </c>
    </row>
    <row r="113" spans="1:4" ht="18" customHeight="1" x14ac:dyDescent="0.2">
      <c r="A113" s="14">
        <v>89</v>
      </c>
      <c r="B113" s="15">
        <v>6</v>
      </c>
      <c r="C113" s="16">
        <v>12</v>
      </c>
      <c r="D113" s="17">
        <v>18</v>
      </c>
    </row>
    <row r="114" spans="1:4" ht="18" customHeight="1" x14ac:dyDescent="0.2">
      <c r="A114" s="18" t="s">
        <v>85</v>
      </c>
      <c r="B114" s="15">
        <v>26</v>
      </c>
      <c r="C114" s="16">
        <v>71</v>
      </c>
      <c r="D114" s="17">
        <v>97</v>
      </c>
    </row>
    <row r="115" spans="1:4" ht="18" customHeight="1" x14ac:dyDescent="0.2">
      <c r="A115" s="14">
        <v>90</v>
      </c>
      <c r="B115" s="15">
        <v>0</v>
      </c>
      <c r="C115" s="16">
        <v>10</v>
      </c>
      <c r="D115" s="17">
        <v>10</v>
      </c>
    </row>
    <row r="116" spans="1:4" ht="18" customHeight="1" x14ac:dyDescent="0.2">
      <c r="A116" s="14">
        <v>91</v>
      </c>
      <c r="B116" s="15">
        <v>2</v>
      </c>
      <c r="C116" s="16">
        <v>12</v>
      </c>
      <c r="D116" s="17">
        <v>14</v>
      </c>
    </row>
    <row r="117" spans="1:4" ht="18" customHeight="1" x14ac:dyDescent="0.2">
      <c r="A117" s="14">
        <v>92</v>
      </c>
      <c r="B117" s="15">
        <v>1</v>
      </c>
      <c r="C117" s="16">
        <v>13</v>
      </c>
      <c r="D117" s="17">
        <v>14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5</v>
      </c>
      <c r="C119" s="16">
        <v>4</v>
      </c>
      <c r="D119" s="17">
        <v>9</v>
      </c>
    </row>
    <row r="120" spans="1:4" ht="18" customHeight="1" x14ac:dyDescent="0.2">
      <c r="A120" s="18" t="s">
        <v>86</v>
      </c>
      <c r="B120" s="15">
        <v>9</v>
      </c>
      <c r="C120" s="16">
        <v>44</v>
      </c>
      <c r="D120" s="17">
        <v>53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2</v>
      </c>
      <c r="C122" s="16">
        <v>2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3</v>
      </c>
      <c r="C126" s="16">
        <v>9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451</v>
      </c>
      <c r="C130" s="5">
        <v>710</v>
      </c>
      <c r="D130" s="6">
        <v>1161</v>
      </c>
    </row>
    <row r="131" spans="1:4" ht="18" customHeight="1" x14ac:dyDescent="0.2">
      <c r="A131" s="20" t="s">
        <v>65</v>
      </c>
      <c r="B131" s="7">
        <v>2108</v>
      </c>
      <c r="C131" s="8">
        <v>2227</v>
      </c>
      <c r="D131" s="9">
        <v>433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29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9</v>
      </c>
      <c r="C5" s="12">
        <v>15</v>
      </c>
      <c r="D5" s="13">
        <v>34</v>
      </c>
    </row>
    <row r="6" spans="1:4" ht="18" customHeight="1" x14ac:dyDescent="0.2">
      <c r="A6" s="14">
        <v>1</v>
      </c>
      <c r="B6" s="15">
        <v>20</v>
      </c>
      <c r="C6" s="16">
        <v>27</v>
      </c>
      <c r="D6" s="17">
        <v>47</v>
      </c>
    </row>
    <row r="7" spans="1:4" ht="18" customHeight="1" x14ac:dyDescent="0.2">
      <c r="A7" s="14">
        <v>2</v>
      </c>
      <c r="B7" s="15">
        <v>22</v>
      </c>
      <c r="C7" s="16">
        <v>25</v>
      </c>
      <c r="D7" s="17">
        <v>47</v>
      </c>
    </row>
    <row r="8" spans="1:4" ht="18" customHeight="1" x14ac:dyDescent="0.2">
      <c r="A8" s="14">
        <v>3</v>
      </c>
      <c r="B8" s="15">
        <v>21</v>
      </c>
      <c r="C8" s="16">
        <v>21</v>
      </c>
      <c r="D8" s="17">
        <v>42</v>
      </c>
    </row>
    <row r="9" spans="1:4" ht="18" customHeight="1" x14ac:dyDescent="0.2">
      <c r="A9" s="14">
        <v>4</v>
      </c>
      <c r="B9" s="15">
        <v>15</v>
      </c>
      <c r="C9" s="16">
        <v>21</v>
      </c>
      <c r="D9" s="17">
        <v>36</v>
      </c>
    </row>
    <row r="10" spans="1:4" ht="18" customHeight="1" x14ac:dyDescent="0.2">
      <c r="A10" s="18" t="s">
        <v>66</v>
      </c>
      <c r="B10" s="15">
        <v>97</v>
      </c>
      <c r="C10" s="16">
        <v>109</v>
      </c>
      <c r="D10" s="17">
        <v>206</v>
      </c>
    </row>
    <row r="11" spans="1:4" ht="18" customHeight="1" x14ac:dyDescent="0.2">
      <c r="A11" s="14">
        <v>5</v>
      </c>
      <c r="B11" s="15">
        <v>27</v>
      </c>
      <c r="C11" s="16">
        <v>36</v>
      </c>
      <c r="D11" s="17">
        <v>63</v>
      </c>
    </row>
    <row r="12" spans="1:4" ht="18" customHeight="1" x14ac:dyDescent="0.2">
      <c r="A12" s="14">
        <v>6</v>
      </c>
      <c r="B12" s="15">
        <v>24</v>
      </c>
      <c r="C12" s="16">
        <v>21</v>
      </c>
      <c r="D12" s="17">
        <v>45</v>
      </c>
    </row>
    <row r="13" spans="1:4" ht="18" customHeight="1" x14ac:dyDescent="0.2">
      <c r="A13" s="14">
        <v>7</v>
      </c>
      <c r="B13" s="15">
        <v>24</v>
      </c>
      <c r="C13" s="16">
        <v>26</v>
      </c>
      <c r="D13" s="17">
        <v>50</v>
      </c>
    </row>
    <row r="14" spans="1:4" ht="18" customHeight="1" x14ac:dyDescent="0.2">
      <c r="A14" s="14">
        <v>8</v>
      </c>
      <c r="B14" s="15">
        <v>33</v>
      </c>
      <c r="C14" s="16">
        <v>25</v>
      </c>
      <c r="D14" s="17">
        <v>58</v>
      </c>
    </row>
    <row r="15" spans="1:4" ht="18" customHeight="1" x14ac:dyDescent="0.2">
      <c r="A15" s="14">
        <v>9</v>
      </c>
      <c r="B15" s="15">
        <v>29</v>
      </c>
      <c r="C15" s="16">
        <v>28</v>
      </c>
      <c r="D15" s="17">
        <v>57</v>
      </c>
    </row>
    <row r="16" spans="1:4" ht="18" customHeight="1" x14ac:dyDescent="0.2">
      <c r="A16" s="18" t="s">
        <v>67</v>
      </c>
      <c r="B16" s="15">
        <v>137</v>
      </c>
      <c r="C16" s="16">
        <v>136</v>
      </c>
      <c r="D16" s="17">
        <v>273</v>
      </c>
    </row>
    <row r="17" spans="1:4" ht="18" customHeight="1" x14ac:dyDescent="0.2">
      <c r="A17" s="14">
        <v>10</v>
      </c>
      <c r="B17" s="15">
        <v>23</v>
      </c>
      <c r="C17" s="16">
        <v>21</v>
      </c>
      <c r="D17" s="17">
        <v>44</v>
      </c>
    </row>
    <row r="18" spans="1:4" ht="18" customHeight="1" x14ac:dyDescent="0.2">
      <c r="A18" s="14">
        <v>11</v>
      </c>
      <c r="B18" s="15">
        <v>26</v>
      </c>
      <c r="C18" s="16">
        <v>27</v>
      </c>
      <c r="D18" s="17">
        <v>53</v>
      </c>
    </row>
    <row r="19" spans="1:4" ht="18" customHeight="1" x14ac:dyDescent="0.2">
      <c r="A19" s="14">
        <v>12</v>
      </c>
      <c r="B19" s="15">
        <v>31</v>
      </c>
      <c r="C19" s="16">
        <v>35</v>
      </c>
      <c r="D19" s="17">
        <v>66</v>
      </c>
    </row>
    <row r="20" spans="1:4" ht="18" customHeight="1" x14ac:dyDescent="0.2">
      <c r="A20" s="14">
        <v>13</v>
      </c>
      <c r="B20" s="15">
        <v>19</v>
      </c>
      <c r="C20" s="16">
        <v>20</v>
      </c>
      <c r="D20" s="17">
        <v>39</v>
      </c>
    </row>
    <row r="21" spans="1:4" ht="18" customHeight="1" x14ac:dyDescent="0.2">
      <c r="A21" s="14">
        <v>14</v>
      </c>
      <c r="B21" s="15">
        <v>33</v>
      </c>
      <c r="C21" s="16">
        <v>28</v>
      </c>
      <c r="D21" s="17">
        <v>61</v>
      </c>
    </row>
    <row r="22" spans="1:4" ht="18" customHeight="1" x14ac:dyDescent="0.2">
      <c r="A22" s="18" t="s">
        <v>68</v>
      </c>
      <c r="B22" s="15">
        <v>132</v>
      </c>
      <c r="C22" s="16">
        <v>131</v>
      </c>
      <c r="D22" s="17">
        <v>263</v>
      </c>
    </row>
    <row r="23" spans="1:4" ht="18" customHeight="1" x14ac:dyDescent="0.2">
      <c r="A23" s="18" t="s">
        <v>69</v>
      </c>
      <c r="B23" s="15">
        <v>366</v>
      </c>
      <c r="C23" s="16">
        <v>376</v>
      </c>
      <c r="D23" s="17">
        <v>742</v>
      </c>
    </row>
    <row r="24" spans="1:4" ht="18" customHeight="1" x14ac:dyDescent="0.2">
      <c r="A24" s="14">
        <v>15</v>
      </c>
      <c r="B24" s="15">
        <v>25</v>
      </c>
      <c r="C24" s="16">
        <v>22</v>
      </c>
      <c r="D24" s="17">
        <v>47</v>
      </c>
    </row>
    <row r="25" spans="1:4" ht="18" customHeight="1" x14ac:dyDescent="0.2">
      <c r="A25" s="14">
        <v>16</v>
      </c>
      <c r="B25" s="15">
        <v>24</v>
      </c>
      <c r="C25" s="16">
        <v>30</v>
      </c>
      <c r="D25" s="17">
        <v>54</v>
      </c>
    </row>
    <row r="26" spans="1:4" ht="18" customHeight="1" x14ac:dyDescent="0.2">
      <c r="A26" s="14">
        <v>17</v>
      </c>
      <c r="B26" s="15">
        <v>31</v>
      </c>
      <c r="C26" s="16">
        <v>22</v>
      </c>
      <c r="D26" s="17">
        <v>53</v>
      </c>
    </row>
    <row r="27" spans="1:4" ht="18" customHeight="1" x14ac:dyDescent="0.2">
      <c r="A27" s="14">
        <v>18</v>
      </c>
      <c r="B27" s="15">
        <v>31</v>
      </c>
      <c r="C27" s="16">
        <v>28</v>
      </c>
      <c r="D27" s="17">
        <v>59</v>
      </c>
    </row>
    <row r="28" spans="1:4" ht="18" customHeight="1" x14ac:dyDescent="0.2">
      <c r="A28" s="14">
        <v>19</v>
      </c>
      <c r="B28" s="15">
        <v>29</v>
      </c>
      <c r="C28" s="16">
        <v>29</v>
      </c>
      <c r="D28" s="17">
        <v>58</v>
      </c>
    </row>
    <row r="29" spans="1:4" ht="18" customHeight="1" x14ac:dyDescent="0.2">
      <c r="A29" s="18" t="s">
        <v>70</v>
      </c>
      <c r="B29" s="15">
        <v>140</v>
      </c>
      <c r="C29" s="16">
        <v>131</v>
      </c>
      <c r="D29" s="17">
        <v>271</v>
      </c>
    </row>
    <row r="30" spans="1:4" ht="18" customHeight="1" x14ac:dyDescent="0.2">
      <c r="A30" s="14">
        <v>20</v>
      </c>
      <c r="B30" s="15">
        <v>22</v>
      </c>
      <c r="C30" s="16">
        <v>30</v>
      </c>
      <c r="D30" s="17">
        <v>52</v>
      </c>
    </row>
    <row r="31" spans="1:4" ht="18" customHeight="1" x14ac:dyDescent="0.2">
      <c r="A31" s="14">
        <v>21</v>
      </c>
      <c r="B31" s="15">
        <v>29</v>
      </c>
      <c r="C31" s="16">
        <v>22</v>
      </c>
      <c r="D31" s="17">
        <v>51</v>
      </c>
    </row>
    <row r="32" spans="1:4" ht="18" customHeight="1" x14ac:dyDescent="0.2">
      <c r="A32" s="14">
        <v>22</v>
      </c>
      <c r="B32" s="15">
        <v>24</v>
      </c>
      <c r="C32" s="16">
        <v>26</v>
      </c>
      <c r="D32" s="17">
        <v>50</v>
      </c>
    </row>
    <row r="33" spans="1:4" ht="18" customHeight="1" x14ac:dyDescent="0.2">
      <c r="A33" s="14">
        <v>23</v>
      </c>
      <c r="B33" s="15">
        <v>22</v>
      </c>
      <c r="C33" s="16">
        <v>39</v>
      </c>
      <c r="D33" s="17">
        <v>61</v>
      </c>
    </row>
    <row r="34" spans="1:4" ht="18" customHeight="1" x14ac:dyDescent="0.2">
      <c r="A34" s="14">
        <v>24</v>
      </c>
      <c r="B34" s="15">
        <v>37</v>
      </c>
      <c r="C34" s="16">
        <v>34</v>
      </c>
      <c r="D34" s="17">
        <v>71</v>
      </c>
    </row>
    <row r="35" spans="1:4" ht="18" customHeight="1" x14ac:dyDescent="0.2">
      <c r="A35" s="18" t="s">
        <v>71</v>
      </c>
      <c r="B35" s="15">
        <v>134</v>
      </c>
      <c r="C35" s="16">
        <v>151</v>
      </c>
      <c r="D35" s="17">
        <v>285</v>
      </c>
    </row>
    <row r="36" spans="1:4" ht="18" customHeight="1" x14ac:dyDescent="0.2">
      <c r="A36" s="14">
        <v>25</v>
      </c>
      <c r="B36" s="15">
        <v>29</v>
      </c>
      <c r="C36" s="16">
        <v>29</v>
      </c>
      <c r="D36" s="17">
        <v>58</v>
      </c>
    </row>
    <row r="37" spans="1:4" ht="18" customHeight="1" x14ac:dyDescent="0.2">
      <c r="A37" s="14">
        <v>26</v>
      </c>
      <c r="B37" s="15">
        <v>35</v>
      </c>
      <c r="C37" s="16">
        <v>29</v>
      </c>
      <c r="D37" s="17">
        <v>64</v>
      </c>
    </row>
    <row r="38" spans="1:4" ht="18" customHeight="1" x14ac:dyDescent="0.2">
      <c r="A38" s="14">
        <v>27</v>
      </c>
      <c r="B38" s="15">
        <v>34</v>
      </c>
      <c r="C38" s="16">
        <v>31</v>
      </c>
      <c r="D38" s="17">
        <v>65</v>
      </c>
    </row>
    <row r="39" spans="1:4" ht="18" customHeight="1" x14ac:dyDescent="0.2">
      <c r="A39" s="14">
        <v>28</v>
      </c>
      <c r="B39" s="15">
        <v>35</v>
      </c>
      <c r="C39" s="16">
        <v>43</v>
      </c>
      <c r="D39" s="17">
        <v>78</v>
      </c>
    </row>
    <row r="40" spans="1:4" ht="18" customHeight="1" x14ac:dyDescent="0.2">
      <c r="A40" s="14">
        <v>29</v>
      </c>
      <c r="B40" s="15">
        <v>39</v>
      </c>
      <c r="C40" s="16">
        <v>28</v>
      </c>
      <c r="D40" s="17">
        <v>67</v>
      </c>
    </row>
    <row r="41" spans="1:4" ht="18" customHeight="1" x14ac:dyDescent="0.2">
      <c r="A41" s="18" t="s">
        <v>72</v>
      </c>
      <c r="B41" s="15">
        <v>172</v>
      </c>
      <c r="C41" s="16">
        <v>160</v>
      </c>
      <c r="D41" s="17">
        <v>332</v>
      </c>
    </row>
    <row r="42" spans="1:4" ht="18" customHeight="1" x14ac:dyDescent="0.2">
      <c r="A42" s="14">
        <v>30</v>
      </c>
      <c r="B42" s="15">
        <v>33</v>
      </c>
      <c r="C42" s="16">
        <v>29</v>
      </c>
      <c r="D42" s="17">
        <v>62</v>
      </c>
    </row>
    <row r="43" spans="1:4" ht="18" customHeight="1" x14ac:dyDescent="0.2">
      <c r="A43" s="14">
        <v>31</v>
      </c>
      <c r="B43" s="15">
        <v>39</v>
      </c>
      <c r="C43" s="16">
        <v>37</v>
      </c>
      <c r="D43" s="17">
        <v>76</v>
      </c>
    </row>
    <row r="44" spans="1:4" ht="18" customHeight="1" x14ac:dyDescent="0.2">
      <c r="A44" s="14">
        <v>32</v>
      </c>
      <c r="B44" s="15">
        <v>38</v>
      </c>
      <c r="C44" s="16">
        <v>32</v>
      </c>
      <c r="D44" s="17">
        <v>70</v>
      </c>
    </row>
    <row r="45" spans="1:4" ht="18" customHeight="1" x14ac:dyDescent="0.2">
      <c r="A45" s="14">
        <v>33</v>
      </c>
      <c r="B45" s="15">
        <v>45</v>
      </c>
      <c r="C45" s="16">
        <v>23</v>
      </c>
      <c r="D45" s="17">
        <v>68</v>
      </c>
    </row>
    <row r="46" spans="1:4" ht="18" customHeight="1" x14ac:dyDescent="0.2">
      <c r="A46" s="14">
        <v>34</v>
      </c>
      <c r="B46" s="15">
        <v>48</v>
      </c>
      <c r="C46" s="16">
        <v>46</v>
      </c>
      <c r="D46" s="17">
        <v>94</v>
      </c>
    </row>
    <row r="47" spans="1:4" ht="18" customHeight="1" x14ac:dyDescent="0.2">
      <c r="A47" s="18" t="s">
        <v>73</v>
      </c>
      <c r="B47" s="15">
        <v>203</v>
      </c>
      <c r="C47" s="16">
        <v>167</v>
      </c>
      <c r="D47" s="17">
        <v>370</v>
      </c>
    </row>
    <row r="48" spans="1:4" ht="18" customHeight="1" x14ac:dyDescent="0.2">
      <c r="A48" s="14">
        <v>35</v>
      </c>
      <c r="B48" s="15">
        <v>43</v>
      </c>
      <c r="C48" s="16">
        <v>49</v>
      </c>
      <c r="D48" s="17">
        <v>92</v>
      </c>
    </row>
    <row r="49" spans="1:4" ht="18" customHeight="1" x14ac:dyDescent="0.2">
      <c r="A49" s="14">
        <v>36</v>
      </c>
      <c r="B49" s="15">
        <v>58</v>
      </c>
      <c r="C49" s="16">
        <v>36</v>
      </c>
      <c r="D49" s="17">
        <v>94</v>
      </c>
    </row>
    <row r="50" spans="1:4" ht="18" customHeight="1" x14ac:dyDescent="0.2">
      <c r="A50" s="14">
        <v>37</v>
      </c>
      <c r="B50" s="15">
        <v>51</v>
      </c>
      <c r="C50" s="16">
        <v>30</v>
      </c>
      <c r="D50" s="17">
        <v>81</v>
      </c>
    </row>
    <row r="51" spans="1:4" ht="18" customHeight="1" x14ac:dyDescent="0.2">
      <c r="A51" s="14">
        <v>38</v>
      </c>
      <c r="B51" s="15">
        <v>56</v>
      </c>
      <c r="C51" s="16">
        <v>47</v>
      </c>
      <c r="D51" s="17">
        <v>103</v>
      </c>
    </row>
    <row r="52" spans="1:4" ht="18" customHeight="1" x14ac:dyDescent="0.2">
      <c r="A52" s="14">
        <v>39</v>
      </c>
      <c r="B52" s="15">
        <v>40</v>
      </c>
      <c r="C52" s="16">
        <v>36</v>
      </c>
      <c r="D52" s="17">
        <v>76</v>
      </c>
    </row>
    <row r="53" spans="1:4" ht="18" customHeight="1" x14ac:dyDescent="0.2">
      <c r="A53" s="18" t="s">
        <v>74</v>
      </c>
      <c r="B53" s="15">
        <v>248</v>
      </c>
      <c r="C53" s="16">
        <v>198</v>
      </c>
      <c r="D53" s="17">
        <v>446</v>
      </c>
    </row>
    <row r="54" spans="1:4" ht="18" customHeight="1" x14ac:dyDescent="0.2">
      <c r="A54" s="14">
        <v>40</v>
      </c>
      <c r="B54" s="15">
        <v>50</v>
      </c>
      <c r="C54" s="16">
        <v>36</v>
      </c>
      <c r="D54" s="17">
        <v>86</v>
      </c>
    </row>
    <row r="55" spans="1:4" ht="18" customHeight="1" x14ac:dyDescent="0.2">
      <c r="A55" s="14">
        <v>41</v>
      </c>
      <c r="B55" s="15">
        <v>36</v>
      </c>
      <c r="C55" s="16">
        <v>21</v>
      </c>
      <c r="D55" s="17">
        <v>57</v>
      </c>
    </row>
    <row r="56" spans="1:4" ht="18" customHeight="1" x14ac:dyDescent="0.2">
      <c r="A56" s="14">
        <v>42</v>
      </c>
      <c r="B56" s="15">
        <v>34</v>
      </c>
      <c r="C56" s="16">
        <v>39</v>
      </c>
      <c r="D56" s="17">
        <v>73</v>
      </c>
    </row>
    <row r="57" spans="1:4" ht="18" customHeight="1" x14ac:dyDescent="0.2">
      <c r="A57" s="14">
        <v>43</v>
      </c>
      <c r="B57" s="15">
        <v>26</v>
      </c>
      <c r="C57" s="16">
        <v>32</v>
      </c>
      <c r="D57" s="17">
        <v>58</v>
      </c>
    </row>
    <row r="58" spans="1:4" ht="18" customHeight="1" x14ac:dyDescent="0.2">
      <c r="A58" s="14">
        <v>44</v>
      </c>
      <c r="B58" s="15">
        <v>35</v>
      </c>
      <c r="C58" s="16">
        <v>33</v>
      </c>
      <c r="D58" s="17">
        <v>68</v>
      </c>
    </row>
    <row r="59" spans="1:4" ht="18" customHeight="1" x14ac:dyDescent="0.2">
      <c r="A59" s="18" t="s">
        <v>75</v>
      </c>
      <c r="B59" s="15">
        <v>181</v>
      </c>
      <c r="C59" s="16">
        <v>161</v>
      </c>
      <c r="D59" s="17">
        <v>342</v>
      </c>
    </row>
    <row r="60" spans="1:4" ht="18" customHeight="1" x14ac:dyDescent="0.2">
      <c r="A60" s="14">
        <v>45</v>
      </c>
      <c r="B60" s="15">
        <v>33</v>
      </c>
      <c r="C60" s="16">
        <v>35</v>
      </c>
      <c r="D60" s="17">
        <v>68</v>
      </c>
    </row>
    <row r="61" spans="1:4" ht="18" customHeight="1" x14ac:dyDescent="0.2">
      <c r="A61" s="14">
        <v>46</v>
      </c>
      <c r="B61" s="15">
        <v>35</v>
      </c>
      <c r="C61" s="16">
        <v>26</v>
      </c>
      <c r="D61" s="17">
        <v>61</v>
      </c>
    </row>
    <row r="62" spans="1:4" ht="18" customHeight="1" x14ac:dyDescent="0.2">
      <c r="A62" s="14">
        <v>47</v>
      </c>
      <c r="B62" s="15">
        <v>35</v>
      </c>
      <c r="C62" s="16">
        <v>30</v>
      </c>
      <c r="D62" s="17">
        <v>65</v>
      </c>
    </row>
    <row r="63" spans="1:4" ht="18" customHeight="1" x14ac:dyDescent="0.2">
      <c r="A63" s="14">
        <v>48</v>
      </c>
      <c r="B63" s="15">
        <v>34</v>
      </c>
      <c r="C63" s="16">
        <v>31</v>
      </c>
      <c r="D63" s="17">
        <v>65</v>
      </c>
    </row>
    <row r="64" spans="1:4" ht="18" customHeight="1" x14ac:dyDescent="0.2">
      <c r="A64" s="14">
        <v>49</v>
      </c>
      <c r="B64" s="15">
        <v>27</v>
      </c>
      <c r="C64" s="16">
        <v>35</v>
      </c>
      <c r="D64" s="17">
        <v>62</v>
      </c>
    </row>
    <row r="65" spans="1:4" ht="18" customHeight="1" x14ac:dyDescent="0.2">
      <c r="A65" s="18" t="s">
        <v>76</v>
      </c>
      <c r="B65" s="15">
        <v>164</v>
      </c>
      <c r="C65" s="16">
        <v>157</v>
      </c>
      <c r="D65" s="17">
        <v>321</v>
      </c>
    </row>
    <row r="66" spans="1:4" ht="18" customHeight="1" x14ac:dyDescent="0.2">
      <c r="A66" s="14">
        <v>50</v>
      </c>
      <c r="B66" s="15">
        <v>23</v>
      </c>
      <c r="C66" s="16">
        <v>30</v>
      </c>
      <c r="D66" s="17">
        <v>53</v>
      </c>
    </row>
    <row r="67" spans="1:4" ht="18" customHeight="1" x14ac:dyDescent="0.2">
      <c r="A67" s="14">
        <v>51</v>
      </c>
      <c r="B67" s="15">
        <v>40</v>
      </c>
      <c r="C67" s="16">
        <v>40</v>
      </c>
      <c r="D67" s="17">
        <v>80</v>
      </c>
    </row>
    <row r="68" spans="1:4" ht="18" customHeight="1" x14ac:dyDescent="0.2">
      <c r="A68" s="14">
        <v>52</v>
      </c>
      <c r="B68" s="15">
        <v>33</v>
      </c>
      <c r="C68" s="16">
        <v>32</v>
      </c>
      <c r="D68" s="17">
        <v>65</v>
      </c>
    </row>
    <row r="69" spans="1:4" ht="18" customHeight="1" x14ac:dyDescent="0.2">
      <c r="A69" s="14">
        <v>53</v>
      </c>
      <c r="B69" s="15">
        <v>43</v>
      </c>
      <c r="C69" s="16">
        <v>42</v>
      </c>
      <c r="D69" s="17">
        <v>85</v>
      </c>
    </row>
    <row r="70" spans="1:4" ht="18" customHeight="1" x14ac:dyDescent="0.2">
      <c r="A70" s="14">
        <v>54</v>
      </c>
      <c r="B70" s="15">
        <v>39</v>
      </c>
      <c r="C70" s="16">
        <v>51</v>
      </c>
      <c r="D70" s="17">
        <v>90</v>
      </c>
    </row>
    <row r="71" spans="1:4" ht="18" customHeight="1" x14ac:dyDescent="0.2">
      <c r="A71" s="18" t="s">
        <v>77</v>
      </c>
      <c r="B71" s="15">
        <v>178</v>
      </c>
      <c r="C71" s="16">
        <v>195</v>
      </c>
      <c r="D71" s="17">
        <v>373</v>
      </c>
    </row>
    <row r="72" spans="1:4" ht="18" customHeight="1" x14ac:dyDescent="0.2">
      <c r="A72" s="14">
        <v>55</v>
      </c>
      <c r="B72" s="15">
        <v>36</v>
      </c>
      <c r="C72" s="16">
        <v>43</v>
      </c>
      <c r="D72" s="17">
        <v>79</v>
      </c>
    </row>
    <row r="73" spans="1:4" ht="18" customHeight="1" x14ac:dyDescent="0.2">
      <c r="A73" s="14">
        <v>56</v>
      </c>
      <c r="B73" s="15">
        <v>49</v>
      </c>
      <c r="C73" s="16">
        <v>57</v>
      </c>
      <c r="D73" s="17">
        <v>106</v>
      </c>
    </row>
    <row r="74" spans="1:4" ht="18" customHeight="1" x14ac:dyDescent="0.2">
      <c r="A74" s="14">
        <v>57</v>
      </c>
      <c r="B74" s="15">
        <v>47</v>
      </c>
      <c r="C74" s="16">
        <v>40</v>
      </c>
      <c r="D74" s="17">
        <v>87</v>
      </c>
    </row>
    <row r="75" spans="1:4" ht="18" customHeight="1" x14ac:dyDescent="0.2">
      <c r="A75" s="14">
        <v>58</v>
      </c>
      <c r="B75" s="15">
        <v>51</v>
      </c>
      <c r="C75" s="16">
        <v>48</v>
      </c>
      <c r="D75" s="17">
        <v>99</v>
      </c>
    </row>
    <row r="76" spans="1:4" ht="18" customHeight="1" x14ac:dyDescent="0.2">
      <c r="A76" s="14">
        <v>59</v>
      </c>
      <c r="B76" s="15">
        <v>78</v>
      </c>
      <c r="C76" s="16">
        <v>69</v>
      </c>
      <c r="D76" s="17">
        <v>147</v>
      </c>
    </row>
    <row r="77" spans="1:4" ht="18" customHeight="1" x14ac:dyDescent="0.2">
      <c r="A77" s="18" t="s">
        <v>78</v>
      </c>
      <c r="B77" s="15">
        <v>261</v>
      </c>
      <c r="C77" s="16">
        <v>257</v>
      </c>
      <c r="D77" s="17">
        <v>518</v>
      </c>
    </row>
    <row r="78" spans="1:4" ht="18" customHeight="1" x14ac:dyDescent="0.2">
      <c r="A78" s="14">
        <v>60</v>
      </c>
      <c r="B78" s="15">
        <v>79</v>
      </c>
      <c r="C78" s="16">
        <v>83</v>
      </c>
      <c r="D78" s="17">
        <v>162</v>
      </c>
    </row>
    <row r="79" spans="1:4" ht="18" customHeight="1" x14ac:dyDescent="0.2">
      <c r="A79" s="14">
        <v>61</v>
      </c>
      <c r="B79" s="15">
        <v>50</v>
      </c>
      <c r="C79" s="16">
        <v>55</v>
      </c>
      <c r="D79" s="17">
        <v>105</v>
      </c>
    </row>
    <row r="80" spans="1:4" ht="18" customHeight="1" x14ac:dyDescent="0.2">
      <c r="A80" s="14">
        <v>62</v>
      </c>
      <c r="B80" s="15">
        <v>73</v>
      </c>
      <c r="C80" s="16">
        <v>87</v>
      </c>
      <c r="D80" s="17">
        <v>160</v>
      </c>
    </row>
    <row r="81" spans="1:4" ht="18" customHeight="1" x14ac:dyDescent="0.2">
      <c r="A81" s="14">
        <v>63</v>
      </c>
      <c r="B81" s="15">
        <v>43</v>
      </c>
      <c r="C81" s="16">
        <v>36</v>
      </c>
      <c r="D81" s="17">
        <v>79</v>
      </c>
    </row>
    <row r="82" spans="1:4" ht="18" customHeight="1" x14ac:dyDescent="0.2">
      <c r="A82" s="14">
        <v>64</v>
      </c>
      <c r="B82" s="15">
        <v>41</v>
      </c>
      <c r="C82" s="16">
        <v>52</v>
      </c>
      <c r="D82" s="17">
        <v>93</v>
      </c>
    </row>
    <row r="83" spans="1:4" ht="18" customHeight="1" x14ac:dyDescent="0.2">
      <c r="A83" s="18" t="s">
        <v>79</v>
      </c>
      <c r="B83" s="15">
        <v>286</v>
      </c>
      <c r="C83" s="16">
        <v>313</v>
      </c>
      <c r="D83" s="17">
        <v>599</v>
      </c>
    </row>
    <row r="84" spans="1:4" ht="18" customHeight="1" x14ac:dyDescent="0.2">
      <c r="A84" s="18" t="s">
        <v>80</v>
      </c>
      <c r="B84" s="15">
        <v>1967</v>
      </c>
      <c r="C84" s="16">
        <v>1890</v>
      </c>
      <c r="D84" s="17">
        <v>3857</v>
      </c>
    </row>
    <row r="85" spans="1:4" ht="18" customHeight="1" x14ac:dyDescent="0.2">
      <c r="A85" s="14">
        <v>65</v>
      </c>
      <c r="B85" s="15">
        <v>60</v>
      </c>
      <c r="C85" s="16">
        <v>66</v>
      </c>
      <c r="D85" s="17">
        <v>126</v>
      </c>
    </row>
    <row r="86" spans="1:4" ht="18" customHeight="1" x14ac:dyDescent="0.2">
      <c r="A86" s="14">
        <v>66</v>
      </c>
      <c r="B86" s="15">
        <v>59</v>
      </c>
      <c r="C86" s="16">
        <v>63</v>
      </c>
      <c r="D86" s="17">
        <v>122</v>
      </c>
    </row>
    <row r="87" spans="1:4" ht="18" customHeight="1" x14ac:dyDescent="0.2">
      <c r="A87" s="14">
        <v>67</v>
      </c>
      <c r="B87" s="15">
        <v>54</v>
      </c>
      <c r="C87" s="16">
        <v>59</v>
      </c>
      <c r="D87" s="17">
        <v>113</v>
      </c>
    </row>
    <row r="88" spans="1:4" ht="18" customHeight="1" x14ac:dyDescent="0.2">
      <c r="A88" s="14">
        <v>68</v>
      </c>
      <c r="B88" s="15">
        <v>52</v>
      </c>
      <c r="C88" s="16">
        <v>57</v>
      </c>
      <c r="D88" s="17">
        <v>109</v>
      </c>
    </row>
    <row r="89" spans="1:4" ht="18" customHeight="1" x14ac:dyDescent="0.2">
      <c r="A89" s="14">
        <v>69</v>
      </c>
      <c r="B89" s="15">
        <v>61</v>
      </c>
      <c r="C89" s="16">
        <v>56</v>
      </c>
      <c r="D89" s="17">
        <v>117</v>
      </c>
    </row>
    <row r="90" spans="1:4" ht="18" customHeight="1" x14ac:dyDescent="0.2">
      <c r="A90" s="18" t="s">
        <v>81</v>
      </c>
      <c r="B90" s="15">
        <v>286</v>
      </c>
      <c r="C90" s="16">
        <v>301</v>
      </c>
      <c r="D90" s="17">
        <v>587</v>
      </c>
    </row>
    <row r="91" spans="1:4" ht="18" customHeight="1" x14ac:dyDescent="0.2">
      <c r="A91" s="14">
        <v>70</v>
      </c>
      <c r="B91" s="15">
        <v>43</v>
      </c>
      <c r="C91" s="16">
        <v>26</v>
      </c>
      <c r="D91" s="17">
        <v>69</v>
      </c>
    </row>
    <row r="92" spans="1:4" ht="18" customHeight="1" x14ac:dyDescent="0.2">
      <c r="A92" s="14">
        <v>71</v>
      </c>
      <c r="B92" s="15">
        <v>42</v>
      </c>
      <c r="C92" s="16">
        <v>45</v>
      </c>
      <c r="D92" s="17">
        <v>87</v>
      </c>
    </row>
    <row r="93" spans="1:4" ht="18" customHeight="1" x14ac:dyDescent="0.2">
      <c r="A93" s="14">
        <v>72</v>
      </c>
      <c r="B93" s="15">
        <v>39</v>
      </c>
      <c r="C93" s="16">
        <v>42</v>
      </c>
      <c r="D93" s="17">
        <v>81</v>
      </c>
    </row>
    <row r="94" spans="1:4" ht="18" customHeight="1" x14ac:dyDescent="0.2">
      <c r="A94" s="14">
        <v>73</v>
      </c>
      <c r="B94" s="15">
        <v>46</v>
      </c>
      <c r="C94" s="16">
        <v>45</v>
      </c>
      <c r="D94" s="17">
        <v>91</v>
      </c>
    </row>
    <row r="95" spans="1:4" ht="18" customHeight="1" x14ac:dyDescent="0.2">
      <c r="A95" s="14">
        <v>74</v>
      </c>
      <c r="B95" s="15">
        <v>34</v>
      </c>
      <c r="C95" s="16">
        <v>33</v>
      </c>
      <c r="D95" s="17">
        <v>67</v>
      </c>
    </row>
    <row r="96" spans="1:4" ht="18" customHeight="1" x14ac:dyDescent="0.2">
      <c r="A96" s="18" t="s">
        <v>82</v>
      </c>
      <c r="B96" s="15">
        <v>204</v>
      </c>
      <c r="C96" s="16">
        <v>191</v>
      </c>
      <c r="D96" s="17">
        <v>395</v>
      </c>
    </row>
    <row r="97" spans="1:4" ht="18" customHeight="1" x14ac:dyDescent="0.2">
      <c r="A97" s="14">
        <v>75</v>
      </c>
      <c r="B97" s="15">
        <v>39</v>
      </c>
      <c r="C97" s="16">
        <v>35</v>
      </c>
      <c r="D97" s="17">
        <v>74</v>
      </c>
    </row>
    <row r="98" spans="1:4" ht="18" customHeight="1" x14ac:dyDescent="0.2">
      <c r="A98" s="14">
        <v>76</v>
      </c>
      <c r="B98" s="15">
        <v>28</v>
      </c>
      <c r="C98" s="16">
        <v>45</v>
      </c>
      <c r="D98" s="17">
        <v>73</v>
      </c>
    </row>
    <row r="99" spans="1:4" ht="18" customHeight="1" x14ac:dyDescent="0.2">
      <c r="A99" s="14">
        <v>77</v>
      </c>
      <c r="B99" s="15">
        <v>26</v>
      </c>
      <c r="C99" s="16">
        <v>43</v>
      </c>
      <c r="D99" s="17">
        <v>69</v>
      </c>
    </row>
    <row r="100" spans="1:4" ht="18" customHeight="1" x14ac:dyDescent="0.2">
      <c r="A100" s="14">
        <v>78</v>
      </c>
      <c r="B100" s="15">
        <v>29</v>
      </c>
      <c r="C100" s="16">
        <v>28</v>
      </c>
      <c r="D100" s="17">
        <v>57</v>
      </c>
    </row>
    <row r="101" spans="1:4" ht="18" customHeight="1" x14ac:dyDescent="0.2">
      <c r="A101" s="14">
        <v>79</v>
      </c>
      <c r="B101" s="15">
        <v>22</v>
      </c>
      <c r="C101" s="16">
        <v>51</v>
      </c>
      <c r="D101" s="17">
        <v>73</v>
      </c>
    </row>
    <row r="102" spans="1:4" ht="18" customHeight="1" x14ac:dyDescent="0.2">
      <c r="A102" s="18" t="s">
        <v>83</v>
      </c>
      <c r="B102" s="15">
        <v>144</v>
      </c>
      <c r="C102" s="16">
        <v>202</v>
      </c>
      <c r="D102" s="17">
        <v>346</v>
      </c>
    </row>
    <row r="103" spans="1:4" ht="18" customHeight="1" x14ac:dyDescent="0.2">
      <c r="A103" s="14">
        <v>80</v>
      </c>
      <c r="B103" s="15">
        <v>24</v>
      </c>
      <c r="C103" s="16">
        <v>44</v>
      </c>
      <c r="D103" s="17">
        <v>68</v>
      </c>
    </row>
    <row r="104" spans="1:4" ht="18" customHeight="1" x14ac:dyDescent="0.2">
      <c r="A104" s="14">
        <v>81</v>
      </c>
      <c r="B104" s="15">
        <v>36</v>
      </c>
      <c r="C104" s="16">
        <v>39</v>
      </c>
      <c r="D104" s="17">
        <v>75</v>
      </c>
    </row>
    <row r="105" spans="1:4" ht="18" customHeight="1" x14ac:dyDescent="0.2">
      <c r="A105" s="14">
        <v>82</v>
      </c>
      <c r="B105" s="15">
        <v>25</v>
      </c>
      <c r="C105" s="16">
        <v>38</v>
      </c>
      <c r="D105" s="17">
        <v>63</v>
      </c>
    </row>
    <row r="106" spans="1:4" ht="18" customHeight="1" x14ac:dyDescent="0.2">
      <c r="A106" s="14">
        <v>83</v>
      </c>
      <c r="B106" s="15">
        <v>21</v>
      </c>
      <c r="C106" s="16">
        <v>31</v>
      </c>
      <c r="D106" s="17">
        <v>52</v>
      </c>
    </row>
    <row r="107" spans="1:4" ht="18" customHeight="1" x14ac:dyDescent="0.2">
      <c r="A107" s="14">
        <v>84</v>
      </c>
      <c r="B107" s="15">
        <v>9</v>
      </c>
      <c r="C107" s="16">
        <v>25</v>
      </c>
      <c r="D107" s="17">
        <v>34</v>
      </c>
    </row>
    <row r="108" spans="1:4" ht="18" customHeight="1" x14ac:dyDescent="0.2">
      <c r="A108" s="18" t="s">
        <v>84</v>
      </c>
      <c r="B108" s="15">
        <v>115</v>
      </c>
      <c r="C108" s="16">
        <v>177</v>
      </c>
      <c r="D108" s="17">
        <v>292</v>
      </c>
    </row>
    <row r="109" spans="1:4" ht="18" customHeight="1" x14ac:dyDescent="0.2">
      <c r="A109" s="14">
        <v>85</v>
      </c>
      <c r="B109" s="15">
        <v>17</v>
      </c>
      <c r="C109" s="16">
        <v>17</v>
      </c>
      <c r="D109" s="17">
        <v>34</v>
      </c>
    </row>
    <row r="110" spans="1:4" ht="18" customHeight="1" x14ac:dyDescent="0.2">
      <c r="A110" s="14">
        <v>86</v>
      </c>
      <c r="B110" s="15">
        <v>7</v>
      </c>
      <c r="C110" s="16">
        <v>24</v>
      </c>
      <c r="D110" s="17">
        <v>31</v>
      </c>
    </row>
    <row r="111" spans="1:4" ht="18" customHeight="1" x14ac:dyDescent="0.2">
      <c r="A111" s="14">
        <v>87</v>
      </c>
      <c r="B111" s="15">
        <v>9</v>
      </c>
      <c r="C111" s="16">
        <v>20</v>
      </c>
      <c r="D111" s="17">
        <v>29</v>
      </c>
    </row>
    <row r="112" spans="1:4" ht="18" customHeight="1" x14ac:dyDescent="0.2">
      <c r="A112" s="14">
        <v>88</v>
      </c>
      <c r="B112" s="15">
        <v>3</v>
      </c>
      <c r="C112" s="16">
        <v>10</v>
      </c>
      <c r="D112" s="17">
        <v>13</v>
      </c>
    </row>
    <row r="113" spans="1:4" ht="18" customHeight="1" x14ac:dyDescent="0.2">
      <c r="A113" s="14">
        <v>89</v>
      </c>
      <c r="B113" s="15">
        <v>6</v>
      </c>
      <c r="C113" s="16">
        <v>17</v>
      </c>
      <c r="D113" s="17">
        <v>23</v>
      </c>
    </row>
    <row r="114" spans="1:4" ht="18" customHeight="1" x14ac:dyDescent="0.2">
      <c r="A114" s="18" t="s">
        <v>85</v>
      </c>
      <c r="B114" s="15">
        <v>42</v>
      </c>
      <c r="C114" s="16">
        <v>88</v>
      </c>
      <c r="D114" s="17">
        <v>130</v>
      </c>
    </row>
    <row r="115" spans="1:4" ht="18" customHeight="1" x14ac:dyDescent="0.2">
      <c r="A115" s="14">
        <v>90</v>
      </c>
      <c r="B115" s="15">
        <v>9</v>
      </c>
      <c r="C115" s="16">
        <v>10</v>
      </c>
      <c r="D115" s="17">
        <v>19</v>
      </c>
    </row>
    <row r="116" spans="1:4" ht="18" customHeight="1" x14ac:dyDescent="0.2">
      <c r="A116" s="14">
        <v>91</v>
      </c>
      <c r="B116" s="15">
        <v>3</v>
      </c>
      <c r="C116" s="16">
        <v>8</v>
      </c>
      <c r="D116" s="17">
        <v>11</v>
      </c>
    </row>
    <row r="117" spans="1:4" ht="18" customHeight="1" x14ac:dyDescent="0.2">
      <c r="A117" s="14">
        <v>92</v>
      </c>
      <c r="B117" s="15">
        <v>2</v>
      </c>
      <c r="C117" s="16">
        <v>6</v>
      </c>
      <c r="D117" s="17">
        <v>8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86</v>
      </c>
      <c r="B120" s="15">
        <v>16</v>
      </c>
      <c r="C120" s="16">
        <v>31</v>
      </c>
      <c r="D120" s="17">
        <v>47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3</v>
      </c>
      <c r="C122" s="16">
        <v>4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3</v>
      </c>
      <c r="C126" s="16">
        <v>14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810</v>
      </c>
      <c r="C130" s="5">
        <v>1005</v>
      </c>
      <c r="D130" s="6">
        <v>1815</v>
      </c>
    </row>
    <row r="131" spans="1:4" ht="18" customHeight="1" x14ac:dyDescent="0.2">
      <c r="A131" s="20" t="s">
        <v>65</v>
      </c>
      <c r="B131" s="7">
        <v>3143</v>
      </c>
      <c r="C131" s="8">
        <v>3271</v>
      </c>
      <c r="D131" s="9">
        <v>641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30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73</v>
      </c>
      <c r="C5" s="12">
        <v>64</v>
      </c>
      <c r="D5" s="13">
        <v>137</v>
      </c>
    </row>
    <row r="6" spans="1:4" ht="18" customHeight="1" x14ac:dyDescent="0.2">
      <c r="A6" s="14">
        <v>1</v>
      </c>
      <c r="B6" s="15">
        <v>67</v>
      </c>
      <c r="C6" s="16">
        <v>79</v>
      </c>
      <c r="D6" s="17">
        <v>146</v>
      </c>
    </row>
    <row r="7" spans="1:4" ht="18" customHeight="1" x14ac:dyDescent="0.2">
      <c r="A7" s="14">
        <v>2</v>
      </c>
      <c r="B7" s="15">
        <v>73</v>
      </c>
      <c r="C7" s="16">
        <v>63</v>
      </c>
      <c r="D7" s="17">
        <v>136</v>
      </c>
    </row>
    <row r="8" spans="1:4" ht="18" customHeight="1" x14ac:dyDescent="0.2">
      <c r="A8" s="14">
        <v>3</v>
      </c>
      <c r="B8" s="15">
        <v>77</v>
      </c>
      <c r="C8" s="16">
        <v>50</v>
      </c>
      <c r="D8" s="17">
        <v>127</v>
      </c>
    </row>
    <row r="9" spans="1:4" ht="18" customHeight="1" x14ac:dyDescent="0.2">
      <c r="A9" s="14">
        <v>4</v>
      </c>
      <c r="B9" s="15">
        <v>58</v>
      </c>
      <c r="C9" s="16">
        <v>73</v>
      </c>
      <c r="D9" s="17">
        <v>131</v>
      </c>
    </row>
    <row r="10" spans="1:4" ht="18" customHeight="1" x14ac:dyDescent="0.2">
      <c r="A10" s="18" t="s">
        <v>66</v>
      </c>
      <c r="B10" s="15">
        <v>348</v>
      </c>
      <c r="C10" s="16">
        <v>329</v>
      </c>
      <c r="D10" s="17">
        <v>677</v>
      </c>
    </row>
    <row r="11" spans="1:4" ht="18" customHeight="1" x14ac:dyDescent="0.2">
      <c r="A11" s="14">
        <v>5</v>
      </c>
      <c r="B11" s="15">
        <v>56</v>
      </c>
      <c r="C11" s="16">
        <v>70</v>
      </c>
      <c r="D11" s="17">
        <v>126</v>
      </c>
    </row>
    <row r="12" spans="1:4" ht="18" customHeight="1" x14ac:dyDescent="0.2">
      <c r="A12" s="14">
        <v>6</v>
      </c>
      <c r="B12" s="15">
        <v>52</v>
      </c>
      <c r="C12" s="16">
        <v>53</v>
      </c>
      <c r="D12" s="17">
        <v>105</v>
      </c>
    </row>
    <row r="13" spans="1:4" ht="18" customHeight="1" x14ac:dyDescent="0.2">
      <c r="A13" s="14">
        <v>7</v>
      </c>
      <c r="B13" s="15">
        <v>61</v>
      </c>
      <c r="C13" s="16">
        <v>74</v>
      </c>
      <c r="D13" s="17">
        <v>135</v>
      </c>
    </row>
    <row r="14" spans="1:4" ht="18" customHeight="1" x14ac:dyDescent="0.2">
      <c r="A14" s="14">
        <v>8</v>
      </c>
      <c r="B14" s="15">
        <v>61</v>
      </c>
      <c r="C14" s="16">
        <v>62</v>
      </c>
      <c r="D14" s="17">
        <v>123</v>
      </c>
    </row>
    <row r="15" spans="1:4" ht="18" customHeight="1" x14ac:dyDescent="0.2">
      <c r="A15" s="14">
        <v>9</v>
      </c>
      <c r="B15" s="15">
        <v>62</v>
      </c>
      <c r="C15" s="16">
        <v>64</v>
      </c>
      <c r="D15" s="17">
        <v>126</v>
      </c>
    </row>
    <row r="16" spans="1:4" ht="18" customHeight="1" x14ac:dyDescent="0.2">
      <c r="A16" s="18" t="s">
        <v>67</v>
      </c>
      <c r="B16" s="15">
        <v>292</v>
      </c>
      <c r="C16" s="16">
        <v>323</v>
      </c>
      <c r="D16" s="17">
        <v>615</v>
      </c>
    </row>
    <row r="17" spans="1:4" ht="18" customHeight="1" x14ac:dyDescent="0.2">
      <c r="A17" s="14">
        <v>10</v>
      </c>
      <c r="B17" s="15">
        <v>61</v>
      </c>
      <c r="C17" s="16">
        <v>51</v>
      </c>
      <c r="D17" s="17">
        <v>112</v>
      </c>
    </row>
    <row r="18" spans="1:4" ht="18" customHeight="1" x14ac:dyDescent="0.2">
      <c r="A18" s="14">
        <v>11</v>
      </c>
      <c r="B18" s="15">
        <v>62</v>
      </c>
      <c r="C18" s="16">
        <v>55</v>
      </c>
      <c r="D18" s="17">
        <v>117</v>
      </c>
    </row>
    <row r="19" spans="1:4" ht="18" customHeight="1" x14ac:dyDescent="0.2">
      <c r="A19" s="14">
        <v>12</v>
      </c>
      <c r="B19" s="15">
        <v>53</v>
      </c>
      <c r="C19" s="16">
        <v>60</v>
      </c>
      <c r="D19" s="17">
        <v>113</v>
      </c>
    </row>
    <row r="20" spans="1:4" ht="18" customHeight="1" x14ac:dyDescent="0.2">
      <c r="A20" s="14">
        <v>13</v>
      </c>
      <c r="B20" s="15">
        <v>52</v>
      </c>
      <c r="C20" s="16">
        <v>60</v>
      </c>
      <c r="D20" s="17">
        <v>112</v>
      </c>
    </row>
    <row r="21" spans="1:4" ht="18" customHeight="1" x14ac:dyDescent="0.2">
      <c r="A21" s="14">
        <v>14</v>
      </c>
      <c r="B21" s="15">
        <v>77</v>
      </c>
      <c r="C21" s="16">
        <v>62</v>
      </c>
      <c r="D21" s="17">
        <v>139</v>
      </c>
    </row>
    <row r="22" spans="1:4" ht="18" customHeight="1" x14ac:dyDescent="0.2">
      <c r="A22" s="18" t="s">
        <v>68</v>
      </c>
      <c r="B22" s="15">
        <v>305</v>
      </c>
      <c r="C22" s="16">
        <v>288</v>
      </c>
      <c r="D22" s="17">
        <v>593</v>
      </c>
    </row>
    <row r="23" spans="1:4" ht="18" customHeight="1" x14ac:dyDescent="0.2">
      <c r="A23" s="18" t="s">
        <v>69</v>
      </c>
      <c r="B23" s="15">
        <v>945</v>
      </c>
      <c r="C23" s="16">
        <v>940</v>
      </c>
      <c r="D23" s="17">
        <v>1885</v>
      </c>
    </row>
    <row r="24" spans="1:4" ht="18" customHeight="1" x14ac:dyDescent="0.2">
      <c r="A24" s="14">
        <v>15</v>
      </c>
      <c r="B24" s="15">
        <v>58</v>
      </c>
      <c r="C24" s="16">
        <v>62</v>
      </c>
      <c r="D24" s="17">
        <v>120</v>
      </c>
    </row>
    <row r="25" spans="1:4" ht="18" customHeight="1" x14ac:dyDescent="0.2">
      <c r="A25" s="14">
        <v>16</v>
      </c>
      <c r="B25" s="15">
        <v>55</v>
      </c>
      <c r="C25" s="16">
        <v>53</v>
      </c>
      <c r="D25" s="17">
        <v>108</v>
      </c>
    </row>
    <row r="26" spans="1:4" ht="18" customHeight="1" x14ac:dyDescent="0.2">
      <c r="A26" s="14">
        <v>17</v>
      </c>
      <c r="B26" s="15">
        <v>62</v>
      </c>
      <c r="C26" s="16">
        <v>86</v>
      </c>
      <c r="D26" s="17">
        <v>148</v>
      </c>
    </row>
    <row r="27" spans="1:4" ht="18" customHeight="1" x14ac:dyDescent="0.2">
      <c r="A27" s="14">
        <v>18</v>
      </c>
      <c r="B27" s="15">
        <v>57</v>
      </c>
      <c r="C27" s="16">
        <v>53</v>
      </c>
      <c r="D27" s="17">
        <v>110</v>
      </c>
    </row>
    <row r="28" spans="1:4" ht="18" customHeight="1" x14ac:dyDescent="0.2">
      <c r="A28" s="14">
        <v>19</v>
      </c>
      <c r="B28" s="15">
        <v>61</v>
      </c>
      <c r="C28" s="16">
        <v>57</v>
      </c>
      <c r="D28" s="17">
        <v>118</v>
      </c>
    </row>
    <row r="29" spans="1:4" ht="18" customHeight="1" x14ac:dyDescent="0.2">
      <c r="A29" s="18" t="s">
        <v>70</v>
      </c>
      <c r="B29" s="15">
        <v>293</v>
      </c>
      <c r="C29" s="16">
        <v>311</v>
      </c>
      <c r="D29" s="17">
        <v>604</v>
      </c>
    </row>
    <row r="30" spans="1:4" ht="18" customHeight="1" x14ac:dyDescent="0.2">
      <c r="A30" s="14">
        <v>20</v>
      </c>
      <c r="B30" s="15">
        <v>51</v>
      </c>
      <c r="C30" s="16">
        <v>61</v>
      </c>
      <c r="D30" s="17">
        <v>112</v>
      </c>
    </row>
    <row r="31" spans="1:4" ht="18" customHeight="1" x14ac:dyDescent="0.2">
      <c r="A31" s="14">
        <v>21</v>
      </c>
      <c r="B31" s="15">
        <v>51</v>
      </c>
      <c r="C31" s="16">
        <v>66</v>
      </c>
      <c r="D31" s="17">
        <v>117</v>
      </c>
    </row>
    <row r="32" spans="1:4" ht="18" customHeight="1" x14ac:dyDescent="0.2">
      <c r="A32" s="14">
        <v>22</v>
      </c>
      <c r="B32" s="15">
        <v>48</v>
      </c>
      <c r="C32" s="16">
        <v>52</v>
      </c>
      <c r="D32" s="17">
        <v>100</v>
      </c>
    </row>
    <row r="33" spans="1:4" ht="18" customHeight="1" x14ac:dyDescent="0.2">
      <c r="A33" s="14">
        <v>23</v>
      </c>
      <c r="B33" s="15">
        <v>55</v>
      </c>
      <c r="C33" s="16">
        <v>55</v>
      </c>
      <c r="D33" s="17">
        <v>110</v>
      </c>
    </row>
    <row r="34" spans="1:4" ht="18" customHeight="1" x14ac:dyDescent="0.2">
      <c r="A34" s="14">
        <v>24</v>
      </c>
      <c r="B34" s="15">
        <v>79</v>
      </c>
      <c r="C34" s="16">
        <v>78</v>
      </c>
      <c r="D34" s="17">
        <v>157</v>
      </c>
    </row>
    <row r="35" spans="1:4" ht="18" customHeight="1" x14ac:dyDescent="0.2">
      <c r="A35" s="18" t="s">
        <v>71</v>
      </c>
      <c r="B35" s="15">
        <v>284</v>
      </c>
      <c r="C35" s="16">
        <v>312</v>
      </c>
      <c r="D35" s="17">
        <v>596</v>
      </c>
    </row>
    <row r="36" spans="1:4" ht="18" customHeight="1" x14ac:dyDescent="0.2">
      <c r="A36" s="14">
        <v>25</v>
      </c>
      <c r="B36" s="15">
        <v>83</v>
      </c>
      <c r="C36" s="16">
        <v>73</v>
      </c>
      <c r="D36" s="17">
        <v>156</v>
      </c>
    </row>
    <row r="37" spans="1:4" ht="18" customHeight="1" x14ac:dyDescent="0.2">
      <c r="A37" s="14">
        <v>26</v>
      </c>
      <c r="B37" s="15">
        <v>74</v>
      </c>
      <c r="C37" s="16">
        <v>78</v>
      </c>
      <c r="D37" s="17">
        <v>152</v>
      </c>
    </row>
    <row r="38" spans="1:4" ht="18" customHeight="1" x14ac:dyDescent="0.2">
      <c r="A38" s="14">
        <v>27</v>
      </c>
      <c r="B38" s="15">
        <v>73</v>
      </c>
      <c r="C38" s="16">
        <v>73</v>
      </c>
      <c r="D38" s="17">
        <v>146</v>
      </c>
    </row>
    <row r="39" spans="1:4" ht="18" customHeight="1" x14ac:dyDescent="0.2">
      <c r="A39" s="14">
        <v>28</v>
      </c>
      <c r="B39" s="15">
        <v>89</v>
      </c>
      <c r="C39" s="16">
        <v>99</v>
      </c>
      <c r="D39" s="17">
        <v>188</v>
      </c>
    </row>
    <row r="40" spans="1:4" ht="18" customHeight="1" x14ac:dyDescent="0.2">
      <c r="A40" s="14">
        <v>29</v>
      </c>
      <c r="B40" s="15">
        <v>87</v>
      </c>
      <c r="C40" s="16">
        <v>81</v>
      </c>
      <c r="D40" s="17">
        <v>168</v>
      </c>
    </row>
    <row r="41" spans="1:4" ht="18" customHeight="1" x14ac:dyDescent="0.2">
      <c r="A41" s="18" t="s">
        <v>72</v>
      </c>
      <c r="B41" s="15">
        <v>406</v>
      </c>
      <c r="C41" s="16">
        <v>404</v>
      </c>
      <c r="D41" s="17">
        <v>810</v>
      </c>
    </row>
    <row r="42" spans="1:4" ht="18" customHeight="1" x14ac:dyDescent="0.2">
      <c r="A42" s="14">
        <v>30</v>
      </c>
      <c r="B42" s="15">
        <v>102</v>
      </c>
      <c r="C42" s="16">
        <v>93</v>
      </c>
      <c r="D42" s="17">
        <v>195</v>
      </c>
    </row>
    <row r="43" spans="1:4" ht="18" customHeight="1" x14ac:dyDescent="0.2">
      <c r="A43" s="14">
        <v>31</v>
      </c>
      <c r="B43" s="15">
        <v>110</v>
      </c>
      <c r="C43" s="16">
        <v>110</v>
      </c>
      <c r="D43" s="17">
        <v>220</v>
      </c>
    </row>
    <row r="44" spans="1:4" ht="18" customHeight="1" x14ac:dyDescent="0.2">
      <c r="A44" s="14">
        <v>32</v>
      </c>
      <c r="B44" s="15">
        <v>101</v>
      </c>
      <c r="C44" s="16">
        <v>91</v>
      </c>
      <c r="D44" s="17">
        <v>192</v>
      </c>
    </row>
    <row r="45" spans="1:4" ht="18" customHeight="1" x14ac:dyDescent="0.2">
      <c r="A45" s="14">
        <v>33</v>
      </c>
      <c r="B45" s="15">
        <v>111</v>
      </c>
      <c r="C45" s="16">
        <v>95</v>
      </c>
      <c r="D45" s="17">
        <v>206</v>
      </c>
    </row>
    <row r="46" spans="1:4" ht="18" customHeight="1" x14ac:dyDescent="0.2">
      <c r="A46" s="14">
        <v>34</v>
      </c>
      <c r="B46" s="15">
        <v>125</v>
      </c>
      <c r="C46" s="16">
        <v>103</v>
      </c>
      <c r="D46" s="17">
        <v>228</v>
      </c>
    </row>
    <row r="47" spans="1:4" ht="18" customHeight="1" x14ac:dyDescent="0.2">
      <c r="A47" s="18" t="s">
        <v>73</v>
      </c>
      <c r="B47" s="15">
        <v>549</v>
      </c>
      <c r="C47" s="16">
        <v>492</v>
      </c>
      <c r="D47" s="17">
        <v>1041</v>
      </c>
    </row>
    <row r="48" spans="1:4" ht="18" customHeight="1" x14ac:dyDescent="0.2">
      <c r="A48" s="14">
        <v>35</v>
      </c>
      <c r="B48" s="15">
        <v>123</v>
      </c>
      <c r="C48" s="16">
        <v>131</v>
      </c>
      <c r="D48" s="17">
        <v>254</v>
      </c>
    </row>
    <row r="49" spans="1:4" ht="18" customHeight="1" x14ac:dyDescent="0.2">
      <c r="A49" s="14">
        <v>36</v>
      </c>
      <c r="B49" s="15">
        <v>123</v>
      </c>
      <c r="C49" s="16">
        <v>116</v>
      </c>
      <c r="D49" s="17">
        <v>239</v>
      </c>
    </row>
    <row r="50" spans="1:4" ht="18" customHeight="1" x14ac:dyDescent="0.2">
      <c r="A50" s="14">
        <v>37</v>
      </c>
      <c r="B50" s="15">
        <v>117</v>
      </c>
      <c r="C50" s="16">
        <v>117</v>
      </c>
      <c r="D50" s="17">
        <v>234</v>
      </c>
    </row>
    <row r="51" spans="1:4" ht="18" customHeight="1" x14ac:dyDescent="0.2">
      <c r="A51" s="14">
        <v>38</v>
      </c>
      <c r="B51" s="15">
        <v>105</v>
      </c>
      <c r="C51" s="16">
        <v>111</v>
      </c>
      <c r="D51" s="17">
        <v>216</v>
      </c>
    </row>
    <row r="52" spans="1:4" ht="18" customHeight="1" x14ac:dyDescent="0.2">
      <c r="A52" s="14">
        <v>39</v>
      </c>
      <c r="B52" s="15">
        <v>107</v>
      </c>
      <c r="C52" s="16">
        <v>97</v>
      </c>
      <c r="D52" s="17">
        <v>204</v>
      </c>
    </row>
    <row r="53" spans="1:4" ht="18" customHeight="1" x14ac:dyDescent="0.2">
      <c r="A53" s="18" t="s">
        <v>74</v>
      </c>
      <c r="B53" s="15">
        <v>575</v>
      </c>
      <c r="C53" s="16">
        <v>572</v>
      </c>
      <c r="D53" s="17">
        <v>1147</v>
      </c>
    </row>
    <row r="54" spans="1:4" ht="18" customHeight="1" x14ac:dyDescent="0.2">
      <c r="A54" s="14">
        <v>40</v>
      </c>
      <c r="B54" s="15">
        <v>81</v>
      </c>
      <c r="C54" s="16">
        <v>100</v>
      </c>
      <c r="D54" s="17">
        <v>181</v>
      </c>
    </row>
    <row r="55" spans="1:4" ht="18" customHeight="1" x14ac:dyDescent="0.2">
      <c r="A55" s="14">
        <v>41</v>
      </c>
      <c r="B55" s="15">
        <v>107</v>
      </c>
      <c r="C55" s="16">
        <v>66</v>
      </c>
      <c r="D55" s="17">
        <v>173</v>
      </c>
    </row>
    <row r="56" spans="1:4" ht="18" customHeight="1" x14ac:dyDescent="0.2">
      <c r="A56" s="14">
        <v>42</v>
      </c>
      <c r="B56" s="15">
        <v>90</v>
      </c>
      <c r="C56" s="16">
        <v>90</v>
      </c>
      <c r="D56" s="17">
        <v>180</v>
      </c>
    </row>
    <row r="57" spans="1:4" ht="18" customHeight="1" x14ac:dyDescent="0.2">
      <c r="A57" s="14">
        <v>43</v>
      </c>
      <c r="B57" s="15">
        <v>58</v>
      </c>
      <c r="C57" s="16">
        <v>84</v>
      </c>
      <c r="D57" s="17">
        <v>142</v>
      </c>
    </row>
    <row r="58" spans="1:4" ht="18" customHeight="1" x14ac:dyDescent="0.2">
      <c r="A58" s="14">
        <v>44</v>
      </c>
      <c r="B58" s="15">
        <v>79</v>
      </c>
      <c r="C58" s="16">
        <v>87</v>
      </c>
      <c r="D58" s="17">
        <v>166</v>
      </c>
    </row>
    <row r="59" spans="1:4" ht="18" customHeight="1" x14ac:dyDescent="0.2">
      <c r="A59" s="18" t="s">
        <v>75</v>
      </c>
      <c r="B59" s="15">
        <v>415</v>
      </c>
      <c r="C59" s="16">
        <v>427</v>
      </c>
      <c r="D59" s="17">
        <v>842</v>
      </c>
    </row>
    <row r="60" spans="1:4" ht="18" customHeight="1" x14ac:dyDescent="0.2">
      <c r="A60" s="14">
        <v>45</v>
      </c>
      <c r="B60" s="15">
        <v>96</v>
      </c>
      <c r="C60" s="16">
        <v>92</v>
      </c>
      <c r="D60" s="17">
        <v>188</v>
      </c>
    </row>
    <row r="61" spans="1:4" ht="18" customHeight="1" x14ac:dyDescent="0.2">
      <c r="A61" s="14">
        <v>46</v>
      </c>
      <c r="B61" s="15">
        <v>87</v>
      </c>
      <c r="C61" s="16">
        <v>78</v>
      </c>
      <c r="D61" s="17">
        <v>165</v>
      </c>
    </row>
    <row r="62" spans="1:4" ht="18" customHeight="1" x14ac:dyDescent="0.2">
      <c r="A62" s="14">
        <v>47</v>
      </c>
      <c r="B62" s="15">
        <v>57</v>
      </c>
      <c r="C62" s="16">
        <v>75</v>
      </c>
      <c r="D62" s="17">
        <v>132</v>
      </c>
    </row>
    <row r="63" spans="1:4" ht="18" customHeight="1" x14ac:dyDescent="0.2">
      <c r="A63" s="14">
        <v>48</v>
      </c>
      <c r="B63" s="15">
        <v>65</v>
      </c>
      <c r="C63" s="16">
        <v>54</v>
      </c>
      <c r="D63" s="17">
        <v>119</v>
      </c>
    </row>
    <row r="64" spans="1:4" ht="18" customHeight="1" x14ac:dyDescent="0.2">
      <c r="A64" s="14">
        <v>49</v>
      </c>
      <c r="B64" s="15">
        <v>76</v>
      </c>
      <c r="C64" s="16">
        <v>85</v>
      </c>
      <c r="D64" s="17">
        <v>161</v>
      </c>
    </row>
    <row r="65" spans="1:4" ht="18" customHeight="1" x14ac:dyDescent="0.2">
      <c r="A65" s="18" t="s">
        <v>76</v>
      </c>
      <c r="B65" s="15">
        <v>381</v>
      </c>
      <c r="C65" s="16">
        <v>384</v>
      </c>
      <c r="D65" s="17">
        <v>765</v>
      </c>
    </row>
    <row r="66" spans="1:4" ht="18" customHeight="1" x14ac:dyDescent="0.2">
      <c r="A66" s="14">
        <v>50</v>
      </c>
      <c r="B66" s="15">
        <v>61</v>
      </c>
      <c r="C66" s="16">
        <v>75</v>
      </c>
      <c r="D66" s="17">
        <v>136</v>
      </c>
    </row>
    <row r="67" spans="1:4" ht="18" customHeight="1" x14ac:dyDescent="0.2">
      <c r="A67" s="14">
        <v>51</v>
      </c>
      <c r="B67" s="15">
        <v>67</v>
      </c>
      <c r="C67" s="16">
        <v>72</v>
      </c>
      <c r="D67" s="17">
        <v>139</v>
      </c>
    </row>
    <row r="68" spans="1:4" ht="18" customHeight="1" x14ac:dyDescent="0.2">
      <c r="A68" s="14">
        <v>52</v>
      </c>
      <c r="B68" s="15">
        <v>64</v>
      </c>
      <c r="C68" s="16">
        <v>65</v>
      </c>
      <c r="D68" s="17">
        <v>129</v>
      </c>
    </row>
    <row r="69" spans="1:4" ht="18" customHeight="1" x14ac:dyDescent="0.2">
      <c r="A69" s="14">
        <v>53</v>
      </c>
      <c r="B69" s="15">
        <v>65</v>
      </c>
      <c r="C69" s="16">
        <v>77</v>
      </c>
      <c r="D69" s="17">
        <v>142</v>
      </c>
    </row>
    <row r="70" spans="1:4" ht="18" customHeight="1" x14ac:dyDescent="0.2">
      <c r="A70" s="14">
        <v>54</v>
      </c>
      <c r="B70" s="15">
        <v>73</v>
      </c>
      <c r="C70" s="16">
        <v>75</v>
      </c>
      <c r="D70" s="17">
        <v>148</v>
      </c>
    </row>
    <row r="71" spans="1:4" ht="18" customHeight="1" x14ac:dyDescent="0.2">
      <c r="A71" s="18" t="s">
        <v>77</v>
      </c>
      <c r="B71" s="15">
        <v>330</v>
      </c>
      <c r="C71" s="16">
        <v>364</v>
      </c>
      <c r="D71" s="17">
        <v>694</v>
      </c>
    </row>
    <row r="72" spans="1:4" ht="18" customHeight="1" x14ac:dyDescent="0.2">
      <c r="A72" s="14">
        <v>55</v>
      </c>
      <c r="B72" s="15">
        <v>72</v>
      </c>
      <c r="C72" s="16">
        <v>99</v>
      </c>
      <c r="D72" s="17">
        <v>171</v>
      </c>
    </row>
    <row r="73" spans="1:4" ht="18" customHeight="1" x14ac:dyDescent="0.2">
      <c r="A73" s="14">
        <v>56</v>
      </c>
      <c r="B73" s="15">
        <v>70</v>
      </c>
      <c r="C73" s="16">
        <v>91</v>
      </c>
      <c r="D73" s="17">
        <v>161</v>
      </c>
    </row>
    <row r="74" spans="1:4" ht="18" customHeight="1" x14ac:dyDescent="0.2">
      <c r="A74" s="14">
        <v>57</v>
      </c>
      <c r="B74" s="15">
        <v>87</v>
      </c>
      <c r="C74" s="16">
        <v>66</v>
      </c>
      <c r="D74" s="17">
        <v>153</v>
      </c>
    </row>
    <row r="75" spans="1:4" ht="18" customHeight="1" x14ac:dyDescent="0.2">
      <c r="A75" s="14">
        <v>58</v>
      </c>
      <c r="B75" s="15">
        <v>109</v>
      </c>
      <c r="C75" s="16">
        <v>95</v>
      </c>
      <c r="D75" s="17">
        <v>204</v>
      </c>
    </row>
    <row r="76" spans="1:4" ht="18" customHeight="1" x14ac:dyDescent="0.2">
      <c r="A76" s="14">
        <v>59</v>
      </c>
      <c r="B76" s="15">
        <v>89</v>
      </c>
      <c r="C76" s="16">
        <v>100</v>
      </c>
      <c r="D76" s="17">
        <v>189</v>
      </c>
    </row>
    <row r="77" spans="1:4" ht="18" customHeight="1" x14ac:dyDescent="0.2">
      <c r="A77" s="18" t="s">
        <v>78</v>
      </c>
      <c r="B77" s="15">
        <v>427</v>
      </c>
      <c r="C77" s="16">
        <v>451</v>
      </c>
      <c r="D77" s="17">
        <v>878</v>
      </c>
    </row>
    <row r="78" spans="1:4" ht="18" customHeight="1" x14ac:dyDescent="0.2">
      <c r="A78" s="14">
        <v>60</v>
      </c>
      <c r="B78" s="15">
        <v>101</v>
      </c>
      <c r="C78" s="16">
        <v>91</v>
      </c>
      <c r="D78" s="17">
        <v>192</v>
      </c>
    </row>
    <row r="79" spans="1:4" ht="18" customHeight="1" x14ac:dyDescent="0.2">
      <c r="A79" s="14">
        <v>61</v>
      </c>
      <c r="B79" s="15">
        <v>96</v>
      </c>
      <c r="C79" s="16">
        <v>99</v>
      </c>
      <c r="D79" s="17">
        <v>195</v>
      </c>
    </row>
    <row r="80" spans="1:4" ht="18" customHeight="1" x14ac:dyDescent="0.2">
      <c r="A80" s="14">
        <v>62</v>
      </c>
      <c r="B80" s="15">
        <v>107</v>
      </c>
      <c r="C80" s="16">
        <v>122</v>
      </c>
      <c r="D80" s="17">
        <v>229</v>
      </c>
    </row>
    <row r="81" spans="1:4" ht="18" customHeight="1" x14ac:dyDescent="0.2">
      <c r="A81" s="14">
        <v>63</v>
      </c>
      <c r="B81" s="15">
        <v>67</v>
      </c>
      <c r="C81" s="16">
        <v>56</v>
      </c>
      <c r="D81" s="17">
        <v>123</v>
      </c>
    </row>
    <row r="82" spans="1:4" ht="18" customHeight="1" x14ac:dyDescent="0.2">
      <c r="A82" s="14">
        <v>64</v>
      </c>
      <c r="B82" s="15">
        <v>69</v>
      </c>
      <c r="C82" s="16">
        <v>78</v>
      </c>
      <c r="D82" s="17">
        <v>147</v>
      </c>
    </row>
    <row r="83" spans="1:4" ht="18" customHeight="1" x14ac:dyDescent="0.2">
      <c r="A83" s="18" t="s">
        <v>79</v>
      </c>
      <c r="B83" s="15">
        <v>440</v>
      </c>
      <c r="C83" s="16">
        <v>446</v>
      </c>
      <c r="D83" s="17">
        <v>886</v>
      </c>
    </row>
    <row r="84" spans="1:4" ht="18" customHeight="1" x14ac:dyDescent="0.2">
      <c r="A84" s="18" t="s">
        <v>80</v>
      </c>
      <c r="B84" s="15">
        <v>4100</v>
      </c>
      <c r="C84" s="16">
        <v>4163</v>
      </c>
      <c r="D84" s="17">
        <v>8263</v>
      </c>
    </row>
    <row r="85" spans="1:4" ht="18" customHeight="1" x14ac:dyDescent="0.2">
      <c r="A85" s="14">
        <v>65</v>
      </c>
      <c r="B85" s="15">
        <v>80</v>
      </c>
      <c r="C85" s="16">
        <v>96</v>
      </c>
      <c r="D85" s="17">
        <v>176</v>
      </c>
    </row>
    <row r="86" spans="1:4" ht="18" customHeight="1" x14ac:dyDescent="0.2">
      <c r="A86" s="14">
        <v>66</v>
      </c>
      <c r="B86" s="15">
        <v>64</v>
      </c>
      <c r="C86" s="16">
        <v>96</v>
      </c>
      <c r="D86" s="17">
        <v>160</v>
      </c>
    </row>
    <row r="87" spans="1:4" ht="18" customHeight="1" x14ac:dyDescent="0.2">
      <c r="A87" s="14">
        <v>67</v>
      </c>
      <c r="B87" s="15">
        <v>71</v>
      </c>
      <c r="C87" s="16">
        <v>98</v>
      </c>
      <c r="D87" s="17">
        <v>169</v>
      </c>
    </row>
    <row r="88" spans="1:4" ht="18" customHeight="1" x14ac:dyDescent="0.2">
      <c r="A88" s="14">
        <v>68</v>
      </c>
      <c r="B88" s="15">
        <v>50</v>
      </c>
      <c r="C88" s="16">
        <v>87</v>
      </c>
      <c r="D88" s="17">
        <v>137</v>
      </c>
    </row>
    <row r="89" spans="1:4" ht="18" customHeight="1" x14ac:dyDescent="0.2">
      <c r="A89" s="14">
        <v>69</v>
      </c>
      <c r="B89" s="15">
        <v>85</v>
      </c>
      <c r="C89" s="16">
        <v>85</v>
      </c>
      <c r="D89" s="17">
        <v>170</v>
      </c>
    </row>
    <row r="90" spans="1:4" ht="18" customHeight="1" x14ac:dyDescent="0.2">
      <c r="A90" s="18" t="s">
        <v>81</v>
      </c>
      <c r="B90" s="15">
        <v>350</v>
      </c>
      <c r="C90" s="16">
        <v>462</v>
      </c>
      <c r="D90" s="17">
        <v>812</v>
      </c>
    </row>
    <row r="91" spans="1:4" ht="18" customHeight="1" x14ac:dyDescent="0.2">
      <c r="A91" s="14">
        <v>70</v>
      </c>
      <c r="B91" s="15">
        <v>66</v>
      </c>
      <c r="C91" s="16">
        <v>66</v>
      </c>
      <c r="D91" s="17">
        <v>132</v>
      </c>
    </row>
    <row r="92" spans="1:4" ht="18" customHeight="1" x14ac:dyDescent="0.2">
      <c r="A92" s="14">
        <v>71</v>
      </c>
      <c r="B92" s="15">
        <v>49</v>
      </c>
      <c r="C92" s="16">
        <v>70</v>
      </c>
      <c r="D92" s="17">
        <v>119</v>
      </c>
    </row>
    <row r="93" spans="1:4" ht="18" customHeight="1" x14ac:dyDescent="0.2">
      <c r="A93" s="14">
        <v>72</v>
      </c>
      <c r="B93" s="15">
        <v>52</v>
      </c>
      <c r="C93" s="16">
        <v>85</v>
      </c>
      <c r="D93" s="17">
        <v>137</v>
      </c>
    </row>
    <row r="94" spans="1:4" ht="18" customHeight="1" x14ac:dyDescent="0.2">
      <c r="A94" s="14">
        <v>73</v>
      </c>
      <c r="B94" s="15">
        <v>66</v>
      </c>
      <c r="C94" s="16">
        <v>73</v>
      </c>
      <c r="D94" s="17">
        <v>139</v>
      </c>
    </row>
    <row r="95" spans="1:4" ht="18" customHeight="1" x14ac:dyDescent="0.2">
      <c r="A95" s="14">
        <v>74</v>
      </c>
      <c r="B95" s="15">
        <v>48</v>
      </c>
      <c r="C95" s="16">
        <v>57</v>
      </c>
      <c r="D95" s="17">
        <v>105</v>
      </c>
    </row>
    <row r="96" spans="1:4" ht="18" customHeight="1" x14ac:dyDescent="0.2">
      <c r="A96" s="18" t="s">
        <v>82</v>
      </c>
      <c r="B96" s="15">
        <v>281</v>
      </c>
      <c r="C96" s="16">
        <v>351</v>
      </c>
      <c r="D96" s="17">
        <v>632</v>
      </c>
    </row>
    <row r="97" spans="1:4" ht="18" customHeight="1" x14ac:dyDescent="0.2">
      <c r="A97" s="14">
        <v>75</v>
      </c>
      <c r="B97" s="15">
        <v>56</v>
      </c>
      <c r="C97" s="16">
        <v>60</v>
      </c>
      <c r="D97" s="17">
        <v>116</v>
      </c>
    </row>
    <row r="98" spans="1:4" ht="18" customHeight="1" x14ac:dyDescent="0.2">
      <c r="A98" s="14">
        <v>76</v>
      </c>
      <c r="B98" s="15">
        <v>55</v>
      </c>
      <c r="C98" s="16">
        <v>71</v>
      </c>
      <c r="D98" s="17">
        <v>126</v>
      </c>
    </row>
    <row r="99" spans="1:4" ht="18" customHeight="1" x14ac:dyDescent="0.2">
      <c r="A99" s="14">
        <v>77</v>
      </c>
      <c r="B99" s="15">
        <v>49</v>
      </c>
      <c r="C99" s="16">
        <v>66</v>
      </c>
      <c r="D99" s="17">
        <v>115</v>
      </c>
    </row>
    <row r="100" spans="1:4" ht="18" customHeight="1" x14ac:dyDescent="0.2">
      <c r="A100" s="14">
        <v>78</v>
      </c>
      <c r="B100" s="15">
        <v>41</v>
      </c>
      <c r="C100" s="16">
        <v>57</v>
      </c>
      <c r="D100" s="17">
        <v>98</v>
      </c>
    </row>
    <row r="101" spans="1:4" ht="18" customHeight="1" x14ac:dyDescent="0.2">
      <c r="A101" s="14">
        <v>79</v>
      </c>
      <c r="B101" s="15">
        <v>38</v>
      </c>
      <c r="C101" s="16">
        <v>53</v>
      </c>
      <c r="D101" s="17">
        <v>91</v>
      </c>
    </row>
    <row r="102" spans="1:4" ht="18" customHeight="1" x14ac:dyDescent="0.2">
      <c r="A102" s="18" t="s">
        <v>83</v>
      </c>
      <c r="B102" s="15">
        <v>239</v>
      </c>
      <c r="C102" s="16">
        <v>307</v>
      </c>
      <c r="D102" s="17">
        <v>546</v>
      </c>
    </row>
    <row r="103" spans="1:4" ht="18" customHeight="1" x14ac:dyDescent="0.2">
      <c r="A103" s="14">
        <v>80</v>
      </c>
      <c r="B103" s="15">
        <v>30</v>
      </c>
      <c r="C103" s="16">
        <v>49</v>
      </c>
      <c r="D103" s="17">
        <v>79</v>
      </c>
    </row>
    <row r="104" spans="1:4" ht="18" customHeight="1" x14ac:dyDescent="0.2">
      <c r="A104" s="14">
        <v>81</v>
      </c>
      <c r="B104" s="15">
        <v>40</v>
      </c>
      <c r="C104" s="16">
        <v>43</v>
      </c>
      <c r="D104" s="17">
        <v>83</v>
      </c>
    </row>
    <row r="105" spans="1:4" ht="18" customHeight="1" x14ac:dyDescent="0.2">
      <c r="A105" s="14">
        <v>82</v>
      </c>
      <c r="B105" s="15">
        <v>34</v>
      </c>
      <c r="C105" s="16">
        <v>31</v>
      </c>
      <c r="D105" s="17">
        <v>65</v>
      </c>
    </row>
    <row r="106" spans="1:4" ht="18" customHeight="1" x14ac:dyDescent="0.2">
      <c r="A106" s="14">
        <v>83</v>
      </c>
      <c r="B106" s="15">
        <v>24</v>
      </c>
      <c r="C106" s="16">
        <v>45</v>
      </c>
      <c r="D106" s="17">
        <v>69</v>
      </c>
    </row>
    <row r="107" spans="1:4" ht="18" customHeight="1" x14ac:dyDescent="0.2">
      <c r="A107" s="14">
        <v>84</v>
      </c>
      <c r="B107" s="15">
        <v>21</v>
      </c>
      <c r="C107" s="16">
        <v>30</v>
      </c>
      <c r="D107" s="17">
        <v>51</v>
      </c>
    </row>
    <row r="108" spans="1:4" ht="18" customHeight="1" x14ac:dyDescent="0.2">
      <c r="A108" s="18" t="s">
        <v>84</v>
      </c>
      <c r="B108" s="15">
        <v>149</v>
      </c>
      <c r="C108" s="16">
        <v>198</v>
      </c>
      <c r="D108" s="17">
        <v>347</v>
      </c>
    </row>
    <row r="109" spans="1:4" ht="18" customHeight="1" x14ac:dyDescent="0.2">
      <c r="A109" s="14">
        <v>85</v>
      </c>
      <c r="B109" s="15">
        <v>15</v>
      </c>
      <c r="C109" s="16">
        <v>28</v>
      </c>
      <c r="D109" s="17">
        <v>43</v>
      </c>
    </row>
    <row r="110" spans="1:4" ht="18" customHeight="1" x14ac:dyDescent="0.2">
      <c r="A110" s="14">
        <v>86</v>
      </c>
      <c r="B110" s="15">
        <v>14</v>
      </c>
      <c r="C110" s="16">
        <v>38</v>
      </c>
      <c r="D110" s="17">
        <v>52</v>
      </c>
    </row>
    <row r="111" spans="1:4" ht="18" customHeight="1" x14ac:dyDescent="0.2">
      <c r="A111" s="14">
        <v>87</v>
      </c>
      <c r="B111" s="15">
        <v>14</v>
      </c>
      <c r="C111" s="16">
        <v>37</v>
      </c>
      <c r="D111" s="17">
        <v>51</v>
      </c>
    </row>
    <row r="112" spans="1:4" ht="18" customHeight="1" x14ac:dyDescent="0.2">
      <c r="A112" s="14">
        <v>88</v>
      </c>
      <c r="B112" s="15">
        <v>9</v>
      </c>
      <c r="C112" s="16">
        <v>17</v>
      </c>
      <c r="D112" s="17">
        <v>26</v>
      </c>
    </row>
    <row r="113" spans="1:4" ht="18" customHeight="1" x14ac:dyDescent="0.2">
      <c r="A113" s="14">
        <v>89</v>
      </c>
      <c r="B113" s="15">
        <v>9</v>
      </c>
      <c r="C113" s="16">
        <v>29</v>
      </c>
      <c r="D113" s="17">
        <v>38</v>
      </c>
    </row>
    <row r="114" spans="1:4" ht="18" customHeight="1" x14ac:dyDescent="0.2">
      <c r="A114" s="18" t="s">
        <v>85</v>
      </c>
      <c r="B114" s="15">
        <v>61</v>
      </c>
      <c r="C114" s="16">
        <v>149</v>
      </c>
      <c r="D114" s="17">
        <v>210</v>
      </c>
    </row>
    <row r="115" spans="1:4" ht="18" customHeight="1" x14ac:dyDescent="0.2">
      <c r="A115" s="14">
        <v>90</v>
      </c>
      <c r="B115" s="15">
        <v>6</v>
      </c>
      <c r="C115" s="16">
        <v>18</v>
      </c>
      <c r="D115" s="17">
        <v>24</v>
      </c>
    </row>
    <row r="116" spans="1:4" ht="18" customHeight="1" x14ac:dyDescent="0.2">
      <c r="A116" s="14">
        <v>91</v>
      </c>
      <c r="B116" s="15">
        <v>4</v>
      </c>
      <c r="C116" s="16">
        <v>16</v>
      </c>
      <c r="D116" s="17">
        <v>20</v>
      </c>
    </row>
    <row r="117" spans="1:4" ht="18" customHeight="1" x14ac:dyDescent="0.2">
      <c r="A117" s="14">
        <v>92</v>
      </c>
      <c r="B117" s="15">
        <v>2</v>
      </c>
      <c r="C117" s="16">
        <v>15</v>
      </c>
      <c r="D117" s="17">
        <v>17</v>
      </c>
    </row>
    <row r="118" spans="1:4" ht="18" customHeight="1" x14ac:dyDescent="0.2">
      <c r="A118" s="14">
        <v>93</v>
      </c>
      <c r="B118" s="15">
        <v>5</v>
      </c>
      <c r="C118" s="16">
        <v>10</v>
      </c>
      <c r="D118" s="17">
        <v>15</v>
      </c>
    </row>
    <row r="119" spans="1:4" ht="18" customHeight="1" x14ac:dyDescent="0.2">
      <c r="A119" s="14">
        <v>94</v>
      </c>
      <c r="B119" s="15">
        <v>2</v>
      </c>
      <c r="C119" s="16">
        <v>12</v>
      </c>
      <c r="D119" s="17">
        <v>14</v>
      </c>
    </row>
    <row r="120" spans="1:4" ht="18" customHeight="1" x14ac:dyDescent="0.2">
      <c r="A120" s="18" t="s">
        <v>86</v>
      </c>
      <c r="B120" s="15">
        <v>19</v>
      </c>
      <c r="C120" s="16">
        <v>71</v>
      </c>
      <c r="D120" s="17">
        <v>90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1</v>
      </c>
      <c r="C126" s="16">
        <v>20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89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90</v>
      </c>
      <c r="B130" s="4">
        <v>1100</v>
      </c>
      <c r="C130" s="5">
        <v>1563</v>
      </c>
      <c r="D130" s="6">
        <v>2663</v>
      </c>
    </row>
    <row r="131" spans="1:4" ht="18" customHeight="1" x14ac:dyDescent="0.2">
      <c r="A131" s="20" t="s">
        <v>65</v>
      </c>
      <c r="B131" s="7">
        <v>6145</v>
      </c>
      <c r="C131" s="8">
        <v>6666</v>
      </c>
      <c r="D131" s="9">
        <v>1281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31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0</v>
      </c>
      <c r="C5" s="12">
        <v>40</v>
      </c>
      <c r="D5" s="13">
        <v>80</v>
      </c>
    </row>
    <row r="6" spans="1:4" ht="18" customHeight="1" x14ac:dyDescent="0.2">
      <c r="A6" s="14">
        <v>1</v>
      </c>
      <c r="B6" s="15">
        <v>43</v>
      </c>
      <c r="C6" s="16">
        <v>29</v>
      </c>
      <c r="D6" s="17">
        <v>72</v>
      </c>
    </row>
    <row r="7" spans="1:4" ht="18" customHeight="1" x14ac:dyDescent="0.2">
      <c r="A7" s="14">
        <v>2</v>
      </c>
      <c r="B7" s="15">
        <v>37</v>
      </c>
      <c r="C7" s="16">
        <v>29</v>
      </c>
      <c r="D7" s="17">
        <v>66</v>
      </c>
    </row>
    <row r="8" spans="1:4" ht="18" customHeight="1" x14ac:dyDescent="0.2">
      <c r="A8" s="14">
        <v>3</v>
      </c>
      <c r="B8" s="15">
        <v>17</v>
      </c>
      <c r="C8" s="16">
        <v>28</v>
      </c>
      <c r="D8" s="17">
        <v>45</v>
      </c>
    </row>
    <row r="9" spans="1:4" ht="18" customHeight="1" x14ac:dyDescent="0.2">
      <c r="A9" s="14">
        <v>4</v>
      </c>
      <c r="B9" s="15">
        <v>20</v>
      </c>
      <c r="C9" s="16">
        <v>22</v>
      </c>
      <c r="D9" s="17">
        <v>42</v>
      </c>
    </row>
    <row r="10" spans="1:4" ht="18" customHeight="1" x14ac:dyDescent="0.2">
      <c r="A10" s="18" t="s">
        <v>66</v>
      </c>
      <c r="B10" s="15">
        <v>157</v>
      </c>
      <c r="C10" s="16">
        <v>148</v>
      </c>
      <c r="D10" s="17">
        <v>305</v>
      </c>
    </row>
    <row r="11" spans="1:4" ht="18" customHeight="1" x14ac:dyDescent="0.2">
      <c r="A11" s="14">
        <v>5</v>
      </c>
      <c r="B11" s="15">
        <v>27</v>
      </c>
      <c r="C11" s="16">
        <v>27</v>
      </c>
      <c r="D11" s="17">
        <v>54</v>
      </c>
    </row>
    <row r="12" spans="1:4" ht="18" customHeight="1" x14ac:dyDescent="0.2">
      <c r="A12" s="14">
        <v>6</v>
      </c>
      <c r="B12" s="15">
        <v>23</v>
      </c>
      <c r="C12" s="16">
        <v>16</v>
      </c>
      <c r="D12" s="17">
        <v>39</v>
      </c>
    </row>
    <row r="13" spans="1:4" ht="18" customHeight="1" x14ac:dyDescent="0.2">
      <c r="A13" s="14">
        <v>7</v>
      </c>
      <c r="B13" s="15">
        <v>27</v>
      </c>
      <c r="C13" s="16">
        <v>17</v>
      </c>
      <c r="D13" s="17">
        <v>44</v>
      </c>
    </row>
    <row r="14" spans="1:4" ht="18" customHeight="1" x14ac:dyDescent="0.2">
      <c r="A14" s="14">
        <v>8</v>
      </c>
      <c r="B14" s="15">
        <v>22</v>
      </c>
      <c r="C14" s="16">
        <v>21</v>
      </c>
      <c r="D14" s="17">
        <v>43</v>
      </c>
    </row>
    <row r="15" spans="1:4" ht="18" customHeight="1" x14ac:dyDescent="0.2">
      <c r="A15" s="14">
        <v>9</v>
      </c>
      <c r="B15" s="15">
        <v>18</v>
      </c>
      <c r="C15" s="16">
        <v>21</v>
      </c>
      <c r="D15" s="17">
        <v>39</v>
      </c>
    </row>
    <row r="16" spans="1:4" ht="18" customHeight="1" x14ac:dyDescent="0.2">
      <c r="A16" s="18" t="s">
        <v>67</v>
      </c>
      <c r="B16" s="15">
        <v>117</v>
      </c>
      <c r="C16" s="16">
        <v>102</v>
      </c>
      <c r="D16" s="17">
        <v>219</v>
      </c>
    </row>
    <row r="17" spans="1:4" ht="18" customHeight="1" x14ac:dyDescent="0.2">
      <c r="A17" s="14">
        <v>10</v>
      </c>
      <c r="B17" s="15">
        <v>19</v>
      </c>
      <c r="C17" s="16">
        <v>14</v>
      </c>
      <c r="D17" s="17">
        <v>33</v>
      </c>
    </row>
    <row r="18" spans="1:4" ht="18" customHeight="1" x14ac:dyDescent="0.2">
      <c r="A18" s="14">
        <v>11</v>
      </c>
      <c r="B18" s="15">
        <v>21</v>
      </c>
      <c r="C18" s="16">
        <v>11</v>
      </c>
      <c r="D18" s="17">
        <v>32</v>
      </c>
    </row>
    <row r="19" spans="1:4" ht="18" customHeight="1" x14ac:dyDescent="0.2">
      <c r="A19" s="14">
        <v>12</v>
      </c>
      <c r="B19" s="15">
        <v>21</v>
      </c>
      <c r="C19" s="16">
        <v>20</v>
      </c>
      <c r="D19" s="17">
        <v>41</v>
      </c>
    </row>
    <row r="20" spans="1:4" ht="18" customHeight="1" x14ac:dyDescent="0.2">
      <c r="A20" s="14">
        <v>13</v>
      </c>
      <c r="B20" s="15">
        <v>12</v>
      </c>
      <c r="C20" s="16">
        <v>8</v>
      </c>
      <c r="D20" s="17">
        <v>20</v>
      </c>
    </row>
    <row r="21" spans="1:4" ht="18" customHeight="1" x14ac:dyDescent="0.2">
      <c r="A21" s="14">
        <v>14</v>
      </c>
      <c r="B21" s="15">
        <v>18</v>
      </c>
      <c r="C21" s="16">
        <v>14</v>
      </c>
      <c r="D21" s="17">
        <v>32</v>
      </c>
    </row>
    <row r="22" spans="1:4" ht="18" customHeight="1" x14ac:dyDescent="0.2">
      <c r="A22" s="18" t="s">
        <v>68</v>
      </c>
      <c r="B22" s="15">
        <v>91</v>
      </c>
      <c r="C22" s="16">
        <v>67</v>
      </c>
      <c r="D22" s="17">
        <v>158</v>
      </c>
    </row>
    <row r="23" spans="1:4" ht="18" customHeight="1" x14ac:dyDescent="0.2">
      <c r="A23" s="18" t="s">
        <v>69</v>
      </c>
      <c r="B23" s="15">
        <v>365</v>
      </c>
      <c r="C23" s="16">
        <v>317</v>
      </c>
      <c r="D23" s="17">
        <v>682</v>
      </c>
    </row>
    <row r="24" spans="1:4" ht="18" customHeight="1" x14ac:dyDescent="0.2">
      <c r="A24" s="14">
        <v>15</v>
      </c>
      <c r="B24" s="15">
        <v>18</v>
      </c>
      <c r="C24" s="16">
        <v>11</v>
      </c>
      <c r="D24" s="17">
        <v>29</v>
      </c>
    </row>
    <row r="25" spans="1:4" ht="18" customHeight="1" x14ac:dyDescent="0.2">
      <c r="A25" s="14">
        <v>16</v>
      </c>
      <c r="B25" s="15">
        <v>12</v>
      </c>
      <c r="C25" s="16">
        <v>18</v>
      </c>
      <c r="D25" s="17">
        <v>30</v>
      </c>
    </row>
    <row r="26" spans="1:4" ht="18" customHeight="1" x14ac:dyDescent="0.2">
      <c r="A26" s="14">
        <v>17</v>
      </c>
      <c r="B26" s="15">
        <v>16</v>
      </c>
      <c r="C26" s="16">
        <v>18</v>
      </c>
      <c r="D26" s="17">
        <v>34</v>
      </c>
    </row>
    <row r="27" spans="1:4" ht="18" customHeight="1" x14ac:dyDescent="0.2">
      <c r="A27" s="14">
        <v>18</v>
      </c>
      <c r="B27" s="15">
        <v>18</v>
      </c>
      <c r="C27" s="16">
        <v>19</v>
      </c>
      <c r="D27" s="17">
        <v>37</v>
      </c>
    </row>
    <row r="28" spans="1:4" ht="18" customHeight="1" x14ac:dyDescent="0.2">
      <c r="A28" s="14">
        <v>19</v>
      </c>
      <c r="B28" s="15">
        <v>13</v>
      </c>
      <c r="C28" s="16">
        <v>11</v>
      </c>
      <c r="D28" s="17">
        <v>24</v>
      </c>
    </row>
    <row r="29" spans="1:4" ht="18" customHeight="1" x14ac:dyDescent="0.2">
      <c r="A29" s="18" t="s">
        <v>70</v>
      </c>
      <c r="B29" s="15">
        <v>77</v>
      </c>
      <c r="C29" s="16">
        <v>77</v>
      </c>
      <c r="D29" s="17">
        <v>154</v>
      </c>
    </row>
    <row r="30" spans="1:4" ht="18" customHeight="1" x14ac:dyDescent="0.2">
      <c r="A30" s="14">
        <v>20</v>
      </c>
      <c r="B30" s="15">
        <v>15</v>
      </c>
      <c r="C30" s="16">
        <v>19</v>
      </c>
      <c r="D30" s="17">
        <v>34</v>
      </c>
    </row>
    <row r="31" spans="1:4" ht="18" customHeight="1" x14ac:dyDescent="0.2">
      <c r="A31" s="14">
        <v>21</v>
      </c>
      <c r="B31" s="15">
        <v>18</v>
      </c>
      <c r="C31" s="16">
        <v>18</v>
      </c>
      <c r="D31" s="17">
        <v>36</v>
      </c>
    </row>
    <row r="32" spans="1:4" ht="18" customHeight="1" x14ac:dyDescent="0.2">
      <c r="A32" s="14">
        <v>22</v>
      </c>
      <c r="B32" s="15">
        <v>16</v>
      </c>
      <c r="C32" s="16">
        <v>22</v>
      </c>
      <c r="D32" s="17">
        <v>38</v>
      </c>
    </row>
    <row r="33" spans="1:4" ht="18" customHeight="1" x14ac:dyDescent="0.2">
      <c r="A33" s="14">
        <v>23</v>
      </c>
      <c r="B33" s="15">
        <v>20</v>
      </c>
      <c r="C33" s="16">
        <v>25</v>
      </c>
      <c r="D33" s="17">
        <v>45</v>
      </c>
    </row>
    <row r="34" spans="1:4" ht="18" customHeight="1" x14ac:dyDescent="0.2">
      <c r="A34" s="14">
        <v>24</v>
      </c>
      <c r="B34" s="15">
        <v>24</v>
      </c>
      <c r="C34" s="16">
        <v>20</v>
      </c>
      <c r="D34" s="17">
        <v>44</v>
      </c>
    </row>
    <row r="35" spans="1:4" ht="18" customHeight="1" x14ac:dyDescent="0.2">
      <c r="A35" s="18" t="s">
        <v>71</v>
      </c>
      <c r="B35" s="15">
        <v>93</v>
      </c>
      <c r="C35" s="16">
        <v>104</v>
      </c>
      <c r="D35" s="17">
        <v>197</v>
      </c>
    </row>
    <row r="36" spans="1:4" ht="18" customHeight="1" x14ac:dyDescent="0.2">
      <c r="A36" s="14">
        <v>25</v>
      </c>
      <c r="B36" s="15">
        <v>24</v>
      </c>
      <c r="C36" s="16">
        <v>20</v>
      </c>
      <c r="D36" s="17">
        <v>44</v>
      </c>
    </row>
    <row r="37" spans="1:4" ht="18" customHeight="1" x14ac:dyDescent="0.2">
      <c r="A37" s="14">
        <v>26</v>
      </c>
      <c r="B37" s="15">
        <v>25</v>
      </c>
      <c r="C37" s="16">
        <v>30</v>
      </c>
      <c r="D37" s="17">
        <v>55</v>
      </c>
    </row>
    <row r="38" spans="1:4" ht="18" customHeight="1" x14ac:dyDescent="0.2">
      <c r="A38" s="14">
        <v>27</v>
      </c>
      <c r="B38" s="15">
        <v>35</v>
      </c>
      <c r="C38" s="16">
        <v>40</v>
      </c>
      <c r="D38" s="17">
        <v>75</v>
      </c>
    </row>
    <row r="39" spans="1:4" ht="18" customHeight="1" x14ac:dyDescent="0.2">
      <c r="A39" s="14">
        <v>28</v>
      </c>
      <c r="B39" s="15">
        <v>37</v>
      </c>
      <c r="C39" s="16">
        <v>38</v>
      </c>
      <c r="D39" s="17">
        <v>75</v>
      </c>
    </row>
    <row r="40" spans="1:4" ht="18" customHeight="1" x14ac:dyDescent="0.2">
      <c r="A40" s="14">
        <v>29</v>
      </c>
      <c r="B40" s="15">
        <v>38</v>
      </c>
      <c r="C40" s="16">
        <v>56</v>
      </c>
      <c r="D40" s="17">
        <v>94</v>
      </c>
    </row>
    <row r="41" spans="1:4" ht="18" customHeight="1" x14ac:dyDescent="0.2">
      <c r="A41" s="18" t="s">
        <v>72</v>
      </c>
      <c r="B41" s="15">
        <v>159</v>
      </c>
      <c r="C41" s="16">
        <v>184</v>
      </c>
      <c r="D41" s="17">
        <v>343</v>
      </c>
    </row>
    <row r="42" spans="1:4" ht="18" customHeight="1" x14ac:dyDescent="0.2">
      <c r="A42" s="14">
        <v>30</v>
      </c>
      <c r="B42" s="15">
        <v>47</v>
      </c>
      <c r="C42" s="16">
        <v>46</v>
      </c>
      <c r="D42" s="17">
        <v>93</v>
      </c>
    </row>
    <row r="43" spans="1:4" ht="18" customHeight="1" x14ac:dyDescent="0.2">
      <c r="A43" s="14">
        <v>31</v>
      </c>
      <c r="B43" s="15">
        <v>52</v>
      </c>
      <c r="C43" s="16">
        <v>55</v>
      </c>
      <c r="D43" s="17">
        <v>107</v>
      </c>
    </row>
    <row r="44" spans="1:4" ht="18" customHeight="1" x14ac:dyDescent="0.2">
      <c r="A44" s="14">
        <v>32</v>
      </c>
      <c r="B44" s="15">
        <v>53</v>
      </c>
      <c r="C44" s="16">
        <v>50</v>
      </c>
      <c r="D44" s="17">
        <v>103</v>
      </c>
    </row>
    <row r="45" spans="1:4" ht="18" customHeight="1" x14ac:dyDescent="0.2">
      <c r="A45" s="14">
        <v>33</v>
      </c>
      <c r="B45" s="15">
        <v>66</v>
      </c>
      <c r="C45" s="16">
        <v>53</v>
      </c>
      <c r="D45" s="17">
        <v>119</v>
      </c>
    </row>
    <row r="46" spans="1:4" ht="18" customHeight="1" x14ac:dyDescent="0.2">
      <c r="A46" s="14">
        <v>34</v>
      </c>
      <c r="B46" s="15">
        <v>50</v>
      </c>
      <c r="C46" s="16">
        <v>39</v>
      </c>
      <c r="D46" s="17">
        <v>89</v>
      </c>
    </row>
    <row r="47" spans="1:4" ht="18" customHeight="1" x14ac:dyDescent="0.2">
      <c r="A47" s="18" t="s">
        <v>73</v>
      </c>
      <c r="B47" s="15">
        <v>268</v>
      </c>
      <c r="C47" s="16">
        <v>243</v>
      </c>
      <c r="D47" s="17">
        <v>511</v>
      </c>
    </row>
    <row r="48" spans="1:4" ht="18" customHeight="1" x14ac:dyDescent="0.2">
      <c r="A48" s="14">
        <v>35</v>
      </c>
      <c r="B48" s="15">
        <v>57</v>
      </c>
      <c r="C48" s="16">
        <v>46</v>
      </c>
      <c r="D48" s="17">
        <v>103</v>
      </c>
    </row>
    <row r="49" spans="1:4" ht="18" customHeight="1" x14ac:dyDescent="0.2">
      <c r="A49" s="14">
        <v>36</v>
      </c>
      <c r="B49" s="15">
        <v>49</v>
      </c>
      <c r="C49" s="16">
        <v>44</v>
      </c>
      <c r="D49" s="17">
        <v>93</v>
      </c>
    </row>
    <row r="50" spans="1:4" ht="18" customHeight="1" x14ac:dyDescent="0.2">
      <c r="A50" s="14">
        <v>37</v>
      </c>
      <c r="B50" s="15">
        <v>52</v>
      </c>
      <c r="C50" s="16">
        <v>45</v>
      </c>
      <c r="D50" s="17">
        <v>97</v>
      </c>
    </row>
    <row r="51" spans="1:4" ht="18" customHeight="1" x14ac:dyDescent="0.2">
      <c r="A51" s="14">
        <v>38</v>
      </c>
      <c r="B51" s="15">
        <v>39</v>
      </c>
      <c r="C51" s="16">
        <v>33</v>
      </c>
      <c r="D51" s="17">
        <v>72</v>
      </c>
    </row>
    <row r="52" spans="1:4" ht="18" customHeight="1" x14ac:dyDescent="0.2">
      <c r="A52" s="14">
        <v>39</v>
      </c>
      <c r="B52" s="15">
        <v>30</v>
      </c>
      <c r="C52" s="16">
        <v>29</v>
      </c>
      <c r="D52" s="17">
        <v>59</v>
      </c>
    </row>
    <row r="53" spans="1:4" ht="18" customHeight="1" x14ac:dyDescent="0.2">
      <c r="A53" s="18" t="s">
        <v>74</v>
      </c>
      <c r="B53" s="15">
        <v>227</v>
      </c>
      <c r="C53" s="16">
        <v>197</v>
      </c>
      <c r="D53" s="17">
        <v>424</v>
      </c>
    </row>
    <row r="54" spans="1:4" ht="18" customHeight="1" x14ac:dyDescent="0.2">
      <c r="A54" s="14">
        <v>40</v>
      </c>
      <c r="B54" s="15">
        <v>46</v>
      </c>
      <c r="C54" s="16">
        <v>24</v>
      </c>
      <c r="D54" s="17">
        <v>70</v>
      </c>
    </row>
    <row r="55" spans="1:4" ht="18" customHeight="1" x14ac:dyDescent="0.2">
      <c r="A55" s="14">
        <v>41</v>
      </c>
      <c r="B55" s="15">
        <v>40</v>
      </c>
      <c r="C55" s="16">
        <v>34</v>
      </c>
      <c r="D55" s="17">
        <v>74</v>
      </c>
    </row>
    <row r="56" spans="1:4" ht="18" customHeight="1" x14ac:dyDescent="0.2">
      <c r="A56" s="14">
        <v>42</v>
      </c>
      <c r="B56" s="15">
        <v>34</v>
      </c>
      <c r="C56" s="16">
        <v>26</v>
      </c>
      <c r="D56" s="17">
        <v>60</v>
      </c>
    </row>
    <row r="57" spans="1:4" ht="18" customHeight="1" x14ac:dyDescent="0.2">
      <c r="A57" s="14">
        <v>43</v>
      </c>
      <c r="B57" s="15">
        <v>22</v>
      </c>
      <c r="C57" s="16">
        <v>20</v>
      </c>
      <c r="D57" s="17">
        <v>42</v>
      </c>
    </row>
    <row r="58" spans="1:4" ht="18" customHeight="1" x14ac:dyDescent="0.2">
      <c r="A58" s="14">
        <v>44</v>
      </c>
      <c r="B58" s="15">
        <v>27</v>
      </c>
      <c r="C58" s="16">
        <v>27</v>
      </c>
      <c r="D58" s="17">
        <v>54</v>
      </c>
    </row>
    <row r="59" spans="1:4" ht="18" customHeight="1" x14ac:dyDescent="0.2">
      <c r="A59" s="18" t="s">
        <v>75</v>
      </c>
      <c r="B59" s="15">
        <v>169</v>
      </c>
      <c r="C59" s="16">
        <v>131</v>
      </c>
      <c r="D59" s="17">
        <v>300</v>
      </c>
    </row>
    <row r="60" spans="1:4" ht="18" customHeight="1" x14ac:dyDescent="0.2">
      <c r="A60" s="14">
        <v>45</v>
      </c>
      <c r="B60" s="15">
        <v>31</v>
      </c>
      <c r="C60" s="16">
        <v>26</v>
      </c>
      <c r="D60" s="17">
        <v>57</v>
      </c>
    </row>
    <row r="61" spans="1:4" ht="18" customHeight="1" x14ac:dyDescent="0.2">
      <c r="A61" s="14">
        <v>46</v>
      </c>
      <c r="B61" s="15">
        <v>24</v>
      </c>
      <c r="C61" s="16">
        <v>18</v>
      </c>
      <c r="D61" s="17">
        <v>42</v>
      </c>
    </row>
    <row r="62" spans="1:4" ht="18" customHeight="1" x14ac:dyDescent="0.2">
      <c r="A62" s="14">
        <v>47</v>
      </c>
      <c r="B62" s="15">
        <v>26</v>
      </c>
      <c r="C62" s="16">
        <v>12</v>
      </c>
      <c r="D62" s="17">
        <v>38</v>
      </c>
    </row>
    <row r="63" spans="1:4" ht="18" customHeight="1" x14ac:dyDescent="0.2">
      <c r="A63" s="14">
        <v>48</v>
      </c>
      <c r="B63" s="15">
        <v>18</v>
      </c>
      <c r="C63" s="16">
        <v>23</v>
      </c>
      <c r="D63" s="17">
        <v>41</v>
      </c>
    </row>
    <row r="64" spans="1:4" ht="18" customHeight="1" x14ac:dyDescent="0.2">
      <c r="A64" s="14">
        <v>49</v>
      </c>
      <c r="B64" s="15">
        <v>19</v>
      </c>
      <c r="C64" s="16">
        <v>22</v>
      </c>
      <c r="D64" s="17">
        <v>41</v>
      </c>
    </row>
    <row r="65" spans="1:4" ht="18" customHeight="1" x14ac:dyDescent="0.2">
      <c r="A65" s="18" t="s">
        <v>76</v>
      </c>
      <c r="B65" s="15">
        <v>118</v>
      </c>
      <c r="C65" s="16">
        <v>101</v>
      </c>
      <c r="D65" s="17">
        <v>219</v>
      </c>
    </row>
    <row r="66" spans="1:4" ht="18" customHeight="1" x14ac:dyDescent="0.2">
      <c r="A66" s="14">
        <v>50</v>
      </c>
      <c r="B66" s="15">
        <v>20</v>
      </c>
      <c r="C66" s="16">
        <v>23</v>
      </c>
      <c r="D66" s="17">
        <v>43</v>
      </c>
    </row>
    <row r="67" spans="1:4" ht="18" customHeight="1" x14ac:dyDescent="0.2">
      <c r="A67" s="14">
        <v>51</v>
      </c>
      <c r="B67" s="15">
        <v>24</v>
      </c>
      <c r="C67" s="16">
        <v>16</v>
      </c>
      <c r="D67" s="17">
        <v>40</v>
      </c>
    </row>
    <row r="68" spans="1:4" ht="18" customHeight="1" x14ac:dyDescent="0.2">
      <c r="A68" s="14">
        <v>52</v>
      </c>
      <c r="B68" s="15">
        <v>21</v>
      </c>
      <c r="C68" s="16">
        <v>18</v>
      </c>
      <c r="D68" s="17">
        <v>39</v>
      </c>
    </row>
    <row r="69" spans="1:4" ht="18" customHeight="1" x14ac:dyDescent="0.2">
      <c r="A69" s="14">
        <v>53</v>
      </c>
      <c r="B69" s="15">
        <v>20</v>
      </c>
      <c r="C69" s="16">
        <v>13</v>
      </c>
      <c r="D69" s="17">
        <v>33</v>
      </c>
    </row>
    <row r="70" spans="1:4" ht="18" customHeight="1" x14ac:dyDescent="0.2">
      <c r="A70" s="14">
        <v>54</v>
      </c>
      <c r="B70" s="15">
        <v>32</v>
      </c>
      <c r="C70" s="16">
        <v>32</v>
      </c>
      <c r="D70" s="17">
        <v>64</v>
      </c>
    </row>
    <row r="71" spans="1:4" ht="18" customHeight="1" x14ac:dyDescent="0.2">
      <c r="A71" s="18" t="s">
        <v>77</v>
      </c>
      <c r="B71" s="15">
        <v>117</v>
      </c>
      <c r="C71" s="16">
        <v>102</v>
      </c>
      <c r="D71" s="17">
        <v>219</v>
      </c>
    </row>
    <row r="72" spans="1:4" ht="18" customHeight="1" x14ac:dyDescent="0.2">
      <c r="A72" s="14">
        <v>55</v>
      </c>
      <c r="B72" s="15">
        <v>28</v>
      </c>
      <c r="C72" s="16">
        <v>24</v>
      </c>
      <c r="D72" s="17">
        <v>52</v>
      </c>
    </row>
    <row r="73" spans="1:4" ht="18" customHeight="1" x14ac:dyDescent="0.2">
      <c r="A73" s="14">
        <v>56</v>
      </c>
      <c r="B73" s="15">
        <v>26</v>
      </c>
      <c r="C73" s="16">
        <v>31</v>
      </c>
      <c r="D73" s="17">
        <v>57</v>
      </c>
    </row>
    <row r="74" spans="1:4" ht="18" customHeight="1" x14ac:dyDescent="0.2">
      <c r="A74" s="14">
        <v>57</v>
      </c>
      <c r="B74" s="15">
        <v>31</v>
      </c>
      <c r="C74" s="16">
        <v>28</v>
      </c>
      <c r="D74" s="17">
        <v>59</v>
      </c>
    </row>
    <row r="75" spans="1:4" ht="18" customHeight="1" x14ac:dyDescent="0.2">
      <c r="A75" s="14">
        <v>58</v>
      </c>
      <c r="B75" s="15">
        <v>34</v>
      </c>
      <c r="C75" s="16">
        <v>28</v>
      </c>
      <c r="D75" s="17">
        <v>62</v>
      </c>
    </row>
    <row r="76" spans="1:4" ht="18" customHeight="1" x14ac:dyDescent="0.2">
      <c r="A76" s="14">
        <v>59</v>
      </c>
      <c r="B76" s="15">
        <v>36</v>
      </c>
      <c r="C76" s="16">
        <v>33</v>
      </c>
      <c r="D76" s="17">
        <v>69</v>
      </c>
    </row>
    <row r="77" spans="1:4" ht="18" customHeight="1" x14ac:dyDescent="0.2">
      <c r="A77" s="18" t="s">
        <v>78</v>
      </c>
      <c r="B77" s="15">
        <v>155</v>
      </c>
      <c r="C77" s="16">
        <v>144</v>
      </c>
      <c r="D77" s="17">
        <v>299</v>
      </c>
    </row>
    <row r="78" spans="1:4" ht="18" customHeight="1" x14ac:dyDescent="0.2">
      <c r="A78" s="14">
        <v>60</v>
      </c>
      <c r="B78" s="15">
        <v>34</v>
      </c>
      <c r="C78" s="16">
        <v>30</v>
      </c>
      <c r="D78" s="17">
        <v>64</v>
      </c>
    </row>
    <row r="79" spans="1:4" ht="18" customHeight="1" x14ac:dyDescent="0.2">
      <c r="A79" s="14">
        <v>61</v>
      </c>
      <c r="B79" s="15">
        <v>30</v>
      </c>
      <c r="C79" s="16">
        <v>31</v>
      </c>
      <c r="D79" s="17">
        <v>61</v>
      </c>
    </row>
    <row r="80" spans="1:4" ht="18" customHeight="1" x14ac:dyDescent="0.2">
      <c r="A80" s="14">
        <v>62</v>
      </c>
      <c r="B80" s="15">
        <v>38</v>
      </c>
      <c r="C80" s="16">
        <v>35</v>
      </c>
      <c r="D80" s="17">
        <v>73</v>
      </c>
    </row>
    <row r="81" spans="1:4" ht="18" customHeight="1" x14ac:dyDescent="0.2">
      <c r="A81" s="14">
        <v>63</v>
      </c>
      <c r="B81" s="15">
        <v>16</v>
      </c>
      <c r="C81" s="16">
        <v>14</v>
      </c>
      <c r="D81" s="17">
        <v>30</v>
      </c>
    </row>
    <row r="82" spans="1:4" ht="18" customHeight="1" x14ac:dyDescent="0.2">
      <c r="A82" s="14">
        <v>64</v>
      </c>
      <c r="B82" s="15">
        <v>7</v>
      </c>
      <c r="C82" s="16">
        <v>24</v>
      </c>
      <c r="D82" s="17">
        <v>31</v>
      </c>
    </row>
    <row r="83" spans="1:4" ht="18" customHeight="1" x14ac:dyDescent="0.2">
      <c r="A83" s="18" t="s">
        <v>79</v>
      </c>
      <c r="B83" s="15">
        <v>125</v>
      </c>
      <c r="C83" s="16">
        <v>134</v>
      </c>
      <c r="D83" s="17">
        <v>259</v>
      </c>
    </row>
    <row r="84" spans="1:4" ht="18" customHeight="1" x14ac:dyDescent="0.2">
      <c r="A84" s="18" t="s">
        <v>80</v>
      </c>
      <c r="B84" s="15">
        <v>1508</v>
      </c>
      <c r="C84" s="16">
        <v>1417</v>
      </c>
      <c r="D84" s="17">
        <v>2925</v>
      </c>
    </row>
    <row r="85" spans="1:4" ht="18" customHeight="1" x14ac:dyDescent="0.2">
      <c r="A85" s="14">
        <v>65</v>
      </c>
      <c r="B85" s="15">
        <v>20</v>
      </c>
      <c r="C85" s="16">
        <v>24</v>
      </c>
      <c r="D85" s="17">
        <v>44</v>
      </c>
    </row>
    <row r="86" spans="1:4" ht="18" customHeight="1" x14ac:dyDescent="0.2">
      <c r="A86" s="14">
        <v>66</v>
      </c>
      <c r="B86" s="15">
        <v>17</v>
      </c>
      <c r="C86" s="16">
        <v>24</v>
      </c>
      <c r="D86" s="17">
        <v>41</v>
      </c>
    </row>
    <row r="87" spans="1:4" ht="18" customHeight="1" x14ac:dyDescent="0.2">
      <c r="A87" s="14">
        <v>67</v>
      </c>
      <c r="B87" s="15">
        <v>19</v>
      </c>
      <c r="C87" s="16">
        <v>26</v>
      </c>
      <c r="D87" s="17">
        <v>45</v>
      </c>
    </row>
    <row r="88" spans="1:4" ht="18" customHeight="1" x14ac:dyDescent="0.2">
      <c r="A88" s="14">
        <v>68</v>
      </c>
      <c r="B88" s="15">
        <v>19</v>
      </c>
      <c r="C88" s="16">
        <v>24</v>
      </c>
      <c r="D88" s="17">
        <v>43</v>
      </c>
    </row>
    <row r="89" spans="1:4" ht="18" customHeight="1" x14ac:dyDescent="0.2">
      <c r="A89" s="14">
        <v>69</v>
      </c>
      <c r="B89" s="15">
        <v>20</v>
      </c>
      <c r="C89" s="16">
        <v>21</v>
      </c>
      <c r="D89" s="17">
        <v>41</v>
      </c>
    </row>
    <row r="90" spans="1:4" ht="18" customHeight="1" x14ac:dyDescent="0.2">
      <c r="A90" s="18" t="s">
        <v>81</v>
      </c>
      <c r="B90" s="15">
        <v>95</v>
      </c>
      <c r="C90" s="16">
        <v>119</v>
      </c>
      <c r="D90" s="17">
        <v>214</v>
      </c>
    </row>
    <row r="91" spans="1:4" ht="18" customHeight="1" x14ac:dyDescent="0.2">
      <c r="A91" s="14">
        <v>70</v>
      </c>
      <c r="B91" s="15">
        <v>15</v>
      </c>
      <c r="C91" s="16">
        <v>12</v>
      </c>
      <c r="D91" s="17">
        <v>27</v>
      </c>
    </row>
    <row r="92" spans="1:4" ht="18" customHeight="1" x14ac:dyDescent="0.2">
      <c r="A92" s="14">
        <v>71</v>
      </c>
      <c r="B92" s="15">
        <v>15</v>
      </c>
      <c r="C92" s="16">
        <v>16</v>
      </c>
      <c r="D92" s="17">
        <v>31</v>
      </c>
    </row>
    <row r="93" spans="1:4" ht="18" customHeight="1" x14ac:dyDescent="0.2">
      <c r="A93" s="14">
        <v>72</v>
      </c>
      <c r="B93" s="15">
        <v>16</v>
      </c>
      <c r="C93" s="16">
        <v>16</v>
      </c>
      <c r="D93" s="17">
        <v>32</v>
      </c>
    </row>
    <row r="94" spans="1:4" ht="18" customHeight="1" x14ac:dyDescent="0.2">
      <c r="A94" s="14">
        <v>73</v>
      </c>
      <c r="B94" s="15">
        <v>33</v>
      </c>
      <c r="C94" s="16">
        <v>22</v>
      </c>
      <c r="D94" s="17">
        <v>55</v>
      </c>
    </row>
    <row r="95" spans="1:4" ht="18" customHeight="1" x14ac:dyDescent="0.2">
      <c r="A95" s="14">
        <v>74</v>
      </c>
      <c r="B95" s="15">
        <v>11</v>
      </c>
      <c r="C95" s="16">
        <v>16</v>
      </c>
      <c r="D95" s="17">
        <v>27</v>
      </c>
    </row>
    <row r="96" spans="1:4" ht="18" customHeight="1" x14ac:dyDescent="0.2">
      <c r="A96" s="18" t="s">
        <v>82</v>
      </c>
      <c r="B96" s="15">
        <v>90</v>
      </c>
      <c r="C96" s="16">
        <v>82</v>
      </c>
      <c r="D96" s="17">
        <v>172</v>
      </c>
    </row>
    <row r="97" spans="1:4" ht="18" customHeight="1" x14ac:dyDescent="0.2">
      <c r="A97" s="14">
        <v>75</v>
      </c>
      <c r="B97" s="15">
        <v>14</v>
      </c>
      <c r="C97" s="16">
        <v>22</v>
      </c>
      <c r="D97" s="17">
        <v>36</v>
      </c>
    </row>
    <row r="98" spans="1:4" ht="18" customHeight="1" x14ac:dyDescent="0.2">
      <c r="A98" s="14">
        <v>76</v>
      </c>
      <c r="B98" s="15">
        <v>6</v>
      </c>
      <c r="C98" s="16">
        <v>22</v>
      </c>
      <c r="D98" s="17">
        <v>28</v>
      </c>
    </row>
    <row r="99" spans="1:4" ht="18" customHeight="1" x14ac:dyDescent="0.2">
      <c r="A99" s="14">
        <v>77</v>
      </c>
      <c r="B99" s="15">
        <v>14</v>
      </c>
      <c r="C99" s="16">
        <v>16</v>
      </c>
      <c r="D99" s="17">
        <v>30</v>
      </c>
    </row>
    <row r="100" spans="1:4" ht="18" customHeight="1" x14ac:dyDescent="0.2">
      <c r="A100" s="14">
        <v>78</v>
      </c>
      <c r="B100" s="15">
        <v>10</v>
      </c>
      <c r="C100" s="16">
        <v>17</v>
      </c>
      <c r="D100" s="17">
        <v>27</v>
      </c>
    </row>
    <row r="101" spans="1:4" ht="18" customHeight="1" x14ac:dyDescent="0.2">
      <c r="A101" s="14">
        <v>79</v>
      </c>
      <c r="B101" s="15">
        <v>13</v>
      </c>
      <c r="C101" s="16">
        <v>19</v>
      </c>
      <c r="D101" s="17">
        <v>32</v>
      </c>
    </row>
    <row r="102" spans="1:4" ht="18" customHeight="1" x14ac:dyDescent="0.2">
      <c r="A102" s="18" t="s">
        <v>83</v>
      </c>
      <c r="B102" s="15">
        <v>57</v>
      </c>
      <c r="C102" s="16">
        <v>96</v>
      </c>
      <c r="D102" s="17">
        <v>153</v>
      </c>
    </row>
    <row r="103" spans="1:4" ht="18" customHeight="1" x14ac:dyDescent="0.2">
      <c r="A103" s="14">
        <v>80</v>
      </c>
      <c r="B103" s="15">
        <v>10</v>
      </c>
      <c r="C103" s="16">
        <v>16</v>
      </c>
      <c r="D103" s="17">
        <v>26</v>
      </c>
    </row>
    <row r="104" spans="1:4" ht="18" customHeight="1" x14ac:dyDescent="0.2">
      <c r="A104" s="14">
        <v>81</v>
      </c>
      <c r="B104" s="15">
        <v>12</v>
      </c>
      <c r="C104" s="16">
        <v>12</v>
      </c>
      <c r="D104" s="17">
        <v>24</v>
      </c>
    </row>
    <row r="105" spans="1:4" ht="18" customHeight="1" x14ac:dyDescent="0.2">
      <c r="A105" s="14">
        <v>82</v>
      </c>
      <c r="B105" s="15">
        <v>12</v>
      </c>
      <c r="C105" s="16">
        <v>12</v>
      </c>
      <c r="D105" s="17">
        <v>24</v>
      </c>
    </row>
    <row r="106" spans="1:4" ht="18" customHeight="1" x14ac:dyDescent="0.2">
      <c r="A106" s="14">
        <v>83</v>
      </c>
      <c r="B106" s="15">
        <v>11</v>
      </c>
      <c r="C106" s="16">
        <v>20</v>
      </c>
      <c r="D106" s="17">
        <v>31</v>
      </c>
    </row>
    <row r="107" spans="1:4" ht="18" customHeight="1" x14ac:dyDescent="0.2">
      <c r="A107" s="14">
        <v>84</v>
      </c>
      <c r="B107" s="15">
        <v>7</v>
      </c>
      <c r="C107" s="16">
        <v>13</v>
      </c>
      <c r="D107" s="17">
        <v>20</v>
      </c>
    </row>
    <row r="108" spans="1:4" ht="18" customHeight="1" x14ac:dyDescent="0.2">
      <c r="A108" s="18" t="s">
        <v>84</v>
      </c>
      <c r="B108" s="15">
        <v>52</v>
      </c>
      <c r="C108" s="16">
        <v>73</v>
      </c>
      <c r="D108" s="17">
        <v>125</v>
      </c>
    </row>
    <row r="109" spans="1:4" ht="18" customHeight="1" x14ac:dyDescent="0.2">
      <c r="A109" s="14">
        <v>85</v>
      </c>
      <c r="B109" s="15">
        <v>7</v>
      </c>
      <c r="C109" s="16">
        <v>8</v>
      </c>
      <c r="D109" s="17">
        <v>15</v>
      </c>
    </row>
    <row r="110" spans="1:4" ht="18" customHeight="1" x14ac:dyDescent="0.2">
      <c r="A110" s="14">
        <v>86</v>
      </c>
      <c r="B110" s="15">
        <v>7</v>
      </c>
      <c r="C110" s="16">
        <v>10</v>
      </c>
      <c r="D110" s="17">
        <v>17</v>
      </c>
    </row>
    <row r="111" spans="1:4" ht="18" customHeight="1" x14ac:dyDescent="0.2">
      <c r="A111" s="14">
        <v>87</v>
      </c>
      <c r="B111" s="15">
        <v>1</v>
      </c>
      <c r="C111" s="16">
        <v>12</v>
      </c>
      <c r="D111" s="17">
        <v>13</v>
      </c>
    </row>
    <row r="112" spans="1:4" ht="18" customHeight="1" x14ac:dyDescent="0.2">
      <c r="A112" s="14">
        <v>88</v>
      </c>
      <c r="B112" s="15">
        <v>6</v>
      </c>
      <c r="C112" s="16">
        <v>13</v>
      </c>
      <c r="D112" s="17">
        <v>19</v>
      </c>
    </row>
    <row r="113" spans="1:4" ht="18" customHeight="1" x14ac:dyDescent="0.2">
      <c r="A113" s="14">
        <v>89</v>
      </c>
      <c r="B113" s="15">
        <v>0</v>
      </c>
      <c r="C113" s="16">
        <v>10</v>
      </c>
      <c r="D113" s="17">
        <v>10</v>
      </c>
    </row>
    <row r="114" spans="1:4" ht="18" customHeight="1" x14ac:dyDescent="0.2">
      <c r="A114" s="18" t="s">
        <v>85</v>
      </c>
      <c r="B114" s="15">
        <v>21</v>
      </c>
      <c r="C114" s="16">
        <v>53</v>
      </c>
      <c r="D114" s="17">
        <v>74</v>
      </c>
    </row>
    <row r="115" spans="1:4" ht="18" customHeight="1" x14ac:dyDescent="0.2">
      <c r="A115" s="14">
        <v>90</v>
      </c>
      <c r="B115" s="15">
        <v>1</v>
      </c>
      <c r="C115" s="16">
        <v>5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2</v>
      </c>
      <c r="D116" s="17">
        <v>2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3</v>
      </c>
      <c r="C118" s="16">
        <v>1</v>
      </c>
      <c r="D118" s="17">
        <v>4</v>
      </c>
    </row>
    <row r="119" spans="1:4" ht="18" customHeight="1" x14ac:dyDescent="0.2">
      <c r="A119" s="14">
        <v>94</v>
      </c>
      <c r="B119" s="15">
        <v>3</v>
      </c>
      <c r="C119" s="16">
        <v>0</v>
      </c>
      <c r="D119" s="17">
        <v>3</v>
      </c>
    </row>
    <row r="120" spans="1:4" ht="18" customHeight="1" x14ac:dyDescent="0.2">
      <c r="A120" s="18" t="s">
        <v>86</v>
      </c>
      <c r="B120" s="15">
        <v>8</v>
      </c>
      <c r="C120" s="16">
        <v>15</v>
      </c>
      <c r="D120" s="17">
        <v>23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5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325</v>
      </c>
      <c r="C130" s="5">
        <v>444</v>
      </c>
      <c r="D130" s="6">
        <v>769</v>
      </c>
    </row>
    <row r="131" spans="1:4" ht="18" customHeight="1" x14ac:dyDescent="0.2">
      <c r="A131" s="20" t="s">
        <v>65</v>
      </c>
      <c r="B131" s="7">
        <v>2198</v>
      </c>
      <c r="C131" s="8">
        <v>2178</v>
      </c>
      <c r="D131" s="9">
        <v>437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32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6</v>
      </c>
      <c r="C5" s="12">
        <v>35</v>
      </c>
      <c r="D5" s="13">
        <v>61</v>
      </c>
    </row>
    <row r="6" spans="1:4" ht="18" customHeight="1" x14ac:dyDescent="0.2">
      <c r="A6" s="14">
        <v>1</v>
      </c>
      <c r="B6" s="15">
        <v>37</v>
      </c>
      <c r="C6" s="16">
        <v>35</v>
      </c>
      <c r="D6" s="17">
        <v>72</v>
      </c>
    </row>
    <row r="7" spans="1:4" ht="18" customHeight="1" x14ac:dyDescent="0.2">
      <c r="A7" s="14">
        <v>2</v>
      </c>
      <c r="B7" s="15">
        <v>30</v>
      </c>
      <c r="C7" s="16">
        <v>36</v>
      </c>
      <c r="D7" s="17">
        <v>66</v>
      </c>
    </row>
    <row r="8" spans="1:4" ht="18" customHeight="1" x14ac:dyDescent="0.2">
      <c r="A8" s="14">
        <v>3</v>
      </c>
      <c r="B8" s="15">
        <v>39</v>
      </c>
      <c r="C8" s="16">
        <v>39</v>
      </c>
      <c r="D8" s="17">
        <v>78</v>
      </c>
    </row>
    <row r="9" spans="1:4" ht="18" customHeight="1" x14ac:dyDescent="0.2">
      <c r="A9" s="14">
        <v>4</v>
      </c>
      <c r="B9" s="15">
        <v>42</v>
      </c>
      <c r="C9" s="16">
        <v>43</v>
      </c>
      <c r="D9" s="17">
        <v>85</v>
      </c>
    </row>
    <row r="10" spans="1:4" ht="18" customHeight="1" x14ac:dyDescent="0.2">
      <c r="A10" s="18" t="s">
        <v>66</v>
      </c>
      <c r="B10" s="15">
        <v>174</v>
      </c>
      <c r="C10" s="16">
        <v>188</v>
      </c>
      <c r="D10" s="17">
        <v>362</v>
      </c>
    </row>
    <row r="11" spans="1:4" ht="18" customHeight="1" x14ac:dyDescent="0.2">
      <c r="A11" s="14">
        <v>5</v>
      </c>
      <c r="B11" s="15">
        <v>48</v>
      </c>
      <c r="C11" s="16">
        <v>42</v>
      </c>
      <c r="D11" s="17">
        <v>90</v>
      </c>
    </row>
    <row r="12" spans="1:4" ht="18" customHeight="1" x14ac:dyDescent="0.2">
      <c r="A12" s="14">
        <v>6</v>
      </c>
      <c r="B12" s="15">
        <v>38</v>
      </c>
      <c r="C12" s="16">
        <v>33</v>
      </c>
      <c r="D12" s="17">
        <v>71</v>
      </c>
    </row>
    <row r="13" spans="1:4" ht="18" customHeight="1" x14ac:dyDescent="0.2">
      <c r="A13" s="14">
        <v>7</v>
      </c>
      <c r="B13" s="15">
        <v>41</v>
      </c>
      <c r="C13" s="16">
        <v>46</v>
      </c>
      <c r="D13" s="17">
        <v>87</v>
      </c>
    </row>
    <row r="14" spans="1:4" ht="18" customHeight="1" x14ac:dyDescent="0.2">
      <c r="A14" s="14">
        <v>8</v>
      </c>
      <c r="B14" s="15">
        <v>47</v>
      </c>
      <c r="C14" s="16">
        <v>49</v>
      </c>
      <c r="D14" s="17">
        <v>96</v>
      </c>
    </row>
    <row r="15" spans="1:4" ht="18" customHeight="1" x14ac:dyDescent="0.2">
      <c r="A15" s="14">
        <v>9</v>
      </c>
      <c r="B15" s="15">
        <v>42</v>
      </c>
      <c r="C15" s="16">
        <v>46</v>
      </c>
      <c r="D15" s="17">
        <v>88</v>
      </c>
    </row>
    <row r="16" spans="1:4" ht="18" customHeight="1" x14ac:dyDescent="0.2">
      <c r="A16" s="18" t="s">
        <v>67</v>
      </c>
      <c r="B16" s="15">
        <v>216</v>
      </c>
      <c r="C16" s="16">
        <v>216</v>
      </c>
      <c r="D16" s="17">
        <v>432</v>
      </c>
    </row>
    <row r="17" spans="1:4" ht="18" customHeight="1" x14ac:dyDescent="0.2">
      <c r="A17" s="14">
        <v>10</v>
      </c>
      <c r="B17" s="15">
        <v>44</v>
      </c>
      <c r="C17" s="16">
        <v>30</v>
      </c>
      <c r="D17" s="17">
        <v>74</v>
      </c>
    </row>
    <row r="18" spans="1:4" ht="18" customHeight="1" x14ac:dyDescent="0.2">
      <c r="A18" s="14">
        <v>11</v>
      </c>
      <c r="B18" s="15">
        <v>39</v>
      </c>
      <c r="C18" s="16">
        <v>34</v>
      </c>
      <c r="D18" s="17">
        <v>73</v>
      </c>
    </row>
    <row r="19" spans="1:4" ht="18" customHeight="1" x14ac:dyDescent="0.2">
      <c r="A19" s="14">
        <v>12</v>
      </c>
      <c r="B19" s="15">
        <v>58</v>
      </c>
      <c r="C19" s="16">
        <v>32</v>
      </c>
      <c r="D19" s="17">
        <v>90</v>
      </c>
    </row>
    <row r="20" spans="1:4" ht="18" customHeight="1" x14ac:dyDescent="0.2">
      <c r="A20" s="14">
        <v>13</v>
      </c>
      <c r="B20" s="15">
        <v>32</v>
      </c>
      <c r="C20" s="16">
        <v>36</v>
      </c>
      <c r="D20" s="17">
        <v>68</v>
      </c>
    </row>
    <row r="21" spans="1:4" ht="18" customHeight="1" x14ac:dyDescent="0.2">
      <c r="A21" s="14">
        <v>14</v>
      </c>
      <c r="B21" s="15">
        <v>34</v>
      </c>
      <c r="C21" s="16">
        <v>31</v>
      </c>
      <c r="D21" s="17">
        <v>65</v>
      </c>
    </row>
    <row r="22" spans="1:4" ht="18" customHeight="1" x14ac:dyDescent="0.2">
      <c r="A22" s="18" t="s">
        <v>68</v>
      </c>
      <c r="B22" s="15">
        <v>207</v>
      </c>
      <c r="C22" s="16">
        <v>163</v>
      </c>
      <c r="D22" s="17">
        <v>370</v>
      </c>
    </row>
    <row r="23" spans="1:4" ht="18" customHeight="1" x14ac:dyDescent="0.2">
      <c r="A23" s="18" t="s">
        <v>69</v>
      </c>
      <c r="B23" s="15">
        <v>597</v>
      </c>
      <c r="C23" s="16">
        <v>567</v>
      </c>
      <c r="D23" s="17">
        <v>1164</v>
      </c>
    </row>
    <row r="24" spans="1:4" ht="18" customHeight="1" x14ac:dyDescent="0.2">
      <c r="A24" s="14">
        <v>15</v>
      </c>
      <c r="B24" s="15">
        <v>34</v>
      </c>
      <c r="C24" s="16">
        <v>17</v>
      </c>
      <c r="D24" s="17">
        <v>51</v>
      </c>
    </row>
    <row r="25" spans="1:4" ht="18" customHeight="1" x14ac:dyDescent="0.2">
      <c r="A25" s="14">
        <v>16</v>
      </c>
      <c r="B25" s="15">
        <v>46</v>
      </c>
      <c r="C25" s="16">
        <v>35</v>
      </c>
      <c r="D25" s="17">
        <v>81</v>
      </c>
    </row>
    <row r="26" spans="1:4" ht="18" customHeight="1" x14ac:dyDescent="0.2">
      <c r="A26" s="14">
        <v>17</v>
      </c>
      <c r="B26" s="15">
        <v>37</v>
      </c>
      <c r="C26" s="16">
        <v>38</v>
      </c>
      <c r="D26" s="17">
        <v>75</v>
      </c>
    </row>
    <row r="27" spans="1:4" ht="18" customHeight="1" x14ac:dyDescent="0.2">
      <c r="A27" s="14">
        <v>18</v>
      </c>
      <c r="B27" s="15">
        <v>36</v>
      </c>
      <c r="C27" s="16">
        <v>40</v>
      </c>
      <c r="D27" s="17">
        <v>76</v>
      </c>
    </row>
    <row r="28" spans="1:4" ht="18" customHeight="1" x14ac:dyDescent="0.2">
      <c r="A28" s="14">
        <v>19</v>
      </c>
      <c r="B28" s="15">
        <v>37</v>
      </c>
      <c r="C28" s="16">
        <v>34</v>
      </c>
      <c r="D28" s="17">
        <v>71</v>
      </c>
    </row>
    <row r="29" spans="1:4" ht="18" customHeight="1" x14ac:dyDescent="0.2">
      <c r="A29" s="18" t="s">
        <v>70</v>
      </c>
      <c r="B29" s="15">
        <v>190</v>
      </c>
      <c r="C29" s="16">
        <v>164</v>
      </c>
      <c r="D29" s="17">
        <v>354</v>
      </c>
    </row>
    <row r="30" spans="1:4" ht="18" customHeight="1" x14ac:dyDescent="0.2">
      <c r="A30" s="14">
        <v>20</v>
      </c>
      <c r="B30" s="15">
        <v>43</v>
      </c>
      <c r="C30" s="16">
        <v>31</v>
      </c>
      <c r="D30" s="17">
        <v>74</v>
      </c>
    </row>
    <row r="31" spans="1:4" ht="18" customHeight="1" x14ac:dyDescent="0.2">
      <c r="A31" s="14">
        <v>21</v>
      </c>
      <c r="B31" s="15">
        <v>37</v>
      </c>
      <c r="C31" s="16">
        <v>36</v>
      </c>
      <c r="D31" s="17">
        <v>73</v>
      </c>
    </row>
    <row r="32" spans="1:4" ht="18" customHeight="1" x14ac:dyDescent="0.2">
      <c r="A32" s="14">
        <v>22</v>
      </c>
      <c r="B32" s="15">
        <v>29</v>
      </c>
      <c r="C32" s="16">
        <v>24</v>
      </c>
      <c r="D32" s="17">
        <v>53</v>
      </c>
    </row>
    <row r="33" spans="1:4" ht="18" customHeight="1" x14ac:dyDescent="0.2">
      <c r="A33" s="14">
        <v>23</v>
      </c>
      <c r="B33" s="15">
        <v>31</v>
      </c>
      <c r="C33" s="16">
        <v>29</v>
      </c>
      <c r="D33" s="17">
        <v>60</v>
      </c>
    </row>
    <row r="34" spans="1:4" ht="18" customHeight="1" x14ac:dyDescent="0.2">
      <c r="A34" s="14">
        <v>24</v>
      </c>
      <c r="B34" s="15">
        <v>40</v>
      </c>
      <c r="C34" s="16">
        <v>51</v>
      </c>
      <c r="D34" s="17">
        <v>91</v>
      </c>
    </row>
    <row r="35" spans="1:4" ht="18" customHeight="1" x14ac:dyDescent="0.2">
      <c r="A35" s="18" t="s">
        <v>71</v>
      </c>
      <c r="B35" s="15">
        <v>180</v>
      </c>
      <c r="C35" s="16">
        <v>171</v>
      </c>
      <c r="D35" s="17">
        <v>351</v>
      </c>
    </row>
    <row r="36" spans="1:4" ht="18" customHeight="1" x14ac:dyDescent="0.2">
      <c r="A36" s="14">
        <v>25</v>
      </c>
      <c r="B36" s="15">
        <v>41</v>
      </c>
      <c r="C36" s="16">
        <v>27</v>
      </c>
      <c r="D36" s="17">
        <v>68</v>
      </c>
    </row>
    <row r="37" spans="1:4" ht="18" customHeight="1" x14ac:dyDescent="0.2">
      <c r="A37" s="14">
        <v>26</v>
      </c>
      <c r="B37" s="15">
        <v>19</v>
      </c>
      <c r="C37" s="16">
        <v>27</v>
      </c>
      <c r="D37" s="17">
        <v>46</v>
      </c>
    </row>
    <row r="38" spans="1:4" ht="18" customHeight="1" x14ac:dyDescent="0.2">
      <c r="A38" s="14">
        <v>27</v>
      </c>
      <c r="B38" s="15">
        <v>39</v>
      </c>
      <c r="C38" s="16">
        <v>39</v>
      </c>
      <c r="D38" s="17">
        <v>78</v>
      </c>
    </row>
    <row r="39" spans="1:4" ht="18" customHeight="1" x14ac:dyDescent="0.2">
      <c r="A39" s="14">
        <v>28</v>
      </c>
      <c r="B39" s="15">
        <v>48</v>
      </c>
      <c r="C39" s="16">
        <v>29</v>
      </c>
      <c r="D39" s="17">
        <v>77</v>
      </c>
    </row>
    <row r="40" spans="1:4" ht="18" customHeight="1" x14ac:dyDescent="0.2">
      <c r="A40" s="14">
        <v>29</v>
      </c>
      <c r="B40" s="15">
        <v>31</v>
      </c>
      <c r="C40" s="16">
        <v>36</v>
      </c>
      <c r="D40" s="17">
        <v>67</v>
      </c>
    </row>
    <row r="41" spans="1:4" ht="18" customHeight="1" x14ac:dyDescent="0.2">
      <c r="A41" s="18" t="s">
        <v>72</v>
      </c>
      <c r="B41" s="15">
        <v>178</v>
      </c>
      <c r="C41" s="16">
        <v>158</v>
      </c>
      <c r="D41" s="17">
        <v>336</v>
      </c>
    </row>
    <row r="42" spans="1:4" ht="18" customHeight="1" x14ac:dyDescent="0.2">
      <c r="A42" s="14">
        <v>30</v>
      </c>
      <c r="B42" s="15">
        <v>36</v>
      </c>
      <c r="C42" s="16">
        <v>44</v>
      </c>
      <c r="D42" s="17">
        <v>80</v>
      </c>
    </row>
    <row r="43" spans="1:4" ht="18" customHeight="1" x14ac:dyDescent="0.2">
      <c r="A43" s="14">
        <v>31</v>
      </c>
      <c r="B43" s="15">
        <v>50</v>
      </c>
      <c r="C43" s="16">
        <v>47</v>
      </c>
      <c r="D43" s="17">
        <v>97</v>
      </c>
    </row>
    <row r="44" spans="1:4" ht="18" customHeight="1" x14ac:dyDescent="0.2">
      <c r="A44" s="14">
        <v>32</v>
      </c>
      <c r="B44" s="15">
        <v>45</v>
      </c>
      <c r="C44" s="16">
        <v>49</v>
      </c>
      <c r="D44" s="17">
        <v>94</v>
      </c>
    </row>
    <row r="45" spans="1:4" ht="18" customHeight="1" x14ac:dyDescent="0.2">
      <c r="A45" s="14">
        <v>33</v>
      </c>
      <c r="B45" s="15">
        <v>49</v>
      </c>
      <c r="C45" s="16">
        <v>66</v>
      </c>
      <c r="D45" s="17">
        <v>115</v>
      </c>
    </row>
    <row r="46" spans="1:4" ht="18" customHeight="1" x14ac:dyDescent="0.2">
      <c r="A46" s="14">
        <v>34</v>
      </c>
      <c r="B46" s="15">
        <v>64</v>
      </c>
      <c r="C46" s="16">
        <v>56</v>
      </c>
      <c r="D46" s="17">
        <v>120</v>
      </c>
    </row>
    <row r="47" spans="1:4" ht="18" customHeight="1" x14ac:dyDescent="0.2">
      <c r="A47" s="18" t="s">
        <v>73</v>
      </c>
      <c r="B47" s="15">
        <v>244</v>
      </c>
      <c r="C47" s="16">
        <v>262</v>
      </c>
      <c r="D47" s="17">
        <v>506</v>
      </c>
    </row>
    <row r="48" spans="1:4" ht="18" customHeight="1" x14ac:dyDescent="0.2">
      <c r="A48" s="14">
        <v>35</v>
      </c>
      <c r="B48" s="15">
        <v>73</v>
      </c>
      <c r="C48" s="16">
        <v>68</v>
      </c>
      <c r="D48" s="17">
        <v>141</v>
      </c>
    </row>
    <row r="49" spans="1:4" ht="18" customHeight="1" x14ac:dyDescent="0.2">
      <c r="A49" s="14">
        <v>36</v>
      </c>
      <c r="B49" s="15">
        <v>86</v>
      </c>
      <c r="C49" s="16">
        <v>80</v>
      </c>
      <c r="D49" s="17">
        <v>166</v>
      </c>
    </row>
    <row r="50" spans="1:4" ht="18" customHeight="1" x14ac:dyDescent="0.2">
      <c r="A50" s="14">
        <v>37</v>
      </c>
      <c r="B50" s="15">
        <v>68</v>
      </c>
      <c r="C50" s="16">
        <v>82</v>
      </c>
      <c r="D50" s="17">
        <v>150</v>
      </c>
    </row>
    <row r="51" spans="1:4" ht="18" customHeight="1" x14ac:dyDescent="0.2">
      <c r="A51" s="14">
        <v>38</v>
      </c>
      <c r="B51" s="15">
        <v>47</v>
      </c>
      <c r="C51" s="16">
        <v>69</v>
      </c>
      <c r="D51" s="17">
        <v>116</v>
      </c>
    </row>
    <row r="52" spans="1:4" ht="18" customHeight="1" x14ac:dyDescent="0.2">
      <c r="A52" s="14">
        <v>39</v>
      </c>
      <c r="B52" s="15">
        <v>64</v>
      </c>
      <c r="C52" s="16">
        <v>51</v>
      </c>
      <c r="D52" s="17">
        <v>115</v>
      </c>
    </row>
    <row r="53" spans="1:4" ht="18" customHeight="1" x14ac:dyDescent="0.2">
      <c r="A53" s="18" t="s">
        <v>74</v>
      </c>
      <c r="B53" s="15">
        <v>338</v>
      </c>
      <c r="C53" s="16">
        <v>350</v>
      </c>
      <c r="D53" s="17">
        <v>688</v>
      </c>
    </row>
    <row r="54" spans="1:4" ht="18" customHeight="1" x14ac:dyDescent="0.2">
      <c r="A54" s="14">
        <v>40</v>
      </c>
      <c r="B54" s="15">
        <v>58</v>
      </c>
      <c r="C54" s="16">
        <v>43</v>
      </c>
      <c r="D54" s="17">
        <v>101</v>
      </c>
    </row>
    <row r="55" spans="1:4" ht="18" customHeight="1" x14ac:dyDescent="0.2">
      <c r="A55" s="14">
        <v>41</v>
      </c>
      <c r="B55" s="15">
        <v>52</v>
      </c>
      <c r="C55" s="16">
        <v>45</v>
      </c>
      <c r="D55" s="17">
        <v>97</v>
      </c>
    </row>
    <row r="56" spans="1:4" ht="18" customHeight="1" x14ac:dyDescent="0.2">
      <c r="A56" s="14">
        <v>42</v>
      </c>
      <c r="B56" s="15">
        <v>56</v>
      </c>
      <c r="C56" s="16">
        <v>48</v>
      </c>
      <c r="D56" s="17">
        <v>104</v>
      </c>
    </row>
    <row r="57" spans="1:4" ht="18" customHeight="1" x14ac:dyDescent="0.2">
      <c r="A57" s="14">
        <v>43</v>
      </c>
      <c r="B57" s="15">
        <v>43</v>
      </c>
      <c r="C57" s="16">
        <v>41</v>
      </c>
      <c r="D57" s="17">
        <v>84</v>
      </c>
    </row>
    <row r="58" spans="1:4" ht="18" customHeight="1" x14ac:dyDescent="0.2">
      <c r="A58" s="14">
        <v>44</v>
      </c>
      <c r="B58" s="15">
        <v>49</v>
      </c>
      <c r="C58" s="16">
        <v>46</v>
      </c>
      <c r="D58" s="17">
        <v>95</v>
      </c>
    </row>
    <row r="59" spans="1:4" ht="18" customHeight="1" x14ac:dyDescent="0.2">
      <c r="A59" s="18" t="s">
        <v>75</v>
      </c>
      <c r="B59" s="15">
        <v>258</v>
      </c>
      <c r="C59" s="16">
        <v>223</v>
      </c>
      <c r="D59" s="17">
        <v>481</v>
      </c>
    </row>
    <row r="60" spans="1:4" ht="18" customHeight="1" x14ac:dyDescent="0.2">
      <c r="A60" s="14">
        <v>45</v>
      </c>
      <c r="B60" s="15">
        <v>43</v>
      </c>
      <c r="C60" s="16">
        <v>47</v>
      </c>
      <c r="D60" s="17">
        <v>90</v>
      </c>
    </row>
    <row r="61" spans="1:4" ht="18" customHeight="1" x14ac:dyDescent="0.2">
      <c r="A61" s="14">
        <v>46</v>
      </c>
      <c r="B61" s="15">
        <v>34</v>
      </c>
      <c r="C61" s="16">
        <v>40</v>
      </c>
      <c r="D61" s="17">
        <v>74</v>
      </c>
    </row>
    <row r="62" spans="1:4" ht="18" customHeight="1" x14ac:dyDescent="0.2">
      <c r="A62" s="14">
        <v>47</v>
      </c>
      <c r="B62" s="15">
        <v>47</v>
      </c>
      <c r="C62" s="16">
        <v>34</v>
      </c>
      <c r="D62" s="17">
        <v>81</v>
      </c>
    </row>
    <row r="63" spans="1:4" ht="18" customHeight="1" x14ac:dyDescent="0.2">
      <c r="A63" s="14">
        <v>48</v>
      </c>
      <c r="B63" s="15">
        <v>39</v>
      </c>
      <c r="C63" s="16">
        <v>39</v>
      </c>
      <c r="D63" s="17">
        <v>78</v>
      </c>
    </row>
    <row r="64" spans="1:4" ht="18" customHeight="1" x14ac:dyDescent="0.2">
      <c r="A64" s="14">
        <v>49</v>
      </c>
      <c r="B64" s="15">
        <v>43</v>
      </c>
      <c r="C64" s="16">
        <v>45</v>
      </c>
      <c r="D64" s="17">
        <v>88</v>
      </c>
    </row>
    <row r="65" spans="1:4" ht="18" customHeight="1" x14ac:dyDescent="0.2">
      <c r="A65" s="18" t="s">
        <v>76</v>
      </c>
      <c r="B65" s="15">
        <v>206</v>
      </c>
      <c r="C65" s="16">
        <v>205</v>
      </c>
      <c r="D65" s="17">
        <v>411</v>
      </c>
    </row>
    <row r="66" spans="1:4" ht="18" customHeight="1" x14ac:dyDescent="0.2">
      <c r="A66" s="14">
        <v>50</v>
      </c>
      <c r="B66" s="15">
        <v>42</v>
      </c>
      <c r="C66" s="16">
        <v>53</v>
      </c>
      <c r="D66" s="17">
        <v>95</v>
      </c>
    </row>
    <row r="67" spans="1:4" ht="18" customHeight="1" x14ac:dyDescent="0.2">
      <c r="A67" s="14">
        <v>51</v>
      </c>
      <c r="B67" s="15">
        <v>58</v>
      </c>
      <c r="C67" s="16">
        <v>47</v>
      </c>
      <c r="D67" s="17">
        <v>105</v>
      </c>
    </row>
    <row r="68" spans="1:4" ht="18" customHeight="1" x14ac:dyDescent="0.2">
      <c r="A68" s="14">
        <v>52</v>
      </c>
      <c r="B68" s="15">
        <v>52</v>
      </c>
      <c r="C68" s="16">
        <v>50</v>
      </c>
      <c r="D68" s="17">
        <v>102</v>
      </c>
    </row>
    <row r="69" spans="1:4" ht="18" customHeight="1" x14ac:dyDescent="0.2">
      <c r="A69" s="14">
        <v>53</v>
      </c>
      <c r="B69" s="15">
        <v>34</v>
      </c>
      <c r="C69" s="16">
        <v>41</v>
      </c>
      <c r="D69" s="17">
        <v>75</v>
      </c>
    </row>
    <row r="70" spans="1:4" ht="18" customHeight="1" x14ac:dyDescent="0.2">
      <c r="A70" s="14">
        <v>54</v>
      </c>
      <c r="B70" s="15">
        <v>43</v>
      </c>
      <c r="C70" s="16">
        <v>56</v>
      </c>
      <c r="D70" s="17">
        <v>99</v>
      </c>
    </row>
    <row r="71" spans="1:4" ht="18" customHeight="1" x14ac:dyDescent="0.2">
      <c r="A71" s="18" t="s">
        <v>77</v>
      </c>
      <c r="B71" s="15">
        <v>229</v>
      </c>
      <c r="C71" s="16">
        <v>247</v>
      </c>
      <c r="D71" s="17">
        <v>476</v>
      </c>
    </row>
    <row r="72" spans="1:4" ht="18" customHeight="1" x14ac:dyDescent="0.2">
      <c r="A72" s="14">
        <v>55</v>
      </c>
      <c r="B72" s="15">
        <v>50</v>
      </c>
      <c r="C72" s="16">
        <v>46</v>
      </c>
      <c r="D72" s="17">
        <v>96</v>
      </c>
    </row>
    <row r="73" spans="1:4" ht="18" customHeight="1" x14ac:dyDescent="0.2">
      <c r="A73" s="14">
        <v>56</v>
      </c>
      <c r="B73" s="15">
        <v>51</v>
      </c>
      <c r="C73" s="16">
        <v>44</v>
      </c>
      <c r="D73" s="17">
        <v>95</v>
      </c>
    </row>
    <row r="74" spans="1:4" ht="18" customHeight="1" x14ac:dyDescent="0.2">
      <c r="A74" s="14">
        <v>57</v>
      </c>
      <c r="B74" s="15">
        <v>47</v>
      </c>
      <c r="C74" s="16">
        <v>53</v>
      </c>
      <c r="D74" s="17">
        <v>100</v>
      </c>
    </row>
    <row r="75" spans="1:4" ht="18" customHeight="1" x14ac:dyDescent="0.2">
      <c r="A75" s="14">
        <v>58</v>
      </c>
      <c r="B75" s="15">
        <v>48</v>
      </c>
      <c r="C75" s="16">
        <v>63</v>
      </c>
      <c r="D75" s="17">
        <v>111</v>
      </c>
    </row>
    <row r="76" spans="1:4" ht="18" customHeight="1" x14ac:dyDescent="0.2">
      <c r="A76" s="14">
        <v>59</v>
      </c>
      <c r="B76" s="15">
        <v>62</v>
      </c>
      <c r="C76" s="16">
        <v>76</v>
      </c>
      <c r="D76" s="17">
        <v>138</v>
      </c>
    </row>
    <row r="77" spans="1:4" ht="18" customHeight="1" x14ac:dyDescent="0.2">
      <c r="A77" s="18" t="s">
        <v>78</v>
      </c>
      <c r="B77" s="15">
        <v>258</v>
      </c>
      <c r="C77" s="16">
        <v>282</v>
      </c>
      <c r="D77" s="17">
        <v>540</v>
      </c>
    </row>
    <row r="78" spans="1:4" ht="18" customHeight="1" x14ac:dyDescent="0.2">
      <c r="A78" s="14">
        <v>60</v>
      </c>
      <c r="B78" s="15">
        <v>77</v>
      </c>
      <c r="C78" s="16">
        <v>84</v>
      </c>
      <c r="D78" s="17">
        <v>161</v>
      </c>
    </row>
    <row r="79" spans="1:4" ht="18" customHeight="1" x14ac:dyDescent="0.2">
      <c r="A79" s="14">
        <v>61</v>
      </c>
      <c r="B79" s="15">
        <v>87</v>
      </c>
      <c r="C79" s="16">
        <v>71</v>
      </c>
      <c r="D79" s="17">
        <v>158</v>
      </c>
    </row>
    <row r="80" spans="1:4" ht="18" customHeight="1" x14ac:dyDescent="0.2">
      <c r="A80" s="14">
        <v>62</v>
      </c>
      <c r="B80" s="15">
        <v>71</v>
      </c>
      <c r="C80" s="16">
        <v>91</v>
      </c>
      <c r="D80" s="17">
        <v>162</v>
      </c>
    </row>
    <row r="81" spans="1:4" ht="18" customHeight="1" x14ac:dyDescent="0.2">
      <c r="A81" s="14">
        <v>63</v>
      </c>
      <c r="B81" s="15">
        <v>40</v>
      </c>
      <c r="C81" s="16">
        <v>41</v>
      </c>
      <c r="D81" s="17">
        <v>81</v>
      </c>
    </row>
    <row r="82" spans="1:4" ht="18" customHeight="1" x14ac:dyDescent="0.2">
      <c r="A82" s="14">
        <v>64</v>
      </c>
      <c r="B82" s="15">
        <v>43</v>
      </c>
      <c r="C82" s="16">
        <v>54</v>
      </c>
      <c r="D82" s="17">
        <v>97</v>
      </c>
    </row>
    <row r="83" spans="1:4" ht="18" customHeight="1" x14ac:dyDescent="0.2">
      <c r="A83" s="18" t="s">
        <v>79</v>
      </c>
      <c r="B83" s="15">
        <v>318</v>
      </c>
      <c r="C83" s="16">
        <v>341</v>
      </c>
      <c r="D83" s="17">
        <v>659</v>
      </c>
    </row>
    <row r="84" spans="1:4" ht="18" customHeight="1" x14ac:dyDescent="0.2">
      <c r="A84" s="18" t="s">
        <v>80</v>
      </c>
      <c r="B84" s="15">
        <v>2399</v>
      </c>
      <c r="C84" s="16">
        <v>2403</v>
      </c>
      <c r="D84" s="17">
        <v>4802</v>
      </c>
    </row>
    <row r="85" spans="1:4" ht="18" customHeight="1" x14ac:dyDescent="0.2">
      <c r="A85" s="14">
        <v>65</v>
      </c>
      <c r="B85" s="15">
        <v>57</v>
      </c>
      <c r="C85" s="16">
        <v>76</v>
      </c>
      <c r="D85" s="17">
        <v>133</v>
      </c>
    </row>
    <row r="86" spans="1:4" ht="18" customHeight="1" x14ac:dyDescent="0.2">
      <c r="A86" s="14">
        <v>66</v>
      </c>
      <c r="B86" s="15">
        <v>57</v>
      </c>
      <c r="C86" s="16">
        <v>62</v>
      </c>
      <c r="D86" s="17">
        <v>119</v>
      </c>
    </row>
    <row r="87" spans="1:4" ht="18" customHeight="1" x14ac:dyDescent="0.2">
      <c r="A87" s="14">
        <v>67</v>
      </c>
      <c r="B87" s="15">
        <v>53</v>
      </c>
      <c r="C87" s="16">
        <v>64</v>
      </c>
      <c r="D87" s="17">
        <v>117</v>
      </c>
    </row>
    <row r="88" spans="1:4" ht="18" customHeight="1" x14ac:dyDescent="0.2">
      <c r="A88" s="14">
        <v>68</v>
      </c>
      <c r="B88" s="15">
        <v>43</v>
      </c>
      <c r="C88" s="16">
        <v>50</v>
      </c>
      <c r="D88" s="17">
        <v>93</v>
      </c>
    </row>
    <row r="89" spans="1:4" ht="18" customHeight="1" x14ac:dyDescent="0.2">
      <c r="A89" s="14">
        <v>69</v>
      </c>
      <c r="B89" s="15">
        <v>58</v>
      </c>
      <c r="C89" s="16">
        <v>44</v>
      </c>
      <c r="D89" s="17">
        <v>102</v>
      </c>
    </row>
    <row r="90" spans="1:4" ht="18" customHeight="1" x14ac:dyDescent="0.2">
      <c r="A90" s="18" t="s">
        <v>81</v>
      </c>
      <c r="B90" s="15">
        <v>268</v>
      </c>
      <c r="C90" s="16">
        <v>296</v>
      </c>
      <c r="D90" s="17">
        <v>564</v>
      </c>
    </row>
    <row r="91" spans="1:4" ht="18" customHeight="1" x14ac:dyDescent="0.2">
      <c r="A91" s="14">
        <v>70</v>
      </c>
      <c r="B91" s="15">
        <v>51</v>
      </c>
      <c r="C91" s="16">
        <v>36</v>
      </c>
      <c r="D91" s="17">
        <v>87</v>
      </c>
    </row>
    <row r="92" spans="1:4" ht="18" customHeight="1" x14ac:dyDescent="0.2">
      <c r="A92" s="14">
        <v>71</v>
      </c>
      <c r="B92" s="15">
        <v>43</v>
      </c>
      <c r="C92" s="16">
        <v>49</v>
      </c>
      <c r="D92" s="17">
        <v>92</v>
      </c>
    </row>
    <row r="93" spans="1:4" ht="18" customHeight="1" x14ac:dyDescent="0.2">
      <c r="A93" s="14">
        <v>72</v>
      </c>
      <c r="B93" s="15">
        <v>52</v>
      </c>
      <c r="C93" s="16">
        <v>44</v>
      </c>
      <c r="D93" s="17">
        <v>96</v>
      </c>
    </row>
    <row r="94" spans="1:4" ht="18" customHeight="1" x14ac:dyDescent="0.2">
      <c r="A94" s="14">
        <v>73</v>
      </c>
      <c r="B94" s="15">
        <v>33</v>
      </c>
      <c r="C94" s="16">
        <v>54</v>
      </c>
      <c r="D94" s="17">
        <v>87</v>
      </c>
    </row>
    <row r="95" spans="1:4" ht="18" customHeight="1" x14ac:dyDescent="0.2">
      <c r="A95" s="14">
        <v>74</v>
      </c>
      <c r="B95" s="15">
        <v>34</v>
      </c>
      <c r="C95" s="16">
        <v>36</v>
      </c>
      <c r="D95" s="17">
        <v>70</v>
      </c>
    </row>
    <row r="96" spans="1:4" ht="18" customHeight="1" x14ac:dyDescent="0.2">
      <c r="A96" s="18" t="s">
        <v>82</v>
      </c>
      <c r="B96" s="15">
        <v>213</v>
      </c>
      <c r="C96" s="16">
        <v>219</v>
      </c>
      <c r="D96" s="17">
        <v>432</v>
      </c>
    </row>
    <row r="97" spans="1:4" ht="18" customHeight="1" x14ac:dyDescent="0.2">
      <c r="A97" s="14">
        <v>75</v>
      </c>
      <c r="B97" s="15">
        <v>31</v>
      </c>
      <c r="C97" s="16">
        <v>40</v>
      </c>
      <c r="D97" s="17">
        <v>71</v>
      </c>
    </row>
    <row r="98" spans="1:4" ht="18" customHeight="1" x14ac:dyDescent="0.2">
      <c r="A98" s="14">
        <v>76</v>
      </c>
      <c r="B98" s="15">
        <v>37</v>
      </c>
      <c r="C98" s="16">
        <v>49</v>
      </c>
      <c r="D98" s="17">
        <v>86</v>
      </c>
    </row>
    <row r="99" spans="1:4" ht="18" customHeight="1" x14ac:dyDescent="0.2">
      <c r="A99" s="14">
        <v>77</v>
      </c>
      <c r="B99" s="15">
        <v>30</v>
      </c>
      <c r="C99" s="16">
        <v>36</v>
      </c>
      <c r="D99" s="17">
        <v>66</v>
      </c>
    </row>
    <row r="100" spans="1:4" ht="18" customHeight="1" x14ac:dyDescent="0.2">
      <c r="A100" s="14">
        <v>78</v>
      </c>
      <c r="B100" s="15">
        <v>34</v>
      </c>
      <c r="C100" s="16">
        <v>44</v>
      </c>
      <c r="D100" s="17">
        <v>78</v>
      </c>
    </row>
    <row r="101" spans="1:4" ht="18" customHeight="1" x14ac:dyDescent="0.2">
      <c r="A101" s="14">
        <v>79</v>
      </c>
      <c r="B101" s="15">
        <v>28</v>
      </c>
      <c r="C101" s="16">
        <v>31</v>
      </c>
      <c r="D101" s="17">
        <v>59</v>
      </c>
    </row>
    <row r="102" spans="1:4" ht="18" customHeight="1" x14ac:dyDescent="0.2">
      <c r="A102" s="18" t="s">
        <v>83</v>
      </c>
      <c r="B102" s="15">
        <v>160</v>
      </c>
      <c r="C102" s="16">
        <v>200</v>
      </c>
      <c r="D102" s="17">
        <v>360</v>
      </c>
    </row>
    <row r="103" spans="1:4" ht="18" customHeight="1" x14ac:dyDescent="0.2">
      <c r="A103" s="14">
        <v>80</v>
      </c>
      <c r="B103" s="15">
        <v>25</v>
      </c>
      <c r="C103" s="16">
        <v>29</v>
      </c>
      <c r="D103" s="17">
        <v>54</v>
      </c>
    </row>
    <row r="104" spans="1:4" ht="18" customHeight="1" x14ac:dyDescent="0.2">
      <c r="A104" s="14">
        <v>81</v>
      </c>
      <c r="B104" s="15">
        <v>21</v>
      </c>
      <c r="C104" s="16">
        <v>25</v>
      </c>
      <c r="D104" s="17">
        <v>46</v>
      </c>
    </row>
    <row r="105" spans="1:4" ht="18" customHeight="1" x14ac:dyDescent="0.2">
      <c r="A105" s="14">
        <v>82</v>
      </c>
      <c r="B105" s="15">
        <v>21</v>
      </c>
      <c r="C105" s="16">
        <v>35</v>
      </c>
      <c r="D105" s="17">
        <v>56</v>
      </c>
    </row>
    <row r="106" spans="1:4" ht="18" customHeight="1" x14ac:dyDescent="0.2">
      <c r="A106" s="14">
        <v>83</v>
      </c>
      <c r="B106" s="15">
        <v>20</v>
      </c>
      <c r="C106" s="16">
        <v>33</v>
      </c>
      <c r="D106" s="17">
        <v>53</v>
      </c>
    </row>
    <row r="107" spans="1:4" ht="18" customHeight="1" x14ac:dyDescent="0.2">
      <c r="A107" s="14">
        <v>84</v>
      </c>
      <c r="B107" s="15">
        <v>11</v>
      </c>
      <c r="C107" s="16">
        <v>32</v>
      </c>
      <c r="D107" s="17">
        <v>43</v>
      </c>
    </row>
    <row r="108" spans="1:4" ht="18" customHeight="1" x14ac:dyDescent="0.2">
      <c r="A108" s="18" t="s">
        <v>84</v>
      </c>
      <c r="B108" s="15">
        <v>98</v>
      </c>
      <c r="C108" s="16">
        <v>154</v>
      </c>
      <c r="D108" s="17">
        <v>252</v>
      </c>
    </row>
    <row r="109" spans="1:4" ht="18" customHeight="1" x14ac:dyDescent="0.2">
      <c r="A109" s="14">
        <v>85</v>
      </c>
      <c r="B109" s="15">
        <v>9</v>
      </c>
      <c r="C109" s="16">
        <v>26</v>
      </c>
      <c r="D109" s="17">
        <v>35</v>
      </c>
    </row>
    <row r="110" spans="1:4" ht="18" customHeight="1" x14ac:dyDescent="0.2">
      <c r="A110" s="14">
        <v>86</v>
      </c>
      <c r="B110" s="15">
        <v>10</v>
      </c>
      <c r="C110" s="16">
        <v>17</v>
      </c>
      <c r="D110" s="17">
        <v>27</v>
      </c>
    </row>
    <row r="111" spans="1:4" ht="18" customHeight="1" x14ac:dyDescent="0.2">
      <c r="A111" s="14">
        <v>87</v>
      </c>
      <c r="B111" s="15">
        <v>5</v>
      </c>
      <c r="C111" s="16">
        <v>21</v>
      </c>
      <c r="D111" s="17">
        <v>26</v>
      </c>
    </row>
    <row r="112" spans="1:4" ht="18" customHeight="1" x14ac:dyDescent="0.2">
      <c r="A112" s="14">
        <v>88</v>
      </c>
      <c r="B112" s="15">
        <v>10</v>
      </c>
      <c r="C112" s="16">
        <v>15</v>
      </c>
      <c r="D112" s="17">
        <v>25</v>
      </c>
    </row>
    <row r="113" spans="1:4" ht="18" customHeight="1" x14ac:dyDescent="0.2">
      <c r="A113" s="14">
        <v>89</v>
      </c>
      <c r="B113" s="15">
        <v>5</v>
      </c>
      <c r="C113" s="16">
        <v>10</v>
      </c>
      <c r="D113" s="17">
        <v>15</v>
      </c>
    </row>
    <row r="114" spans="1:4" ht="18" customHeight="1" x14ac:dyDescent="0.2">
      <c r="A114" s="18" t="s">
        <v>85</v>
      </c>
      <c r="B114" s="15">
        <v>39</v>
      </c>
      <c r="C114" s="16">
        <v>89</v>
      </c>
      <c r="D114" s="17">
        <v>128</v>
      </c>
    </row>
    <row r="115" spans="1:4" ht="18" customHeight="1" x14ac:dyDescent="0.2">
      <c r="A115" s="14">
        <v>90</v>
      </c>
      <c r="B115" s="15">
        <v>4</v>
      </c>
      <c r="C115" s="16">
        <v>15</v>
      </c>
      <c r="D115" s="17">
        <v>19</v>
      </c>
    </row>
    <row r="116" spans="1:4" ht="18" customHeight="1" x14ac:dyDescent="0.2">
      <c r="A116" s="14">
        <v>91</v>
      </c>
      <c r="B116" s="15">
        <v>3</v>
      </c>
      <c r="C116" s="16">
        <v>8</v>
      </c>
      <c r="D116" s="17">
        <v>11</v>
      </c>
    </row>
    <row r="117" spans="1:4" ht="18" customHeight="1" x14ac:dyDescent="0.2">
      <c r="A117" s="14">
        <v>92</v>
      </c>
      <c r="B117" s="15">
        <v>2</v>
      </c>
      <c r="C117" s="16">
        <v>5</v>
      </c>
      <c r="D117" s="17">
        <v>7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3</v>
      </c>
      <c r="C119" s="16">
        <v>6</v>
      </c>
      <c r="D119" s="17">
        <v>9</v>
      </c>
    </row>
    <row r="120" spans="1:4" ht="18" customHeight="1" x14ac:dyDescent="0.2">
      <c r="A120" s="18" t="s">
        <v>86</v>
      </c>
      <c r="B120" s="15">
        <v>13</v>
      </c>
      <c r="C120" s="16">
        <v>39</v>
      </c>
      <c r="D120" s="17">
        <v>52</v>
      </c>
    </row>
    <row r="121" spans="1:4" ht="18" customHeight="1" x14ac:dyDescent="0.2">
      <c r="A121" s="14">
        <v>95</v>
      </c>
      <c r="B121" s="15">
        <v>2</v>
      </c>
      <c r="C121" s="16">
        <v>1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2</v>
      </c>
      <c r="C126" s="16">
        <v>12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90</v>
      </c>
      <c r="B130" s="4">
        <v>793</v>
      </c>
      <c r="C130" s="5">
        <v>1009</v>
      </c>
      <c r="D130" s="6">
        <v>1802</v>
      </c>
    </row>
    <row r="131" spans="1:4" ht="18" customHeight="1" x14ac:dyDescent="0.2">
      <c r="A131" s="20" t="s">
        <v>65</v>
      </c>
      <c r="B131" s="7">
        <v>3789</v>
      </c>
      <c r="C131" s="8">
        <v>3979</v>
      </c>
      <c r="D131" s="9">
        <v>776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33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6</v>
      </c>
      <c r="C5" s="12">
        <v>17</v>
      </c>
      <c r="D5" s="13">
        <v>33</v>
      </c>
    </row>
    <row r="6" spans="1:4" ht="18" customHeight="1" x14ac:dyDescent="0.2">
      <c r="A6" s="14">
        <v>1</v>
      </c>
      <c r="B6" s="15">
        <v>31</v>
      </c>
      <c r="C6" s="16">
        <v>21</v>
      </c>
      <c r="D6" s="17">
        <v>52</v>
      </c>
    </row>
    <row r="7" spans="1:4" ht="18" customHeight="1" x14ac:dyDescent="0.2">
      <c r="A7" s="14">
        <v>2</v>
      </c>
      <c r="B7" s="15">
        <v>30</v>
      </c>
      <c r="C7" s="16">
        <v>29</v>
      </c>
      <c r="D7" s="17">
        <v>59</v>
      </c>
    </row>
    <row r="8" spans="1:4" ht="18" customHeight="1" x14ac:dyDescent="0.2">
      <c r="A8" s="14">
        <v>3</v>
      </c>
      <c r="B8" s="15">
        <v>32</v>
      </c>
      <c r="C8" s="16">
        <v>25</v>
      </c>
      <c r="D8" s="17">
        <v>57</v>
      </c>
    </row>
    <row r="9" spans="1:4" ht="18" customHeight="1" x14ac:dyDescent="0.2">
      <c r="A9" s="14">
        <v>4</v>
      </c>
      <c r="B9" s="15">
        <v>39</v>
      </c>
      <c r="C9" s="16">
        <v>27</v>
      </c>
      <c r="D9" s="17">
        <v>66</v>
      </c>
    </row>
    <row r="10" spans="1:4" ht="18" customHeight="1" x14ac:dyDescent="0.2">
      <c r="A10" s="18" t="s">
        <v>66</v>
      </c>
      <c r="B10" s="15">
        <v>148</v>
      </c>
      <c r="C10" s="16">
        <v>119</v>
      </c>
      <c r="D10" s="17">
        <v>267</v>
      </c>
    </row>
    <row r="11" spans="1:4" ht="18" customHeight="1" x14ac:dyDescent="0.2">
      <c r="A11" s="14">
        <v>5</v>
      </c>
      <c r="B11" s="15">
        <v>24</v>
      </c>
      <c r="C11" s="16">
        <v>27</v>
      </c>
      <c r="D11" s="17">
        <v>51</v>
      </c>
    </row>
    <row r="12" spans="1:4" ht="18" customHeight="1" x14ac:dyDescent="0.2">
      <c r="A12" s="14">
        <v>6</v>
      </c>
      <c r="B12" s="15">
        <v>27</v>
      </c>
      <c r="C12" s="16">
        <v>32</v>
      </c>
      <c r="D12" s="17">
        <v>59</v>
      </c>
    </row>
    <row r="13" spans="1:4" ht="18" customHeight="1" x14ac:dyDescent="0.2">
      <c r="A13" s="14">
        <v>7</v>
      </c>
      <c r="B13" s="15">
        <v>43</v>
      </c>
      <c r="C13" s="16">
        <v>26</v>
      </c>
      <c r="D13" s="17">
        <v>69</v>
      </c>
    </row>
    <row r="14" spans="1:4" ht="18" customHeight="1" x14ac:dyDescent="0.2">
      <c r="A14" s="14">
        <v>8</v>
      </c>
      <c r="B14" s="15">
        <v>33</v>
      </c>
      <c r="C14" s="16">
        <v>39</v>
      </c>
      <c r="D14" s="17">
        <v>72</v>
      </c>
    </row>
    <row r="15" spans="1:4" ht="18" customHeight="1" x14ac:dyDescent="0.2">
      <c r="A15" s="14">
        <v>9</v>
      </c>
      <c r="B15" s="15">
        <v>31</v>
      </c>
      <c r="C15" s="16">
        <v>30</v>
      </c>
      <c r="D15" s="17">
        <v>61</v>
      </c>
    </row>
    <row r="16" spans="1:4" ht="18" customHeight="1" x14ac:dyDescent="0.2">
      <c r="A16" s="18" t="s">
        <v>67</v>
      </c>
      <c r="B16" s="15">
        <v>158</v>
      </c>
      <c r="C16" s="16">
        <v>154</v>
      </c>
      <c r="D16" s="17">
        <v>312</v>
      </c>
    </row>
    <row r="17" spans="1:4" ht="18" customHeight="1" x14ac:dyDescent="0.2">
      <c r="A17" s="14">
        <v>10</v>
      </c>
      <c r="B17" s="15">
        <v>37</v>
      </c>
      <c r="C17" s="16">
        <v>28</v>
      </c>
      <c r="D17" s="17">
        <v>65</v>
      </c>
    </row>
    <row r="18" spans="1:4" ht="18" customHeight="1" x14ac:dyDescent="0.2">
      <c r="A18" s="14">
        <v>11</v>
      </c>
      <c r="B18" s="15">
        <v>37</v>
      </c>
      <c r="C18" s="16">
        <v>35</v>
      </c>
      <c r="D18" s="17">
        <v>72</v>
      </c>
    </row>
    <row r="19" spans="1:4" ht="18" customHeight="1" x14ac:dyDescent="0.2">
      <c r="A19" s="14">
        <v>12</v>
      </c>
      <c r="B19" s="15">
        <v>40</v>
      </c>
      <c r="C19" s="16">
        <v>34</v>
      </c>
      <c r="D19" s="17">
        <v>74</v>
      </c>
    </row>
    <row r="20" spans="1:4" ht="18" customHeight="1" x14ac:dyDescent="0.2">
      <c r="A20" s="14">
        <v>13</v>
      </c>
      <c r="B20" s="15">
        <v>34</v>
      </c>
      <c r="C20" s="16">
        <v>39</v>
      </c>
      <c r="D20" s="17">
        <v>73</v>
      </c>
    </row>
    <row r="21" spans="1:4" ht="18" customHeight="1" x14ac:dyDescent="0.2">
      <c r="A21" s="14">
        <v>14</v>
      </c>
      <c r="B21" s="15">
        <v>39</v>
      </c>
      <c r="C21" s="16">
        <v>38</v>
      </c>
      <c r="D21" s="17">
        <v>77</v>
      </c>
    </row>
    <row r="22" spans="1:4" ht="18" customHeight="1" x14ac:dyDescent="0.2">
      <c r="A22" s="18" t="s">
        <v>68</v>
      </c>
      <c r="B22" s="15">
        <v>187</v>
      </c>
      <c r="C22" s="16">
        <v>174</v>
      </c>
      <c r="D22" s="17">
        <v>361</v>
      </c>
    </row>
    <row r="23" spans="1:4" ht="18" customHeight="1" x14ac:dyDescent="0.2">
      <c r="A23" s="18" t="s">
        <v>69</v>
      </c>
      <c r="B23" s="15">
        <v>493</v>
      </c>
      <c r="C23" s="16">
        <v>447</v>
      </c>
      <c r="D23" s="17">
        <v>940</v>
      </c>
    </row>
    <row r="24" spans="1:4" ht="18" customHeight="1" x14ac:dyDescent="0.2">
      <c r="A24" s="14">
        <v>15</v>
      </c>
      <c r="B24" s="15">
        <v>30</v>
      </c>
      <c r="C24" s="16">
        <v>46</v>
      </c>
      <c r="D24" s="17">
        <v>76</v>
      </c>
    </row>
    <row r="25" spans="1:4" ht="18" customHeight="1" x14ac:dyDescent="0.2">
      <c r="A25" s="14">
        <v>16</v>
      </c>
      <c r="B25" s="15">
        <v>35</v>
      </c>
      <c r="C25" s="16">
        <v>51</v>
      </c>
      <c r="D25" s="17">
        <v>86</v>
      </c>
    </row>
    <row r="26" spans="1:4" ht="18" customHeight="1" x14ac:dyDescent="0.2">
      <c r="A26" s="14">
        <v>17</v>
      </c>
      <c r="B26" s="15">
        <v>33</v>
      </c>
      <c r="C26" s="16">
        <v>29</v>
      </c>
      <c r="D26" s="17">
        <v>62</v>
      </c>
    </row>
    <row r="27" spans="1:4" ht="18" customHeight="1" x14ac:dyDescent="0.2">
      <c r="A27" s="14">
        <v>18</v>
      </c>
      <c r="B27" s="15">
        <v>36</v>
      </c>
      <c r="C27" s="16">
        <v>29</v>
      </c>
      <c r="D27" s="17">
        <v>65</v>
      </c>
    </row>
    <row r="28" spans="1:4" ht="18" customHeight="1" x14ac:dyDescent="0.2">
      <c r="A28" s="14">
        <v>19</v>
      </c>
      <c r="B28" s="15">
        <v>38</v>
      </c>
      <c r="C28" s="16">
        <v>29</v>
      </c>
      <c r="D28" s="17">
        <v>67</v>
      </c>
    </row>
    <row r="29" spans="1:4" ht="18" customHeight="1" x14ac:dyDescent="0.2">
      <c r="A29" s="18" t="s">
        <v>70</v>
      </c>
      <c r="B29" s="15">
        <v>172</v>
      </c>
      <c r="C29" s="16">
        <v>184</v>
      </c>
      <c r="D29" s="17">
        <v>356</v>
      </c>
    </row>
    <row r="30" spans="1:4" ht="18" customHeight="1" x14ac:dyDescent="0.2">
      <c r="A30" s="14">
        <v>20</v>
      </c>
      <c r="B30" s="15">
        <v>31</v>
      </c>
      <c r="C30" s="16">
        <v>33</v>
      </c>
      <c r="D30" s="17">
        <v>64</v>
      </c>
    </row>
    <row r="31" spans="1:4" ht="18" customHeight="1" x14ac:dyDescent="0.2">
      <c r="A31" s="14">
        <v>21</v>
      </c>
      <c r="B31" s="15">
        <v>33</v>
      </c>
      <c r="C31" s="16">
        <v>27</v>
      </c>
      <c r="D31" s="17">
        <v>60</v>
      </c>
    </row>
    <row r="32" spans="1:4" ht="18" customHeight="1" x14ac:dyDescent="0.2">
      <c r="A32" s="14">
        <v>22</v>
      </c>
      <c r="B32" s="15">
        <v>35</v>
      </c>
      <c r="C32" s="16">
        <v>37</v>
      </c>
      <c r="D32" s="17">
        <v>72</v>
      </c>
    </row>
    <row r="33" spans="1:4" ht="18" customHeight="1" x14ac:dyDescent="0.2">
      <c r="A33" s="14">
        <v>23</v>
      </c>
      <c r="B33" s="15">
        <v>24</v>
      </c>
      <c r="C33" s="16">
        <v>35</v>
      </c>
      <c r="D33" s="17">
        <v>59</v>
      </c>
    </row>
    <row r="34" spans="1:4" ht="18" customHeight="1" x14ac:dyDescent="0.2">
      <c r="A34" s="14">
        <v>24</v>
      </c>
      <c r="B34" s="15">
        <v>30</v>
      </c>
      <c r="C34" s="16">
        <v>29</v>
      </c>
      <c r="D34" s="17">
        <v>59</v>
      </c>
    </row>
    <row r="35" spans="1:4" ht="18" customHeight="1" x14ac:dyDescent="0.2">
      <c r="A35" s="18" t="s">
        <v>71</v>
      </c>
      <c r="B35" s="15">
        <v>153</v>
      </c>
      <c r="C35" s="16">
        <v>161</v>
      </c>
      <c r="D35" s="17">
        <v>314</v>
      </c>
    </row>
    <row r="36" spans="1:4" ht="18" customHeight="1" x14ac:dyDescent="0.2">
      <c r="A36" s="14">
        <v>25</v>
      </c>
      <c r="B36" s="15">
        <v>30</v>
      </c>
      <c r="C36" s="16">
        <v>35</v>
      </c>
      <c r="D36" s="17">
        <v>65</v>
      </c>
    </row>
    <row r="37" spans="1:4" ht="18" customHeight="1" x14ac:dyDescent="0.2">
      <c r="A37" s="14">
        <v>26</v>
      </c>
      <c r="B37" s="15">
        <v>36</v>
      </c>
      <c r="C37" s="16">
        <v>28</v>
      </c>
      <c r="D37" s="17">
        <v>64</v>
      </c>
    </row>
    <row r="38" spans="1:4" ht="18" customHeight="1" x14ac:dyDescent="0.2">
      <c r="A38" s="14">
        <v>27</v>
      </c>
      <c r="B38" s="15">
        <v>37</v>
      </c>
      <c r="C38" s="16">
        <v>35</v>
      </c>
      <c r="D38" s="17">
        <v>72</v>
      </c>
    </row>
    <row r="39" spans="1:4" ht="18" customHeight="1" x14ac:dyDescent="0.2">
      <c r="A39" s="14">
        <v>28</v>
      </c>
      <c r="B39" s="15">
        <v>31</v>
      </c>
      <c r="C39" s="16">
        <v>31</v>
      </c>
      <c r="D39" s="17">
        <v>62</v>
      </c>
    </row>
    <row r="40" spans="1:4" ht="18" customHeight="1" x14ac:dyDescent="0.2">
      <c r="A40" s="14">
        <v>29</v>
      </c>
      <c r="B40" s="15">
        <v>40</v>
      </c>
      <c r="C40" s="16">
        <v>46</v>
      </c>
      <c r="D40" s="17">
        <v>86</v>
      </c>
    </row>
    <row r="41" spans="1:4" ht="18" customHeight="1" x14ac:dyDescent="0.2">
      <c r="A41" s="18" t="s">
        <v>72</v>
      </c>
      <c r="B41" s="15">
        <v>174</v>
      </c>
      <c r="C41" s="16">
        <v>175</v>
      </c>
      <c r="D41" s="17">
        <v>349</v>
      </c>
    </row>
    <row r="42" spans="1:4" ht="18" customHeight="1" x14ac:dyDescent="0.2">
      <c r="A42" s="14">
        <v>30</v>
      </c>
      <c r="B42" s="15">
        <v>40</v>
      </c>
      <c r="C42" s="16">
        <v>35</v>
      </c>
      <c r="D42" s="17">
        <v>75</v>
      </c>
    </row>
    <row r="43" spans="1:4" ht="18" customHeight="1" x14ac:dyDescent="0.2">
      <c r="A43" s="14">
        <v>31</v>
      </c>
      <c r="B43" s="15">
        <v>51</v>
      </c>
      <c r="C43" s="16">
        <v>42</v>
      </c>
      <c r="D43" s="17">
        <v>93</v>
      </c>
    </row>
    <row r="44" spans="1:4" ht="18" customHeight="1" x14ac:dyDescent="0.2">
      <c r="A44" s="14">
        <v>32</v>
      </c>
      <c r="B44" s="15">
        <v>40</v>
      </c>
      <c r="C44" s="16">
        <v>36</v>
      </c>
      <c r="D44" s="17">
        <v>76</v>
      </c>
    </row>
    <row r="45" spans="1:4" ht="18" customHeight="1" x14ac:dyDescent="0.2">
      <c r="A45" s="14">
        <v>33</v>
      </c>
      <c r="B45" s="15">
        <v>45</v>
      </c>
      <c r="C45" s="16">
        <v>32</v>
      </c>
      <c r="D45" s="17">
        <v>77</v>
      </c>
    </row>
    <row r="46" spans="1:4" ht="18" customHeight="1" x14ac:dyDescent="0.2">
      <c r="A46" s="14">
        <v>34</v>
      </c>
      <c r="B46" s="15">
        <v>54</v>
      </c>
      <c r="C46" s="16">
        <v>53</v>
      </c>
      <c r="D46" s="17">
        <v>107</v>
      </c>
    </row>
    <row r="47" spans="1:4" ht="18" customHeight="1" x14ac:dyDescent="0.2">
      <c r="A47" s="18" t="s">
        <v>73</v>
      </c>
      <c r="B47" s="15">
        <v>230</v>
      </c>
      <c r="C47" s="16">
        <v>198</v>
      </c>
      <c r="D47" s="17">
        <v>428</v>
      </c>
    </row>
    <row r="48" spans="1:4" ht="18" customHeight="1" x14ac:dyDescent="0.2">
      <c r="A48" s="14">
        <v>35</v>
      </c>
      <c r="B48" s="15">
        <v>54</v>
      </c>
      <c r="C48" s="16">
        <v>47</v>
      </c>
      <c r="D48" s="17">
        <v>101</v>
      </c>
    </row>
    <row r="49" spans="1:4" ht="18" customHeight="1" x14ac:dyDescent="0.2">
      <c r="A49" s="14">
        <v>36</v>
      </c>
      <c r="B49" s="15">
        <v>54</v>
      </c>
      <c r="C49" s="16">
        <v>43</v>
      </c>
      <c r="D49" s="17">
        <v>97</v>
      </c>
    </row>
    <row r="50" spans="1:4" ht="18" customHeight="1" x14ac:dyDescent="0.2">
      <c r="A50" s="14">
        <v>37</v>
      </c>
      <c r="B50" s="15">
        <v>44</v>
      </c>
      <c r="C50" s="16">
        <v>50</v>
      </c>
      <c r="D50" s="17">
        <v>94</v>
      </c>
    </row>
    <row r="51" spans="1:4" ht="18" customHeight="1" x14ac:dyDescent="0.2">
      <c r="A51" s="14">
        <v>38</v>
      </c>
      <c r="B51" s="15">
        <v>55</v>
      </c>
      <c r="C51" s="16">
        <v>51</v>
      </c>
      <c r="D51" s="17">
        <v>106</v>
      </c>
    </row>
    <row r="52" spans="1:4" ht="18" customHeight="1" x14ac:dyDescent="0.2">
      <c r="A52" s="14">
        <v>39</v>
      </c>
      <c r="B52" s="15">
        <v>48</v>
      </c>
      <c r="C52" s="16">
        <v>57</v>
      </c>
      <c r="D52" s="17">
        <v>105</v>
      </c>
    </row>
    <row r="53" spans="1:4" ht="18" customHeight="1" x14ac:dyDescent="0.2">
      <c r="A53" s="18" t="s">
        <v>74</v>
      </c>
      <c r="B53" s="15">
        <v>255</v>
      </c>
      <c r="C53" s="16">
        <v>248</v>
      </c>
      <c r="D53" s="17">
        <v>503</v>
      </c>
    </row>
    <row r="54" spans="1:4" ht="18" customHeight="1" x14ac:dyDescent="0.2">
      <c r="A54" s="14">
        <v>40</v>
      </c>
      <c r="B54" s="15">
        <v>64</v>
      </c>
      <c r="C54" s="16">
        <v>40</v>
      </c>
      <c r="D54" s="17">
        <v>104</v>
      </c>
    </row>
    <row r="55" spans="1:4" ht="18" customHeight="1" x14ac:dyDescent="0.2">
      <c r="A55" s="14">
        <v>41</v>
      </c>
      <c r="B55" s="15">
        <v>45</v>
      </c>
      <c r="C55" s="16">
        <v>34</v>
      </c>
      <c r="D55" s="17">
        <v>79</v>
      </c>
    </row>
    <row r="56" spans="1:4" ht="18" customHeight="1" x14ac:dyDescent="0.2">
      <c r="A56" s="14">
        <v>42</v>
      </c>
      <c r="B56" s="15">
        <v>40</v>
      </c>
      <c r="C56" s="16">
        <v>42</v>
      </c>
      <c r="D56" s="17">
        <v>82</v>
      </c>
    </row>
    <row r="57" spans="1:4" ht="18" customHeight="1" x14ac:dyDescent="0.2">
      <c r="A57" s="14">
        <v>43</v>
      </c>
      <c r="B57" s="15">
        <v>35</v>
      </c>
      <c r="C57" s="16">
        <v>42</v>
      </c>
      <c r="D57" s="17">
        <v>77</v>
      </c>
    </row>
    <row r="58" spans="1:4" ht="18" customHeight="1" x14ac:dyDescent="0.2">
      <c r="A58" s="14">
        <v>44</v>
      </c>
      <c r="B58" s="15">
        <v>43</v>
      </c>
      <c r="C58" s="16">
        <v>40</v>
      </c>
      <c r="D58" s="17">
        <v>83</v>
      </c>
    </row>
    <row r="59" spans="1:4" ht="18" customHeight="1" x14ac:dyDescent="0.2">
      <c r="A59" s="18" t="s">
        <v>75</v>
      </c>
      <c r="B59" s="15">
        <v>227</v>
      </c>
      <c r="C59" s="16">
        <v>198</v>
      </c>
      <c r="D59" s="17">
        <v>425</v>
      </c>
    </row>
    <row r="60" spans="1:4" ht="18" customHeight="1" x14ac:dyDescent="0.2">
      <c r="A60" s="14">
        <v>45</v>
      </c>
      <c r="B60" s="15">
        <v>35</v>
      </c>
      <c r="C60" s="16">
        <v>43</v>
      </c>
      <c r="D60" s="17">
        <v>78</v>
      </c>
    </row>
    <row r="61" spans="1:4" ht="18" customHeight="1" x14ac:dyDescent="0.2">
      <c r="A61" s="14">
        <v>46</v>
      </c>
      <c r="B61" s="15">
        <v>42</v>
      </c>
      <c r="C61" s="16">
        <v>48</v>
      </c>
      <c r="D61" s="17">
        <v>90</v>
      </c>
    </row>
    <row r="62" spans="1:4" ht="18" customHeight="1" x14ac:dyDescent="0.2">
      <c r="A62" s="14">
        <v>47</v>
      </c>
      <c r="B62" s="15">
        <v>37</v>
      </c>
      <c r="C62" s="16">
        <v>39</v>
      </c>
      <c r="D62" s="17">
        <v>76</v>
      </c>
    </row>
    <row r="63" spans="1:4" ht="18" customHeight="1" x14ac:dyDescent="0.2">
      <c r="A63" s="14">
        <v>48</v>
      </c>
      <c r="B63" s="15">
        <v>38</v>
      </c>
      <c r="C63" s="16">
        <v>38</v>
      </c>
      <c r="D63" s="17">
        <v>76</v>
      </c>
    </row>
    <row r="64" spans="1:4" ht="18" customHeight="1" x14ac:dyDescent="0.2">
      <c r="A64" s="14">
        <v>49</v>
      </c>
      <c r="B64" s="15">
        <v>41</v>
      </c>
      <c r="C64" s="16">
        <v>49</v>
      </c>
      <c r="D64" s="17">
        <v>90</v>
      </c>
    </row>
    <row r="65" spans="1:4" ht="18" customHeight="1" x14ac:dyDescent="0.2">
      <c r="A65" s="18" t="s">
        <v>76</v>
      </c>
      <c r="B65" s="15">
        <v>193</v>
      </c>
      <c r="C65" s="16">
        <v>217</v>
      </c>
      <c r="D65" s="17">
        <v>410</v>
      </c>
    </row>
    <row r="66" spans="1:4" ht="18" customHeight="1" x14ac:dyDescent="0.2">
      <c r="A66" s="14">
        <v>50</v>
      </c>
      <c r="B66" s="15">
        <v>29</v>
      </c>
      <c r="C66" s="16">
        <v>35</v>
      </c>
      <c r="D66" s="17">
        <v>64</v>
      </c>
    </row>
    <row r="67" spans="1:4" ht="18" customHeight="1" x14ac:dyDescent="0.2">
      <c r="A67" s="14">
        <v>51</v>
      </c>
      <c r="B67" s="15">
        <v>50</v>
      </c>
      <c r="C67" s="16">
        <v>49</v>
      </c>
      <c r="D67" s="17">
        <v>99</v>
      </c>
    </row>
    <row r="68" spans="1:4" ht="18" customHeight="1" x14ac:dyDescent="0.2">
      <c r="A68" s="14">
        <v>52</v>
      </c>
      <c r="B68" s="15">
        <v>41</v>
      </c>
      <c r="C68" s="16">
        <v>42</v>
      </c>
      <c r="D68" s="17">
        <v>83</v>
      </c>
    </row>
    <row r="69" spans="1:4" ht="18" customHeight="1" x14ac:dyDescent="0.2">
      <c r="A69" s="14">
        <v>53</v>
      </c>
      <c r="B69" s="15">
        <v>44</v>
      </c>
      <c r="C69" s="16">
        <v>38</v>
      </c>
      <c r="D69" s="17">
        <v>82</v>
      </c>
    </row>
    <row r="70" spans="1:4" ht="18" customHeight="1" x14ac:dyDescent="0.2">
      <c r="A70" s="14">
        <v>54</v>
      </c>
      <c r="B70" s="15">
        <v>44</v>
      </c>
      <c r="C70" s="16">
        <v>53</v>
      </c>
      <c r="D70" s="17">
        <v>97</v>
      </c>
    </row>
    <row r="71" spans="1:4" ht="18" customHeight="1" x14ac:dyDescent="0.2">
      <c r="A71" s="18" t="s">
        <v>77</v>
      </c>
      <c r="B71" s="15">
        <v>208</v>
      </c>
      <c r="C71" s="16">
        <v>217</v>
      </c>
      <c r="D71" s="17">
        <v>425</v>
      </c>
    </row>
    <row r="72" spans="1:4" ht="18" customHeight="1" x14ac:dyDescent="0.2">
      <c r="A72" s="14">
        <v>55</v>
      </c>
      <c r="B72" s="15">
        <v>35</v>
      </c>
      <c r="C72" s="16">
        <v>50</v>
      </c>
      <c r="D72" s="17">
        <v>85</v>
      </c>
    </row>
    <row r="73" spans="1:4" ht="18" customHeight="1" x14ac:dyDescent="0.2">
      <c r="A73" s="14">
        <v>56</v>
      </c>
      <c r="B73" s="15">
        <v>41</v>
      </c>
      <c r="C73" s="16">
        <v>74</v>
      </c>
      <c r="D73" s="17">
        <v>115</v>
      </c>
    </row>
    <row r="74" spans="1:4" ht="18" customHeight="1" x14ac:dyDescent="0.2">
      <c r="A74" s="14">
        <v>57</v>
      </c>
      <c r="B74" s="15">
        <v>64</v>
      </c>
      <c r="C74" s="16">
        <v>79</v>
      </c>
      <c r="D74" s="17">
        <v>143</v>
      </c>
    </row>
    <row r="75" spans="1:4" ht="18" customHeight="1" x14ac:dyDescent="0.2">
      <c r="A75" s="14">
        <v>58</v>
      </c>
      <c r="B75" s="15">
        <v>54</v>
      </c>
      <c r="C75" s="16">
        <v>76</v>
      </c>
      <c r="D75" s="17">
        <v>130</v>
      </c>
    </row>
    <row r="76" spans="1:4" ht="18" customHeight="1" x14ac:dyDescent="0.2">
      <c r="A76" s="14">
        <v>59</v>
      </c>
      <c r="B76" s="15">
        <v>85</v>
      </c>
      <c r="C76" s="16">
        <v>81</v>
      </c>
      <c r="D76" s="17">
        <v>166</v>
      </c>
    </row>
    <row r="77" spans="1:4" ht="18" customHeight="1" x14ac:dyDescent="0.2">
      <c r="A77" s="18" t="s">
        <v>78</v>
      </c>
      <c r="B77" s="15">
        <v>279</v>
      </c>
      <c r="C77" s="16">
        <v>360</v>
      </c>
      <c r="D77" s="17">
        <v>639</v>
      </c>
    </row>
    <row r="78" spans="1:4" ht="18" customHeight="1" x14ac:dyDescent="0.2">
      <c r="A78" s="14">
        <v>60</v>
      </c>
      <c r="B78" s="15">
        <v>97</v>
      </c>
      <c r="C78" s="16">
        <v>74</v>
      </c>
      <c r="D78" s="17">
        <v>171</v>
      </c>
    </row>
    <row r="79" spans="1:4" ht="18" customHeight="1" x14ac:dyDescent="0.2">
      <c r="A79" s="14">
        <v>61</v>
      </c>
      <c r="B79" s="15">
        <v>87</v>
      </c>
      <c r="C79" s="16">
        <v>73</v>
      </c>
      <c r="D79" s="17">
        <v>160</v>
      </c>
    </row>
    <row r="80" spans="1:4" ht="18" customHeight="1" x14ac:dyDescent="0.2">
      <c r="A80" s="14">
        <v>62</v>
      </c>
      <c r="B80" s="15">
        <v>91</v>
      </c>
      <c r="C80" s="16">
        <v>115</v>
      </c>
      <c r="D80" s="17">
        <v>206</v>
      </c>
    </row>
    <row r="81" spans="1:4" ht="18" customHeight="1" x14ac:dyDescent="0.2">
      <c r="A81" s="14">
        <v>63</v>
      </c>
      <c r="B81" s="15">
        <v>46</v>
      </c>
      <c r="C81" s="16">
        <v>43</v>
      </c>
      <c r="D81" s="17">
        <v>89</v>
      </c>
    </row>
    <row r="82" spans="1:4" ht="18" customHeight="1" x14ac:dyDescent="0.2">
      <c r="A82" s="14">
        <v>64</v>
      </c>
      <c r="B82" s="15">
        <v>61</v>
      </c>
      <c r="C82" s="16">
        <v>66</v>
      </c>
      <c r="D82" s="17">
        <v>127</v>
      </c>
    </row>
    <row r="83" spans="1:4" ht="18" customHeight="1" x14ac:dyDescent="0.2">
      <c r="A83" s="18" t="s">
        <v>79</v>
      </c>
      <c r="B83" s="15">
        <v>382</v>
      </c>
      <c r="C83" s="16">
        <v>371</v>
      </c>
      <c r="D83" s="17">
        <v>753</v>
      </c>
    </row>
    <row r="84" spans="1:4" ht="18" customHeight="1" x14ac:dyDescent="0.2">
      <c r="A84" s="18" t="s">
        <v>80</v>
      </c>
      <c r="B84" s="15">
        <v>2273</v>
      </c>
      <c r="C84" s="16">
        <v>2329</v>
      </c>
      <c r="D84" s="17">
        <v>4602</v>
      </c>
    </row>
    <row r="85" spans="1:4" ht="18" customHeight="1" x14ac:dyDescent="0.2">
      <c r="A85" s="14">
        <v>65</v>
      </c>
      <c r="B85" s="15">
        <v>61</v>
      </c>
      <c r="C85" s="16">
        <v>66</v>
      </c>
      <c r="D85" s="17">
        <v>127</v>
      </c>
    </row>
    <row r="86" spans="1:4" ht="18" customHeight="1" x14ac:dyDescent="0.2">
      <c r="A86" s="14">
        <v>66</v>
      </c>
      <c r="B86" s="15">
        <v>63</v>
      </c>
      <c r="C86" s="16">
        <v>46</v>
      </c>
      <c r="D86" s="17">
        <v>109</v>
      </c>
    </row>
    <row r="87" spans="1:4" ht="18" customHeight="1" x14ac:dyDescent="0.2">
      <c r="A87" s="14">
        <v>67</v>
      </c>
      <c r="B87" s="15">
        <v>71</v>
      </c>
      <c r="C87" s="16">
        <v>67</v>
      </c>
      <c r="D87" s="17">
        <v>138</v>
      </c>
    </row>
    <row r="88" spans="1:4" ht="18" customHeight="1" x14ac:dyDescent="0.2">
      <c r="A88" s="14">
        <v>68</v>
      </c>
      <c r="B88" s="15">
        <v>54</v>
      </c>
      <c r="C88" s="16">
        <v>58</v>
      </c>
      <c r="D88" s="17">
        <v>112</v>
      </c>
    </row>
    <row r="89" spans="1:4" ht="18" customHeight="1" x14ac:dyDescent="0.2">
      <c r="A89" s="14">
        <v>69</v>
      </c>
      <c r="B89" s="15">
        <v>64</v>
      </c>
      <c r="C89" s="16">
        <v>54</v>
      </c>
      <c r="D89" s="17">
        <v>118</v>
      </c>
    </row>
    <row r="90" spans="1:4" ht="18" customHeight="1" x14ac:dyDescent="0.2">
      <c r="A90" s="18" t="s">
        <v>81</v>
      </c>
      <c r="B90" s="15">
        <v>313</v>
      </c>
      <c r="C90" s="16">
        <v>291</v>
      </c>
      <c r="D90" s="17">
        <v>604</v>
      </c>
    </row>
    <row r="91" spans="1:4" ht="18" customHeight="1" x14ac:dyDescent="0.2">
      <c r="A91" s="14">
        <v>70</v>
      </c>
      <c r="B91" s="15">
        <v>46</v>
      </c>
      <c r="C91" s="16">
        <v>52</v>
      </c>
      <c r="D91" s="17">
        <v>98</v>
      </c>
    </row>
    <row r="92" spans="1:4" ht="18" customHeight="1" x14ac:dyDescent="0.2">
      <c r="A92" s="14">
        <v>71</v>
      </c>
      <c r="B92" s="15">
        <v>40</v>
      </c>
      <c r="C92" s="16">
        <v>31</v>
      </c>
      <c r="D92" s="17">
        <v>71</v>
      </c>
    </row>
    <row r="93" spans="1:4" ht="18" customHeight="1" x14ac:dyDescent="0.2">
      <c r="A93" s="14">
        <v>72</v>
      </c>
      <c r="B93" s="15">
        <v>40</v>
      </c>
      <c r="C93" s="16">
        <v>45</v>
      </c>
      <c r="D93" s="17">
        <v>85</v>
      </c>
    </row>
    <row r="94" spans="1:4" ht="18" customHeight="1" x14ac:dyDescent="0.2">
      <c r="A94" s="14">
        <v>73</v>
      </c>
      <c r="B94" s="15">
        <v>34</v>
      </c>
      <c r="C94" s="16">
        <v>45</v>
      </c>
      <c r="D94" s="17">
        <v>79</v>
      </c>
    </row>
    <row r="95" spans="1:4" ht="18" customHeight="1" x14ac:dyDescent="0.2">
      <c r="A95" s="14">
        <v>74</v>
      </c>
      <c r="B95" s="15">
        <v>33</v>
      </c>
      <c r="C95" s="16">
        <v>45</v>
      </c>
      <c r="D95" s="17">
        <v>78</v>
      </c>
    </row>
    <row r="96" spans="1:4" ht="18" customHeight="1" x14ac:dyDescent="0.2">
      <c r="A96" s="18" t="s">
        <v>82</v>
      </c>
      <c r="B96" s="15">
        <v>193</v>
      </c>
      <c r="C96" s="16">
        <v>218</v>
      </c>
      <c r="D96" s="17">
        <v>411</v>
      </c>
    </row>
    <row r="97" spans="1:4" ht="18" customHeight="1" x14ac:dyDescent="0.2">
      <c r="A97" s="14">
        <v>75</v>
      </c>
      <c r="B97" s="15">
        <v>32</v>
      </c>
      <c r="C97" s="16">
        <v>41</v>
      </c>
      <c r="D97" s="17">
        <v>73</v>
      </c>
    </row>
    <row r="98" spans="1:4" ht="18" customHeight="1" x14ac:dyDescent="0.2">
      <c r="A98" s="14">
        <v>76</v>
      </c>
      <c r="B98" s="15">
        <v>35</v>
      </c>
      <c r="C98" s="16">
        <v>41</v>
      </c>
      <c r="D98" s="17">
        <v>76</v>
      </c>
    </row>
    <row r="99" spans="1:4" ht="18" customHeight="1" x14ac:dyDescent="0.2">
      <c r="A99" s="14">
        <v>77</v>
      </c>
      <c r="B99" s="15">
        <v>37</v>
      </c>
      <c r="C99" s="16">
        <v>41</v>
      </c>
      <c r="D99" s="17">
        <v>78</v>
      </c>
    </row>
    <row r="100" spans="1:4" ht="18" customHeight="1" x14ac:dyDescent="0.2">
      <c r="A100" s="14">
        <v>78</v>
      </c>
      <c r="B100" s="15">
        <v>28</v>
      </c>
      <c r="C100" s="16">
        <v>30</v>
      </c>
      <c r="D100" s="17">
        <v>58</v>
      </c>
    </row>
    <row r="101" spans="1:4" ht="18" customHeight="1" x14ac:dyDescent="0.2">
      <c r="A101" s="14">
        <v>79</v>
      </c>
      <c r="B101" s="15">
        <v>30</v>
      </c>
      <c r="C101" s="16">
        <v>45</v>
      </c>
      <c r="D101" s="17">
        <v>75</v>
      </c>
    </row>
    <row r="102" spans="1:4" ht="18" customHeight="1" x14ac:dyDescent="0.2">
      <c r="A102" s="18" t="s">
        <v>83</v>
      </c>
      <c r="B102" s="15">
        <v>162</v>
      </c>
      <c r="C102" s="16">
        <v>198</v>
      </c>
      <c r="D102" s="17">
        <v>360</v>
      </c>
    </row>
    <row r="103" spans="1:4" ht="18" customHeight="1" x14ac:dyDescent="0.2">
      <c r="A103" s="14">
        <v>80</v>
      </c>
      <c r="B103" s="15">
        <v>29</v>
      </c>
      <c r="C103" s="16">
        <v>43</v>
      </c>
      <c r="D103" s="17">
        <v>72</v>
      </c>
    </row>
    <row r="104" spans="1:4" ht="18" customHeight="1" x14ac:dyDescent="0.2">
      <c r="A104" s="14">
        <v>81</v>
      </c>
      <c r="B104" s="15">
        <v>16</v>
      </c>
      <c r="C104" s="16">
        <v>42</v>
      </c>
      <c r="D104" s="17">
        <v>58</v>
      </c>
    </row>
    <row r="105" spans="1:4" ht="18" customHeight="1" x14ac:dyDescent="0.2">
      <c r="A105" s="14">
        <v>82</v>
      </c>
      <c r="B105" s="15">
        <v>24</v>
      </c>
      <c r="C105" s="16">
        <v>35</v>
      </c>
      <c r="D105" s="17">
        <v>59</v>
      </c>
    </row>
    <row r="106" spans="1:4" ht="18" customHeight="1" x14ac:dyDescent="0.2">
      <c r="A106" s="14">
        <v>83</v>
      </c>
      <c r="B106" s="15">
        <v>17</v>
      </c>
      <c r="C106" s="16">
        <v>30</v>
      </c>
      <c r="D106" s="17">
        <v>47</v>
      </c>
    </row>
    <row r="107" spans="1:4" ht="18" customHeight="1" x14ac:dyDescent="0.2">
      <c r="A107" s="14">
        <v>84</v>
      </c>
      <c r="B107" s="15">
        <v>21</v>
      </c>
      <c r="C107" s="16">
        <v>38</v>
      </c>
      <c r="D107" s="17">
        <v>59</v>
      </c>
    </row>
    <row r="108" spans="1:4" ht="18" customHeight="1" x14ac:dyDescent="0.2">
      <c r="A108" s="18" t="s">
        <v>84</v>
      </c>
      <c r="B108" s="15">
        <v>107</v>
      </c>
      <c r="C108" s="16">
        <v>188</v>
      </c>
      <c r="D108" s="17">
        <v>295</v>
      </c>
    </row>
    <row r="109" spans="1:4" ht="18" customHeight="1" x14ac:dyDescent="0.2">
      <c r="A109" s="14">
        <v>85</v>
      </c>
      <c r="B109" s="15">
        <v>9</v>
      </c>
      <c r="C109" s="16">
        <v>18</v>
      </c>
      <c r="D109" s="17">
        <v>27</v>
      </c>
    </row>
    <row r="110" spans="1:4" ht="18" customHeight="1" x14ac:dyDescent="0.2">
      <c r="A110" s="14">
        <v>86</v>
      </c>
      <c r="B110" s="15">
        <v>7</v>
      </c>
      <c r="C110" s="16">
        <v>16</v>
      </c>
      <c r="D110" s="17">
        <v>23</v>
      </c>
    </row>
    <row r="111" spans="1:4" ht="18" customHeight="1" x14ac:dyDescent="0.2">
      <c r="A111" s="14">
        <v>87</v>
      </c>
      <c r="B111" s="15">
        <v>10</v>
      </c>
      <c r="C111" s="16">
        <v>18</v>
      </c>
      <c r="D111" s="17">
        <v>28</v>
      </c>
    </row>
    <row r="112" spans="1:4" ht="18" customHeight="1" x14ac:dyDescent="0.2">
      <c r="A112" s="14">
        <v>88</v>
      </c>
      <c r="B112" s="15">
        <v>9</v>
      </c>
      <c r="C112" s="16">
        <v>21</v>
      </c>
      <c r="D112" s="17">
        <v>30</v>
      </c>
    </row>
    <row r="113" spans="1:4" ht="18" customHeight="1" x14ac:dyDescent="0.2">
      <c r="A113" s="14">
        <v>89</v>
      </c>
      <c r="B113" s="15">
        <v>3</v>
      </c>
      <c r="C113" s="16">
        <v>14</v>
      </c>
      <c r="D113" s="17">
        <v>17</v>
      </c>
    </row>
    <row r="114" spans="1:4" ht="18" customHeight="1" x14ac:dyDescent="0.2">
      <c r="A114" s="18" t="s">
        <v>85</v>
      </c>
      <c r="B114" s="15">
        <v>38</v>
      </c>
      <c r="C114" s="16">
        <v>87</v>
      </c>
      <c r="D114" s="17">
        <v>125</v>
      </c>
    </row>
    <row r="115" spans="1:4" ht="18" customHeight="1" x14ac:dyDescent="0.2">
      <c r="A115" s="14">
        <v>90</v>
      </c>
      <c r="B115" s="15">
        <v>3</v>
      </c>
      <c r="C115" s="16">
        <v>9</v>
      </c>
      <c r="D115" s="17">
        <v>12</v>
      </c>
    </row>
    <row r="116" spans="1:4" ht="18" customHeight="1" x14ac:dyDescent="0.2">
      <c r="A116" s="14">
        <v>91</v>
      </c>
      <c r="B116" s="15">
        <v>2</v>
      </c>
      <c r="C116" s="16">
        <v>8</v>
      </c>
      <c r="D116" s="17">
        <v>10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3</v>
      </c>
      <c r="C118" s="16">
        <v>9</v>
      </c>
      <c r="D118" s="17">
        <v>12</v>
      </c>
    </row>
    <row r="119" spans="1:4" ht="18" customHeight="1" x14ac:dyDescent="0.2">
      <c r="A119" s="14">
        <v>94</v>
      </c>
      <c r="B119" s="15">
        <v>1</v>
      </c>
      <c r="C119" s="16">
        <v>10</v>
      </c>
      <c r="D119" s="17">
        <v>11</v>
      </c>
    </row>
    <row r="120" spans="1:4" ht="18" customHeight="1" x14ac:dyDescent="0.2">
      <c r="A120" s="18" t="s">
        <v>86</v>
      </c>
      <c r="B120" s="15">
        <v>11</v>
      </c>
      <c r="C120" s="16">
        <v>44</v>
      </c>
      <c r="D120" s="17">
        <v>55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87</v>
      </c>
      <c r="B126" s="15">
        <v>3</v>
      </c>
      <c r="C126" s="16">
        <v>21</v>
      </c>
      <c r="D126" s="17">
        <v>24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90</v>
      </c>
      <c r="B130" s="4">
        <v>828</v>
      </c>
      <c r="C130" s="5">
        <v>1048</v>
      </c>
      <c r="D130" s="6">
        <v>1876</v>
      </c>
    </row>
    <row r="131" spans="1:4" ht="18" customHeight="1" x14ac:dyDescent="0.2">
      <c r="A131" s="20" t="s">
        <v>65</v>
      </c>
      <c r="B131" s="7">
        <v>3594</v>
      </c>
      <c r="C131" s="8">
        <v>3824</v>
      </c>
      <c r="D131" s="9">
        <v>741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34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2</v>
      </c>
      <c r="C5" s="12">
        <v>11</v>
      </c>
      <c r="D5" s="13">
        <v>23</v>
      </c>
    </row>
    <row r="6" spans="1:4" ht="18" customHeight="1" x14ac:dyDescent="0.2">
      <c r="A6" s="14">
        <v>1</v>
      </c>
      <c r="B6" s="15">
        <v>15</v>
      </c>
      <c r="C6" s="16">
        <v>17</v>
      </c>
      <c r="D6" s="17">
        <v>32</v>
      </c>
    </row>
    <row r="7" spans="1:4" ht="18" customHeight="1" x14ac:dyDescent="0.2">
      <c r="A7" s="14">
        <v>2</v>
      </c>
      <c r="B7" s="15">
        <v>14</v>
      </c>
      <c r="C7" s="16">
        <v>15</v>
      </c>
      <c r="D7" s="17">
        <v>29</v>
      </c>
    </row>
    <row r="8" spans="1:4" ht="18" customHeight="1" x14ac:dyDescent="0.2">
      <c r="A8" s="14">
        <v>3</v>
      </c>
      <c r="B8" s="15">
        <v>26</v>
      </c>
      <c r="C8" s="16">
        <v>11</v>
      </c>
      <c r="D8" s="17">
        <v>37</v>
      </c>
    </row>
    <row r="9" spans="1:4" ht="18" customHeight="1" x14ac:dyDescent="0.2">
      <c r="A9" s="14">
        <v>4</v>
      </c>
      <c r="B9" s="15">
        <v>16</v>
      </c>
      <c r="C9" s="16">
        <v>12</v>
      </c>
      <c r="D9" s="17">
        <v>28</v>
      </c>
    </row>
    <row r="10" spans="1:4" ht="18" customHeight="1" x14ac:dyDescent="0.2">
      <c r="A10" s="18" t="s">
        <v>66</v>
      </c>
      <c r="B10" s="15">
        <v>83</v>
      </c>
      <c r="C10" s="16">
        <v>66</v>
      </c>
      <c r="D10" s="17">
        <v>149</v>
      </c>
    </row>
    <row r="11" spans="1:4" ht="18" customHeight="1" x14ac:dyDescent="0.2">
      <c r="A11" s="14">
        <v>5</v>
      </c>
      <c r="B11" s="15">
        <v>21</v>
      </c>
      <c r="C11" s="16">
        <v>19</v>
      </c>
      <c r="D11" s="17">
        <v>40</v>
      </c>
    </row>
    <row r="12" spans="1:4" ht="18" customHeight="1" x14ac:dyDescent="0.2">
      <c r="A12" s="14">
        <v>6</v>
      </c>
      <c r="B12" s="15">
        <v>20</v>
      </c>
      <c r="C12" s="16">
        <v>20</v>
      </c>
      <c r="D12" s="17">
        <v>40</v>
      </c>
    </row>
    <row r="13" spans="1:4" ht="18" customHeight="1" x14ac:dyDescent="0.2">
      <c r="A13" s="14">
        <v>7</v>
      </c>
      <c r="B13" s="15">
        <v>24</v>
      </c>
      <c r="C13" s="16">
        <v>16</v>
      </c>
      <c r="D13" s="17">
        <v>40</v>
      </c>
    </row>
    <row r="14" spans="1:4" ht="18" customHeight="1" x14ac:dyDescent="0.2">
      <c r="A14" s="14">
        <v>8</v>
      </c>
      <c r="B14" s="15">
        <v>24</v>
      </c>
      <c r="C14" s="16">
        <v>22</v>
      </c>
      <c r="D14" s="17">
        <v>46</v>
      </c>
    </row>
    <row r="15" spans="1:4" ht="18" customHeight="1" x14ac:dyDescent="0.2">
      <c r="A15" s="14">
        <v>9</v>
      </c>
      <c r="B15" s="15">
        <v>33</v>
      </c>
      <c r="C15" s="16">
        <v>26</v>
      </c>
      <c r="D15" s="17">
        <v>59</v>
      </c>
    </row>
    <row r="16" spans="1:4" ht="18" customHeight="1" x14ac:dyDescent="0.2">
      <c r="A16" s="18" t="s">
        <v>67</v>
      </c>
      <c r="B16" s="15">
        <v>122</v>
      </c>
      <c r="C16" s="16">
        <v>103</v>
      </c>
      <c r="D16" s="17">
        <v>225</v>
      </c>
    </row>
    <row r="17" spans="1:4" ht="18" customHeight="1" x14ac:dyDescent="0.2">
      <c r="A17" s="14">
        <v>10</v>
      </c>
      <c r="B17" s="15">
        <v>17</v>
      </c>
      <c r="C17" s="16">
        <v>17</v>
      </c>
      <c r="D17" s="17">
        <v>34</v>
      </c>
    </row>
    <row r="18" spans="1:4" ht="18" customHeight="1" x14ac:dyDescent="0.2">
      <c r="A18" s="14">
        <v>11</v>
      </c>
      <c r="B18" s="15">
        <v>26</v>
      </c>
      <c r="C18" s="16">
        <v>23</v>
      </c>
      <c r="D18" s="17">
        <v>49</v>
      </c>
    </row>
    <row r="19" spans="1:4" ht="18" customHeight="1" x14ac:dyDescent="0.2">
      <c r="A19" s="14">
        <v>12</v>
      </c>
      <c r="B19" s="15">
        <v>28</v>
      </c>
      <c r="C19" s="16">
        <v>18</v>
      </c>
      <c r="D19" s="17">
        <v>46</v>
      </c>
    </row>
    <row r="20" spans="1:4" ht="18" customHeight="1" x14ac:dyDescent="0.2">
      <c r="A20" s="14">
        <v>13</v>
      </c>
      <c r="B20" s="15">
        <v>21</v>
      </c>
      <c r="C20" s="16">
        <v>24</v>
      </c>
      <c r="D20" s="17">
        <v>45</v>
      </c>
    </row>
    <row r="21" spans="1:4" ht="18" customHeight="1" x14ac:dyDescent="0.2">
      <c r="A21" s="14">
        <v>14</v>
      </c>
      <c r="B21" s="15">
        <v>25</v>
      </c>
      <c r="C21" s="16">
        <v>27</v>
      </c>
      <c r="D21" s="17">
        <v>52</v>
      </c>
    </row>
    <row r="22" spans="1:4" ht="18" customHeight="1" x14ac:dyDescent="0.2">
      <c r="A22" s="18" t="s">
        <v>68</v>
      </c>
      <c r="B22" s="15">
        <v>117</v>
      </c>
      <c r="C22" s="16">
        <v>109</v>
      </c>
      <c r="D22" s="17">
        <v>226</v>
      </c>
    </row>
    <row r="23" spans="1:4" ht="18" customHeight="1" x14ac:dyDescent="0.2">
      <c r="A23" s="18" t="s">
        <v>69</v>
      </c>
      <c r="B23" s="15">
        <v>322</v>
      </c>
      <c r="C23" s="16">
        <v>278</v>
      </c>
      <c r="D23" s="17">
        <v>600</v>
      </c>
    </row>
    <row r="24" spans="1:4" ht="18" customHeight="1" x14ac:dyDescent="0.2">
      <c r="A24" s="14">
        <v>15</v>
      </c>
      <c r="B24" s="15">
        <v>27</v>
      </c>
      <c r="C24" s="16">
        <v>32</v>
      </c>
      <c r="D24" s="17">
        <v>59</v>
      </c>
    </row>
    <row r="25" spans="1:4" ht="18" customHeight="1" x14ac:dyDescent="0.2">
      <c r="A25" s="14">
        <v>16</v>
      </c>
      <c r="B25" s="15">
        <v>29</v>
      </c>
      <c r="C25" s="16">
        <v>21</v>
      </c>
      <c r="D25" s="17">
        <v>50</v>
      </c>
    </row>
    <row r="26" spans="1:4" ht="18" customHeight="1" x14ac:dyDescent="0.2">
      <c r="A26" s="14">
        <v>17</v>
      </c>
      <c r="B26" s="15">
        <v>21</v>
      </c>
      <c r="C26" s="16">
        <v>18</v>
      </c>
      <c r="D26" s="17">
        <v>39</v>
      </c>
    </row>
    <row r="27" spans="1:4" ht="18" customHeight="1" x14ac:dyDescent="0.2">
      <c r="A27" s="14">
        <v>18</v>
      </c>
      <c r="B27" s="15">
        <v>20</v>
      </c>
      <c r="C27" s="16">
        <v>20</v>
      </c>
      <c r="D27" s="17">
        <v>40</v>
      </c>
    </row>
    <row r="28" spans="1:4" ht="18" customHeight="1" x14ac:dyDescent="0.2">
      <c r="A28" s="14">
        <v>19</v>
      </c>
      <c r="B28" s="15">
        <v>24</v>
      </c>
      <c r="C28" s="16">
        <v>17</v>
      </c>
      <c r="D28" s="17">
        <v>41</v>
      </c>
    </row>
    <row r="29" spans="1:4" ht="18" customHeight="1" x14ac:dyDescent="0.2">
      <c r="A29" s="18" t="s">
        <v>70</v>
      </c>
      <c r="B29" s="15">
        <v>121</v>
      </c>
      <c r="C29" s="16">
        <v>108</v>
      </c>
      <c r="D29" s="17">
        <v>229</v>
      </c>
    </row>
    <row r="30" spans="1:4" ht="18" customHeight="1" x14ac:dyDescent="0.2">
      <c r="A30" s="14">
        <v>20</v>
      </c>
      <c r="B30" s="15">
        <v>19</v>
      </c>
      <c r="C30" s="16">
        <v>17</v>
      </c>
      <c r="D30" s="17">
        <v>36</v>
      </c>
    </row>
    <row r="31" spans="1:4" ht="18" customHeight="1" x14ac:dyDescent="0.2">
      <c r="A31" s="14">
        <v>21</v>
      </c>
      <c r="B31" s="15">
        <v>19</v>
      </c>
      <c r="C31" s="16">
        <v>14</v>
      </c>
      <c r="D31" s="17">
        <v>33</v>
      </c>
    </row>
    <row r="32" spans="1:4" ht="18" customHeight="1" x14ac:dyDescent="0.2">
      <c r="A32" s="14">
        <v>22</v>
      </c>
      <c r="B32" s="15">
        <v>13</v>
      </c>
      <c r="C32" s="16">
        <v>23</v>
      </c>
      <c r="D32" s="17">
        <v>36</v>
      </c>
    </row>
    <row r="33" spans="1:4" ht="18" customHeight="1" x14ac:dyDescent="0.2">
      <c r="A33" s="14">
        <v>23</v>
      </c>
      <c r="B33" s="15">
        <v>14</v>
      </c>
      <c r="C33" s="16">
        <v>16</v>
      </c>
      <c r="D33" s="17">
        <v>30</v>
      </c>
    </row>
    <row r="34" spans="1:4" ht="18" customHeight="1" x14ac:dyDescent="0.2">
      <c r="A34" s="14">
        <v>24</v>
      </c>
      <c r="B34" s="15">
        <v>15</v>
      </c>
      <c r="C34" s="16">
        <v>18</v>
      </c>
      <c r="D34" s="17">
        <v>33</v>
      </c>
    </row>
    <row r="35" spans="1:4" ht="18" customHeight="1" x14ac:dyDescent="0.2">
      <c r="A35" s="18" t="s">
        <v>71</v>
      </c>
      <c r="B35" s="15">
        <v>80</v>
      </c>
      <c r="C35" s="16">
        <v>88</v>
      </c>
      <c r="D35" s="17">
        <v>168</v>
      </c>
    </row>
    <row r="36" spans="1:4" ht="18" customHeight="1" x14ac:dyDescent="0.2">
      <c r="A36" s="14">
        <v>25</v>
      </c>
      <c r="B36" s="15">
        <v>20</v>
      </c>
      <c r="C36" s="16">
        <v>17</v>
      </c>
      <c r="D36" s="17">
        <v>37</v>
      </c>
    </row>
    <row r="37" spans="1:4" ht="18" customHeight="1" x14ac:dyDescent="0.2">
      <c r="A37" s="14">
        <v>26</v>
      </c>
      <c r="B37" s="15">
        <v>11</v>
      </c>
      <c r="C37" s="16">
        <v>10</v>
      </c>
      <c r="D37" s="17">
        <v>21</v>
      </c>
    </row>
    <row r="38" spans="1:4" ht="18" customHeight="1" x14ac:dyDescent="0.2">
      <c r="A38" s="14">
        <v>27</v>
      </c>
      <c r="B38" s="15">
        <v>20</v>
      </c>
      <c r="C38" s="16">
        <v>24</v>
      </c>
      <c r="D38" s="17">
        <v>44</v>
      </c>
    </row>
    <row r="39" spans="1:4" ht="18" customHeight="1" x14ac:dyDescent="0.2">
      <c r="A39" s="14">
        <v>28</v>
      </c>
      <c r="B39" s="15">
        <v>23</v>
      </c>
      <c r="C39" s="16">
        <v>20</v>
      </c>
      <c r="D39" s="17">
        <v>43</v>
      </c>
    </row>
    <row r="40" spans="1:4" ht="18" customHeight="1" x14ac:dyDescent="0.2">
      <c r="A40" s="14">
        <v>29</v>
      </c>
      <c r="B40" s="15">
        <v>16</v>
      </c>
      <c r="C40" s="16">
        <v>15</v>
      </c>
      <c r="D40" s="17">
        <v>31</v>
      </c>
    </row>
    <row r="41" spans="1:4" ht="18" customHeight="1" x14ac:dyDescent="0.2">
      <c r="A41" s="18" t="s">
        <v>72</v>
      </c>
      <c r="B41" s="15">
        <v>90</v>
      </c>
      <c r="C41" s="16">
        <v>86</v>
      </c>
      <c r="D41" s="17">
        <v>176</v>
      </c>
    </row>
    <row r="42" spans="1:4" ht="18" customHeight="1" x14ac:dyDescent="0.2">
      <c r="A42" s="14">
        <v>30</v>
      </c>
      <c r="B42" s="15">
        <v>16</v>
      </c>
      <c r="C42" s="16">
        <v>13</v>
      </c>
      <c r="D42" s="17">
        <v>29</v>
      </c>
    </row>
    <row r="43" spans="1:4" ht="18" customHeight="1" x14ac:dyDescent="0.2">
      <c r="A43" s="14">
        <v>31</v>
      </c>
      <c r="B43" s="15">
        <v>22</v>
      </c>
      <c r="C43" s="16">
        <v>26</v>
      </c>
      <c r="D43" s="17">
        <v>48</v>
      </c>
    </row>
    <row r="44" spans="1:4" ht="18" customHeight="1" x14ac:dyDescent="0.2">
      <c r="A44" s="14">
        <v>32</v>
      </c>
      <c r="B44" s="15">
        <v>8</v>
      </c>
      <c r="C44" s="16">
        <v>24</v>
      </c>
      <c r="D44" s="17">
        <v>32</v>
      </c>
    </row>
    <row r="45" spans="1:4" ht="18" customHeight="1" x14ac:dyDescent="0.2">
      <c r="A45" s="14">
        <v>33</v>
      </c>
      <c r="B45" s="15">
        <v>24</v>
      </c>
      <c r="C45" s="16">
        <v>17</v>
      </c>
      <c r="D45" s="17">
        <v>41</v>
      </c>
    </row>
    <row r="46" spans="1:4" ht="18" customHeight="1" x14ac:dyDescent="0.2">
      <c r="A46" s="14">
        <v>34</v>
      </c>
      <c r="B46" s="15">
        <v>29</v>
      </c>
      <c r="C46" s="16">
        <v>20</v>
      </c>
      <c r="D46" s="17">
        <v>49</v>
      </c>
    </row>
    <row r="47" spans="1:4" ht="18" customHeight="1" x14ac:dyDescent="0.2">
      <c r="A47" s="18" t="s">
        <v>73</v>
      </c>
      <c r="B47" s="15">
        <v>99</v>
      </c>
      <c r="C47" s="16">
        <v>100</v>
      </c>
      <c r="D47" s="17">
        <v>199</v>
      </c>
    </row>
    <row r="48" spans="1:4" ht="18" customHeight="1" x14ac:dyDescent="0.2">
      <c r="A48" s="14">
        <v>35</v>
      </c>
      <c r="B48" s="15">
        <v>33</v>
      </c>
      <c r="C48" s="16">
        <v>29</v>
      </c>
      <c r="D48" s="17">
        <v>62</v>
      </c>
    </row>
    <row r="49" spans="1:4" ht="18" customHeight="1" x14ac:dyDescent="0.2">
      <c r="A49" s="14">
        <v>36</v>
      </c>
      <c r="B49" s="15">
        <v>24</v>
      </c>
      <c r="C49" s="16">
        <v>38</v>
      </c>
      <c r="D49" s="17">
        <v>62</v>
      </c>
    </row>
    <row r="50" spans="1:4" ht="18" customHeight="1" x14ac:dyDescent="0.2">
      <c r="A50" s="14">
        <v>37</v>
      </c>
      <c r="B50" s="15">
        <v>31</v>
      </c>
      <c r="C50" s="16">
        <v>30</v>
      </c>
      <c r="D50" s="17">
        <v>61</v>
      </c>
    </row>
    <row r="51" spans="1:4" ht="18" customHeight="1" x14ac:dyDescent="0.2">
      <c r="A51" s="14">
        <v>38</v>
      </c>
      <c r="B51" s="15">
        <v>30</v>
      </c>
      <c r="C51" s="16">
        <v>29</v>
      </c>
      <c r="D51" s="17">
        <v>59</v>
      </c>
    </row>
    <row r="52" spans="1:4" ht="18" customHeight="1" x14ac:dyDescent="0.2">
      <c r="A52" s="14">
        <v>39</v>
      </c>
      <c r="B52" s="15">
        <v>38</v>
      </c>
      <c r="C52" s="16">
        <v>32</v>
      </c>
      <c r="D52" s="17">
        <v>70</v>
      </c>
    </row>
    <row r="53" spans="1:4" ht="18" customHeight="1" x14ac:dyDescent="0.2">
      <c r="A53" s="18" t="s">
        <v>74</v>
      </c>
      <c r="B53" s="15">
        <v>156</v>
      </c>
      <c r="C53" s="16">
        <v>158</v>
      </c>
      <c r="D53" s="17">
        <v>314</v>
      </c>
    </row>
    <row r="54" spans="1:4" ht="18" customHeight="1" x14ac:dyDescent="0.2">
      <c r="A54" s="14">
        <v>40</v>
      </c>
      <c r="B54" s="15">
        <v>38</v>
      </c>
      <c r="C54" s="16">
        <v>37</v>
      </c>
      <c r="D54" s="17">
        <v>75</v>
      </c>
    </row>
    <row r="55" spans="1:4" ht="18" customHeight="1" x14ac:dyDescent="0.2">
      <c r="A55" s="14">
        <v>41</v>
      </c>
      <c r="B55" s="15">
        <v>24</v>
      </c>
      <c r="C55" s="16">
        <v>19</v>
      </c>
      <c r="D55" s="17">
        <v>43</v>
      </c>
    </row>
    <row r="56" spans="1:4" ht="18" customHeight="1" x14ac:dyDescent="0.2">
      <c r="A56" s="14">
        <v>42</v>
      </c>
      <c r="B56" s="15">
        <v>36</v>
      </c>
      <c r="C56" s="16">
        <v>37</v>
      </c>
      <c r="D56" s="17">
        <v>73</v>
      </c>
    </row>
    <row r="57" spans="1:4" ht="18" customHeight="1" x14ac:dyDescent="0.2">
      <c r="A57" s="14">
        <v>43</v>
      </c>
      <c r="B57" s="15">
        <v>25</v>
      </c>
      <c r="C57" s="16">
        <v>25</v>
      </c>
      <c r="D57" s="17">
        <v>50</v>
      </c>
    </row>
    <row r="58" spans="1:4" ht="18" customHeight="1" x14ac:dyDescent="0.2">
      <c r="A58" s="14">
        <v>44</v>
      </c>
      <c r="B58" s="15">
        <v>29</v>
      </c>
      <c r="C58" s="16">
        <v>21</v>
      </c>
      <c r="D58" s="17">
        <v>50</v>
      </c>
    </row>
    <row r="59" spans="1:4" ht="18" customHeight="1" x14ac:dyDescent="0.2">
      <c r="A59" s="18" t="s">
        <v>75</v>
      </c>
      <c r="B59" s="15">
        <v>152</v>
      </c>
      <c r="C59" s="16">
        <v>139</v>
      </c>
      <c r="D59" s="17">
        <v>291</v>
      </c>
    </row>
    <row r="60" spans="1:4" ht="18" customHeight="1" x14ac:dyDescent="0.2">
      <c r="A60" s="14">
        <v>45</v>
      </c>
      <c r="B60" s="15">
        <v>21</v>
      </c>
      <c r="C60" s="16">
        <v>26</v>
      </c>
      <c r="D60" s="17">
        <v>47</v>
      </c>
    </row>
    <row r="61" spans="1:4" ht="18" customHeight="1" x14ac:dyDescent="0.2">
      <c r="A61" s="14">
        <v>46</v>
      </c>
      <c r="B61" s="15">
        <v>26</v>
      </c>
      <c r="C61" s="16">
        <v>25</v>
      </c>
      <c r="D61" s="17">
        <v>51</v>
      </c>
    </row>
    <row r="62" spans="1:4" ht="18" customHeight="1" x14ac:dyDescent="0.2">
      <c r="A62" s="14">
        <v>47</v>
      </c>
      <c r="B62" s="15">
        <v>29</v>
      </c>
      <c r="C62" s="16">
        <v>24</v>
      </c>
      <c r="D62" s="17">
        <v>53</v>
      </c>
    </row>
    <row r="63" spans="1:4" ht="18" customHeight="1" x14ac:dyDescent="0.2">
      <c r="A63" s="14">
        <v>48</v>
      </c>
      <c r="B63" s="15">
        <v>18</v>
      </c>
      <c r="C63" s="16">
        <v>32</v>
      </c>
      <c r="D63" s="17">
        <v>50</v>
      </c>
    </row>
    <row r="64" spans="1:4" ht="18" customHeight="1" x14ac:dyDescent="0.2">
      <c r="A64" s="14">
        <v>49</v>
      </c>
      <c r="B64" s="15">
        <v>18</v>
      </c>
      <c r="C64" s="16">
        <v>12</v>
      </c>
      <c r="D64" s="17">
        <v>30</v>
      </c>
    </row>
    <row r="65" spans="1:4" ht="18" customHeight="1" x14ac:dyDescent="0.2">
      <c r="A65" s="18" t="s">
        <v>76</v>
      </c>
      <c r="B65" s="15">
        <v>112</v>
      </c>
      <c r="C65" s="16">
        <v>119</v>
      </c>
      <c r="D65" s="17">
        <v>231</v>
      </c>
    </row>
    <row r="66" spans="1:4" ht="18" customHeight="1" x14ac:dyDescent="0.2">
      <c r="A66" s="14">
        <v>50</v>
      </c>
      <c r="B66" s="15">
        <v>27</v>
      </c>
      <c r="C66" s="16">
        <v>23</v>
      </c>
      <c r="D66" s="17">
        <v>50</v>
      </c>
    </row>
    <row r="67" spans="1:4" ht="18" customHeight="1" x14ac:dyDescent="0.2">
      <c r="A67" s="14">
        <v>51</v>
      </c>
      <c r="B67" s="15">
        <v>18</v>
      </c>
      <c r="C67" s="16">
        <v>22</v>
      </c>
      <c r="D67" s="17">
        <v>40</v>
      </c>
    </row>
    <row r="68" spans="1:4" ht="18" customHeight="1" x14ac:dyDescent="0.2">
      <c r="A68" s="14">
        <v>52</v>
      </c>
      <c r="B68" s="15">
        <v>27</v>
      </c>
      <c r="C68" s="16">
        <v>30</v>
      </c>
      <c r="D68" s="17">
        <v>57</v>
      </c>
    </row>
    <row r="69" spans="1:4" ht="18" customHeight="1" x14ac:dyDescent="0.2">
      <c r="A69" s="14">
        <v>53</v>
      </c>
      <c r="B69" s="15">
        <v>22</v>
      </c>
      <c r="C69" s="16">
        <v>23</v>
      </c>
      <c r="D69" s="17">
        <v>45</v>
      </c>
    </row>
    <row r="70" spans="1:4" ht="18" customHeight="1" x14ac:dyDescent="0.2">
      <c r="A70" s="14">
        <v>54</v>
      </c>
      <c r="B70" s="15">
        <v>24</v>
      </c>
      <c r="C70" s="16">
        <v>16</v>
      </c>
      <c r="D70" s="17">
        <v>40</v>
      </c>
    </row>
    <row r="71" spans="1:4" ht="18" customHeight="1" x14ac:dyDescent="0.2">
      <c r="A71" s="18" t="s">
        <v>77</v>
      </c>
      <c r="B71" s="15">
        <v>118</v>
      </c>
      <c r="C71" s="16">
        <v>114</v>
      </c>
      <c r="D71" s="17">
        <v>232</v>
      </c>
    </row>
    <row r="72" spans="1:4" ht="18" customHeight="1" x14ac:dyDescent="0.2">
      <c r="A72" s="14">
        <v>55</v>
      </c>
      <c r="B72" s="15">
        <v>23</v>
      </c>
      <c r="C72" s="16">
        <v>20</v>
      </c>
      <c r="D72" s="17">
        <v>43</v>
      </c>
    </row>
    <row r="73" spans="1:4" ht="18" customHeight="1" x14ac:dyDescent="0.2">
      <c r="A73" s="14">
        <v>56</v>
      </c>
      <c r="B73" s="15">
        <v>26</v>
      </c>
      <c r="C73" s="16">
        <v>27</v>
      </c>
      <c r="D73" s="17">
        <v>53</v>
      </c>
    </row>
    <row r="74" spans="1:4" ht="18" customHeight="1" x14ac:dyDescent="0.2">
      <c r="A74" s="14">
        <v>57</v>
      </c>
      <c r="B74" s="15">
        <v>19</v>
      </c>
      <c r="C74" s="16">
        <v>14</v>
      </c>
      <c r="D74" s="17">
        <v>33</v>
      </c>
    </row>
    <row r="75" spans="1:4" ht="18" customHeight="1" x14ac:dyDescent="0.2">
      <c r="A75" s="14">
        <v>58</v>
      </c>
      <c r="B75" s="15">
        <v>20</v>
      </c>
      <c r="C75" s="16">
        <v>18</v>
      </c>
      <c r="D75" s="17">
        <v>38</v>
      </c>
    </row>
    <row r="76" spans="1:4" ht="18" customHeight="1" x14ac:dyDescent="0.2">
      <c r="A76" s="14">
        <v>59</v>
      </c>
      <c r="B76" s="15">
        <v>28</v>
      </c>
      <c r="C76" s="16">
        <v>30</v>
      </c>
      <c r="D76" s="17">
        <v>58</v>
      </c>
    </row>
    <row r="77" spans="1:4" ht="18" customHeight="1" x14ac:dyDescent="0.2">
      <c r="A77" s="18" t="s">
        <v>78</v>
      </c>
      <c r="B77" s="15">
        <v>116</v>
      </c>
      <c r="C77" s="16">
        <v>109</v>
      </c>
      <c r="D77" s="17">
        <v>225</v>
      </c>
    </row>
    <row r="78" spans="1:4" ht="18" customHeight="1" x14ac:dyDescent="0.2">
      <c r="A78" s="14">
        <v>60</v>
      </c>
      <c r="B78" s="15">
        <v>28</v>
      </c>
      <c r="C78" s="16">
        <v>42</v>
      </c>
      <c r="D78" s="17">
        <v>70</v>
      </c>
    </row>
    <row r="79" spans="1:4" ht="18" customHeight="1" x14ac:dyDescent="0.2">
      <c r="A79" s="14">
        <v>61</v>
      </c>
      <c r="B79" s="15">
        <v>35</v>
      </c>
      <c r="C79" s="16">
        <v>28</v>
      </c>
      <c r="D79" s="17">
        <v>63</v>
      </c>
    </row>
    <row r="80" spans="1:4" ht="18" customHeight="1" x14ac:dyDescent="0.2">
      <c r="A80" s="14">
        <v>62</v>
      </c>
      <c r="B80" s="15">
        <v>32</v>
      </c>
      <c r="C80" s="16">
        <v>39</v>
      </c>
      <c r="D80" s="17">
        <v>71</v>
      </c>
    </row>
    <row r="81" spans="1:4" ht="18" customHeight="1" x14ac:dyDescent="0.2">
      <c r="A81" s="14">
        <v>63</v>
      </c>
      <c r="B81" s="15">
        <v>18</v>
      </c>
      <c r="C81" s="16">
        <v>25</v>
      </c>
      <c r="D81" s="17">
        <v>43</v>
      </c>
    </row>
    <row r="82" spans="1:4" ht="18" customHeight="1" x14ac:dyDescent="0.2">
      <c r="A82" s="14">
        <v>64</v>
      </c>
      <c r="B82" s="15">
        <v>25</v>
      </c>
      <c r="C82" s="16">
        <v>29</v>
      </c>
      <c r="D82" s="17">
        <v>54</v>
      </c>
    </row>
    <row r="83" spans="1:4" ht="18" customHeight="1" x14ac:dyDescent="0.2">
      <c r="A83" s="18" t="s">
        <v>79</v>
      </c>
      <c r="B83" s="15">
        <v>138</v>
      </c>
      <c r="C83" s="16">
        <v>163</v>
      </c>
      <c r="D83" s="17">
        <v>301</v>
      </c>
    </row>
    <row r="84" spans="1:4" ht="18" customHeight="1" x14ac:dyDescent="0.2">
      <c r="A84" s="18" t="s">
        <v>80</v>
      </c>
      <c r="B84" s="15">
        <v>1182</v>
      </c>
      <c r="C84" s="16">
        <v>1184</v>
      </c>
      <c r="D84" s="17">
        <v>2366</v>
      </c>
    </row>
    <row r="85" spans="1:4" ht="18" customHeight="1" x14ac:dyDescent="0.2">
      <c r="A85" s="14">
        <v>65</v>
      </c>
      <c r="B85" s="15">
        <v>18</v>
      </c>
      <c r="C85" s="16">
        <v>33</v>
      </c>
      <c r="D85" s="17">
        <v>51</v>
      </c>
    </row>
    <row r="86" spans="1:4" ht="18" customHeight="1" x14ac:dyDescent="0.2">
      <c r="A86" s="14">
        <v>66</v>
      </c>
      <c r="B86" s="15">
        <v>26</v>
      </c>
      <c r="C86" s="16">
        <v>27</v>
      </c>
      <c r="D86" s="17">
        <v>53</v>
      </c>
    </row>
    <row r="87" spans="1:4" ht="18" customHeight="1" x14ac:dyDescent="0.2">
      <c r="A87" s="14">
        <v>67</v>
      </c>
      <c r="B87" s="15">
        <v>20</v>
      </c>
      <c r="C87" s="16">
        <v>26</v>
      </c>
      <c r="D87" s="17">
        <v>46</v>
      </c>
    </row>
    <row r="88" spans="1:4" ht="18" customHeight="1" x14ac:dyDescent="0.2">
      <c r="A88" s="14">
        <v>68</v>
      </c>
      <c r="B88" s="15">
        <v>16</v>
      </c>
      <c r="C88" s="16">
        <v>20</v>
      </c>
      <c r="D88" s="17">
        <v>36</v>
      </c>
    </row>
    <row r="89" spans="1:4" ht="18" customHeight="1" x14ac:dyDescent="0.2">
      <c r="A89" s="14">
        <v>69</v>
      </c>
      <c r="B89" s="15">
        <v>27</v>
      </c>
      <c r="C89" s="16">
        <v>24</v>
      </c>
      <c r="D89" s="17">
        <v>51</v>
      </c>
    </row>
    <row r="90" spans="1:4" ht="18" customHeight="1" x14ac:dyDescent="0.2">
      <c r="A90" s="18" t="s">
        <v>81</v>
      </c>
      <c r="B90" s="15">
        <v>107</v>
      </c>
      <c r="C90" s="16">
        <v>130</v>
      </c>
      <c r="D90" s="17">
        <v>237</v>
      </c>
    </row>
    <row r="91" spans="1:4" ht="18" customHeight="1" x14ac:dyDescent="0.2">
      <c r="A91" s="14">
        <v>70</v>
      </c>
      <c r="B91" s="15">
        <v>13</v>
      </c>
      <c r="C91" s="16">
        <v>22</v>
      </c>
      <c r="D91" s="17">
        <v>35</v>
      </c>
    </row>
    <row r="92" spans="1:4" ht="18" customHeight="1" x14ac:dyDescent="0.2">
      <c r="A92" s="14">
        <v>71</v>
      </c>
      <c r="B92" s="15">
        <v>15</v>
      </c>
      <c r="C92" s="16">
        <v>27</v>
      </c>
      <c r="D92" s="17">
        <v>42</v>
      </c>
    </row>
    <row r="93" spans="1:4" ht="18" customHeight="1" x14ac:dyDescent="0.2">
      <c r="A93" s="14">
        <v>72</v>
      </c>
      <c r="B93" s="15">
        <v>18</v>
      </c>
      <c r="C93" s="16">
        <v>26</v>
      </c>
      <c r="D93" s="17">
        <v>44</v>
      </c>
    </row>
    <row r="94" spans="1:4" ht="18" customHeight="1" x14ac:dyDescent="0.2">
      <c r="A94" s="14">
        <v>73</v>
      </c>
      <c r="B94" s="15">
        <v>20</v>
      </c>
      <c r="C94" s="16">
        <v>16</v>
      </c>
      <c r="D94" s="17">
        <v>36</v>
      </c>
    </row>
    <row r="95" spans="1:4" ht="18" customHeight="1" x14ac:dyDescent="0.2">
      <c r="A95" s="14">
        <v>74</v>
      </c>
      <c r="B95" s="15">
        <v>16</v>
      </c>
      <c r="C95" s="16">
        <v>21</v>
      </c>
      <c r="D95" s="17">
        <v>37</v>
      </c>
    </row>
    <row r="96" spans="1:4" ht="18" customHeight="1" x14ac:dyDescent="0.2">
      <c r="A96" s="18" t="s">
        <v>82</v>
      </c>
      <c r="B96" s="15">
        <v>82</v>
      </c>
      <c r="C96" s="16">
        <v>112</v>
      </c>
      <c r="D96" s="17">
        <v>194</v>
      </c>
    </row>
    <row r="97" spans="1:4" ht="18" customHeight="1" x14ac:dyDescent="0.2">
      <c r="A97" s="14">
        <v>75</v>
      </c>
      <c r="B97" s="15">
        <v>14</v>
      </c>
      <c r="C97" s="16">
        <v>25</v>
      </c>
      <c r="D97" s="17">
        <v>39</v>
      </c>
    </row>
    <row r="98" spans="1:4" ht="18" customHeight="1" x14ac:dyDescent="0.2">
      <c r="A98" s="14">
        <v>76</v>
      </c>
      <c r="B98" s="15">
        <v>18</v>
      </c>
      <c r="C98" s="16">
        <v>20</v>
      </c>
      <c r="D98" s="17">
        <v>38</v>
      </c>
    </row>
    <row r="99" spans="1:4" ht="18" customHeight="1" x14ac:dyDescent="0.2">
      <c r="A99" s="14">
        <v>77</v>
      </c>
      <c r="B99" s="15">
        <v>12</v>
      </c>
      <c r="C99" s="16">
        <v>21</v>
      </c>
      <c r="D99" s="17">
        <v>33</v>
      </c>
    </row>
    <row r="100" spans="1:4" ht="18" customHeight="1" x14ac:dyDescent="0.2">
      <c r="A100" s="14">
        <v>78</v>
      </c>
      <c r="B100" s="15">
        <v>14</v>
      </c>
      <c r="C100" s="16">
        <v>27</v>
      </c>
      <c r="D100" s="17">
        <v>41</v>
      </c>
    </row>
    <row r="101" spans="1:4" ht="18" customHeight="1" x14ac:dyDescent="0.2">
      <c r="A101" s="14">
        <v>79</v>
      </c>
      <c r="B101" s="15">
        <v>13</v>
      </c>
      <c r="C101" s="16">
        <v>25</v>
      </c>
      <c r="D101" s="17">
        <v>38</v>
      </c>
    </row>
    <row r="102" spans="1:4" ht="18" customHeight="1" x14ac:dyDescent="0.2">
      <c r="A102" s="18" t="s">
        <v>83</v>
      </c>
      <c r="B102" s="15">
        <v>71</v>
      </c>
      <c r="C102" s="16">
        <v>118</v>
      </c>
      <c r="D102" s="17">
        <v>189</v>
      </c>
    </row>
    <row r="103" spans="1:4" ht="18" customHeight="1" x14ac:dyDescent="0.2">
      <c r="A103" s="14">
        <v>80</v>
      </c>
      <c r="B103" s="15">
        <v>14</v>
      </c>
      <c r="C103" s="16">
        <v>22</v>
      </c>
      <c r="D103" s="17">
        <v>36</v>
      </c>
    </row>
    <row r="104" spans="1:4" ht="18" customHeight="1" x14ac:dyDescent="0.2">
      <c r="A104" s="14">
        <v>81</v>
      </c>
      <c r="B104" s="15">
        <v>11</v>
      </c>
      <c r="C104" s="16">
        <v>14</v>
      </c>
      <c r="D104" s="17">
        <v>25</v>
      </c>
    </row>
    <row r="105" spans="1:4" ht="18" customHeight="1" x14ac:dyDescent="0.2">
      <c r="A105" s="14">
        <v>82</v>
      </c>
      <c r="B105" s="15">
        <v>14</v>
      </c>
      <c r="C105" s="16">
        <v>20</v>
      </c>
      <c r="D105" s="17">
        <v>34</v>
      </c>
    </row>
    <row r="106" spans="1:4" ht="18" customHeight="1" x14ac:dyDescent="0.2">
      <c r="A106" s="14">
        <v>83</v>
      </c>
      <c r="B106" s="15">
        <v>7</v>
      </c>
      <c r="C106" s="16">
        <v>20</v>
      </c>
      <c r="D106" s="17">
        <v>27</v>
      </c>
    </row>
    <row r="107" spans="1:4" ht="18" customHeight="1" x14ac:dyDescent="0.2">
      <c r="A107" s="14">
        <v>84</v>
      </c>
      <c r="B107" s="15">
        <v>4</v>
      </c>
      <c r="C107" s="16">
        <v>20</v>
      </c>
      <c r="D107" s="17">
        <v>24</v>
      </c>
    </row>
    <row r="108" spans="1:4" ht="18" customHeight="1" x14ac:dyDescent="0.2">
      <c r="A108" s="18" t="s">
        <v>84</v>
      </c>
      <c r="B108" s="15">
        <v>50</v>
      </c>
      <c r="C108" s="16">
        <v>96</v>
      </c>
      <c r="D108" s="17">
        <v>146</v>
      </c>
    </row>
    <row r="109" spans="1:4" ht="18" customHeight="1" x14ac:dyDescent="0.2">
      <c r="A109" s="14">
        <v>85</v>
      </c>
      <c r="B109" s="15">
        <v>6</v>
      </c>
      <c r="C109" s="16">
        <v>13</v>
      </c>
      <c r="D109" s="17">
        <v>19</v>
      </c>
    </row>
    <row r="110" spans="1:4" ht="18" customHeight="1" x14ac:dyDescent="0.2">
      <c r="A110" s="14">
        <v>86</v>
      </c>
      <c r="B110" s="15">
        <v>3</v>
      </c>
      <c r="C110" s="16">
        <v>12</v>
      </c>
      <c r="D110" s="17">
        <v>15</v>
      </c>
    </row>
    <row r="111" spans="1:4" ht="18" customHeight="1" x14ac:dyDescent="0.2">
      <c r="A111" s="14">
        <v>87</v>
      </c>
      <c r="B111" s="15">
        <v>4</v>
      </c>
      <c r="C111" s="16">
        <v>10</v>
      </c>
      <c r="D111" s="17">
        <v>14</v>
      </c>
    </row>
    <row r="112" spans="1:4" ht="18" customHeight="1" x14ac:dyDescent="0.2">
      <c r="A112" s="14">
        <v>88</v>
      </c>
      <c r="B112" s="15">
        <v>4</v>
      </c>
      <c r="C112" s="16">
        <v>14</v>
      </c>
      <c r="D112" s="17">
        <v>18</v>
      </c>
    </row>
    <row r="113" spans="1:4" ht="18" customHeight="1" x14ac:dyDescent="0.2">
      <c r="A113" s="14">
        <v>89</v>
      </c>
      <c r="B113" s="15">
        <v>4</v>
      </c>
      <c r="C113" s="16">
        <v>9</v>
      </c>
      <c r="D113" s="17">
        <v>13</v>
      </c>
    </row>
    <row r="114" spans="1:4" ht="18" customHeight="1" x14ac:dyDescent="0.2">
      <c r="A114" s="18" t="s">
        <v>85</v>
      </c>
      <c r="B114" s="15">
        <v>21</v>
      </c>
      <c r="C114" s="16">
        <v>58</v>
      </c>
      <c r="D114" s="17">
        <v>79</v>
      </c>
    </row>
    <row r="115" spans="1:4" ht="18" customHeight="1" x14ac:dyDescent="0.2">
      <c r="A115" s="14">
        <v>90</v>
      </c>
      <c r="B115" s="15">
        <v>2</v>
      </c>
      <c r="C115" s="16">
        <v>7</v>
      </c>
      <c r="D115" s="17">
        <v>9</v>
      </c>
    </row>
    <row r="116" spans="1:4" ht="18" customHeight="1" x14ac:dyDescent="0.2">
      <c r="A116" s="14">
        <v>91</v>
      </c>
      <c r="B116" s="15">
        <v>5</v>
      </c>
      <c r="C116" s="16">
        <v>7</v>
      </c>
      <c r="D116" s="17">
        <v>12</v>
      </c>
    </row>
    <row r="117" spans="1:4" ht="18" customHeight="1" x14ac:dyDescent="0.2">
      <c r="A117" s="14">
        <v>92</v>
      </c>
      <c r="B117" s="15">
        <v>1</v>
      </c>
      <c r="C117" s="16">
        <v>6</v>
      </c>
      <c r="D117" s="17">
        <v>7</v>
      </c>
    </row>
    <row r="118" spans="1:4" ht="18" customHeight="1" x14ac:dyDescent="0.2">
      <c r="A118" s="14">
        <v>93</v>
      </c>
      <c r="B118" s="15">
        <v>0</v>
      </c>
      <c r="C118" s="16">
        <v>3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86</v>
      </c>
      <c r="B120" s="15">
        <v>8</v>
      </c>
      <c r="C120" s="16">
        <v>27</v>
      </c>
      <c r="D120" s="17">
        <v>35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340</v>
      </c>
      <c r="C130" s="5">
        <v>552</v>
      </c>
      <c r="D130" s="6">
        <v>892</v>
      </c>
    </row>
    <row r="131" spans="1:4" ht="18" customHeight="1" x14ac:dyDescent="0.2">
      <c r="A131" s="20" t="s">
        <v>65</v>
      </c>
      <c r="B131" s="7">
        <v>1844</v>
      </c>
      <c r="C131" s="8">
        <v>2014</v>
      </c>
      <c r="D131" s="9">
        <v>385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35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6</v>
      </c>
      <c r="C5" s="12">
        <v>3</v>
      </c>
      <c r="D5" s="13">
        <v>9</v>
      </c>
    </row>
    <row r="6" spans="1:4" ht="18" customHeight="1" x14ac:dyDescent="0.2">
      <c r="A6" s="14">
        <v>1</v>
      </c>
      <c r="B6" s="15">
        <v>6</v>
      </c>
      <c r="C6" s="16">
        <v>9</v>
      </c>
      <c r="D6" s="17">
        <v>15</v>
      </c>
    </row>
    <row r="7" spans="1:4" ht="18" customHeight="1" x14ac:dyDescent="0.2">
      <c r="A7" s="14">
        <v>2</v>
      </c>
      <c r="B7" s="15">
        <v>9</v>
      </c>
      <c r="C7" s="16">
        <v>12</v>
      </c>
      <c r="D7" s="17">
        <v>21</v>
      </c>
    </row>
    <row r="8" spans="1:4" ht="18" customHeight="1" x14ac:dyDescent="0.2">
      <c r="A8" s="14">
        <v>3</v>
      </c>
      <c r="B8" s="15">
        <v>9</v>
      </c>
      <c r="C8" s="16">
        <v>7</v>
      </c>
      <c r="D8" s="17">
        <v>16</v>
      </c>
    </row>
    <row r="9" spans="1:4" ht="18" customHeight="1" x14ac:dyDescent="0.2">
      <c r="A9" s="14">
        <v>4</v>
      </c>
      <c r="B9" s="15">
        <v>8</v>
      </c>
      <c r="C9" s="16">
        <v>8</v>
      </c>
      <c r="D9" s="17">
        <v>16</v>
      </c>
    </row>
    <row r="10" spans="1:4" ht="18" customHeight="1" x14ac:dyDescent="0.2">
      <c r="A10" s="18" t="s">
        <v>66</v>
      </c>
      <c r="B10" s="15">
        <v>38</v>
      </c>
      <c r="C10" s="16">
        <v>39</v>
      </c>
      <c r="D10" s="17">
        <v>77</v>
      </c>
    </row>
    <row r="11" spans="1:4" ht="18" customHeight="1" x14ac:dyDescent="0.2">
      <c r="A11" s="14">
        <v>5</v>
      </c>
      <c r="B11" s="15">
        <v>14</v>
      </c>
      <c r="C11" s="16">
        <v>7</v>
      </c>
      <c r="D11" s="17">
        <v>21</v>
      </c>
    </row>
    <row r="12" spans="1:4" ht="18" customHeight="1" x14ac:dyDescent="0.2">
      <c r="A12" s="14">
        <v>6</v>
      </c>
      <c r="B12" s="15">
        <v>5</v>
      </c>
      <c r="C12" s="16">
        <v>8</v>
      </c>
      <c r="D12" s="17">
        <v>13</v>
      </c>
    </row>
    <row r="13" spans="1:4" ht="18" customHeight="1" x14ac:dyDescent="0.2">
      <c r="A13" s="14">
        <v>7</v>
      </c>
      <c r="B13" s="15">
        <v>17</v>
      </c>
      <c r="C13" s="16">
        <v>7</v>
      </c>
      <c r="D13" s="17">
        <v>24</v>
      </c>
    </row>
    <row r="14" spans="1:4" ht="18" customHeight="1" x14ac:dyDescent="0.2">
      <c r="A14" s="14">
        <v>8</v>
      </c>
      <c r="B14" s="15">
        <v>7</v>
      </c>
      <c r="C14" s="16">
        <v>11</v>
      </c>
      <c r="D14" s="17">
        <v>18</v>
      </c>
    </row>
    <row r="15" spans="1:4" ht="18" customHeight="1" x14ac:dyDescent="0.2">
      <c r="A15" s="14">
        <v>9</v>
      </c>
      <c r="B15" s="15">
        <v>9</v>
      </c>
      <c r="C15" s="16">
        <v>12</v>
      </c>
      <c r="D15" s="17">
        <v>21</v>
      </c>
    </row>
    <row r="16" spans="1:4" ht="18" customHeight="1" x14ac:dyDescent="0.2">
      <c r="A16" s="18" t="s">
        <v>67</v>
      </c>
      <c r="B16" s="15">
        <v>52</v>
      </c>
      <c r="C16" s="16">
        <v>45</v>
      </c>
      <c r="D16" s="17">
        <v>97</v>
      </c>
    </row>
    <row r="17" spans="1:4" ht="18" customHeight="1" x14ac:dyDescent="0.2">
      <c r="A17" s="14">
        <v>10</v>
      </c>
      <c r="B17" s="15">
        <v>10</v>
      </c>
      <c r="C17" s="16">
        <v>5</v>
      </c>
      <c r="D17" s="17">
        <v>15</v>
      </c>
    </row>
    <row r="18" spans="1:4" ht="18" customHeight="1" x14ac:dyDescent="0.2">
      <c r="A18" s="14">
        <v>11</v>
      </c>
      <c r="B18" s="15">
        <v>8</v>
      </c>
      <c r="C18" s="16">
        <v>14</v>
      </c>
      <c r="D18" s="17">
        <v>22</v>
      </c>
    </row>
    <row r="19" spans="1:4" ht="18" customHeight="1" x14ac:dyDescent="0.2">
      <c r="A19" s="14">
        <v>12</v>
      </c>
      <c r="B19" s="15">
        <v>17</v>
      </c>
      <c r="C19" s="16">
        <v>10</v>
      </c>
      <c r="D19" s="17">
        <v>27</v>
      </c>
    </row>
    <row r="20" spans="1:4" ht="18" customHeight="1" x14ac:dyDescent="0.2">
      <c r="A20" s="14">
        <v>13</v>
      </c>
      <c r="B20" s="15">
        <v>14</v>
      </c>
      <c r="C20" s="16">
        <v>16</v>
      </c>
      <c r="D20" s="17">
        <v>30</v>
      </c>
    </row>
    <row r="21" spans="1:4" ht="18" customHeight="1" x14ac:dyDescent="0.2">
      <c r="A21" s="14">
        <v>14</v>
      </c>
      <c r="B21" s="15">
        <v>14</v>
      </c>
      <c r="C21" s="16">
        <v>10</v>
      </c>
      <c r="D21" s="17">
        <v>24</v>
      </c>
    </row>
    <row r="22" spans="1:4" ht="18" customHeight="1" x14ac:dyDescent="0.2">
      <c r="A22" s="18" t="s">
        <v>68</v>
      </c>
      <c r="B22" s="15">
        <v>63</v>
      </c>
      <c r="C22" s="16">
        <v>55</v>
      </c>
      <c r="D22" s="17">
        <v>118</v>
      </c>
    </row>
    <row r="23" spans="1:4" ht="18" customHeight="1" x14ac:dyDescent="0.2">
      <c r="A23" s="18" t="s">
        <v>69</v>
      </c>
      <c r="B23" s="15">
        <v>153</v>
      </c>
      <c r="C23" s="16">
        <v>139</v>
      </c>
      <c r="D23" s="17">
        <v>292</v>
      </c>
    </row>
    <row r="24" spans="1:4" ht="18" customHeight="1" x14ac:dyDescent="0.2">
      <c r="A24" s="14">
        <v>15</v>
      </c>
      <c r="B24" s="15">
        <v>12</v>
      </c>
      <c r="C24" s="16">
        <v>11</v>
      </c>
      <c r="D24" s="17">
        <v>23</v>
      </c>
    </row>
    <row r="25" spans="1:4" ht="18" customHeight="1" x14ac:dyDescent="0.2">
      <c r="A25" s="14">
        <v>16</v>
      </c>
      <c r="B25" s="15">
        <v>18</v>
      </c>
      <c r="C25" s="16">
        <v>10</v>
      </c>
      <c r="D25" s="17">
        <v>28</v>
      </c>
    </row>
    <row r="26" spans="1:4" ht="18" customHeight="1" x14ac:dyDescent="0.2">
      <c r="A26" s="14">
        <v>17</v>
      </c>
      <c r="B26" s="15">
        <v>15</v>
      </c>
      <c r="C26" s="16">
        <v>4</v>
      </c>
      <c r="D26" s="17">
        <v>19</v>
      </c>
    </row>
    <row r="27" spans="1:4" ht="18" customHeight="1" x14ac:dyDescent="0.2">
      <c r="A27" s="14">
        <v>18</v>
      </c>
      <c r="B27" s="15">
        <v>9</v>
      </c>
      <c r="C27" s="16">
        <v>14</v>
      </c>
      <c r="D27" s="17">
        <v>23</v>
      </c>
    </row>
    <row r="28" spans="1:4" ht="18" customHeight="1" x14ac:dyDescent="0.2">
      <c r="A28" s="14">
        <v>19</v>
      </c>
      <c r="B28" s="15">
        <v>10</v>
      </c>
      <c r="C28" s="16">
        <v>14</v>
      </c>
      <c r="D28" s="17">
        <v>24</v>
      </c>
    </row>
    <row r="29" spans="1:4" ht="18" customHeight="1" x14ac:dyDescent="0.2">
      <c r="A29" s="18" t="s">
        <v>70</v>
      </c>
      <c r="B29" s="15">
        <v>64</v>
      </c>
      <c r="C29" s="16">
        <v>53</v>
      </c>
      <c r="D29" s="17">
        <v>117</v>
      </c>
    </row>
    <row r="30" spans="1:4" ht="18" customHeight="1" x14ac:dyDescent="0.2">
      <c r="A30" s="14">
        <v>20</v>
      </c>
      <c r="B30" s="15">
        <v>14</v>
      </c>
      <c r="C30" s="16">
        <v>9</v>
      </c>
      <c r="D30" s="17">
        <v>23</v>
      </c>
    </row>
    <row r="31" spans="1:4" ht="18" customHeight="1" x14ac:dyDescent="0.2">
      <c r="A31" s="14">
        <v>21</v>
      </c>
      <c r="B31" s="15">
        <v>13</v>
      </c>
      <c r="C31" s="16">
        <v>12</v>
      </c>
      <c r="D31" s="17">
        <v>25</v>
      </c>
    </row>
    <row r="32" spans="1:4" ht="18" customHeight="1" x14ac:dyDescent="0.2">
      <c r="A32" s="14">
        <v>22</v>
      </c>
      <c r="B32" s="15">
        <v>6</v>
      </c>
      <c r="C32" s="16">
        <v>9</v>
      </c>
      <c r="D32" s="17">
        <v>15</v>
      </c>
    </row>
    <row r="33" spans="1:4" ht="18" customHeight="1" x14ac:dyDescent="0.2">
      <c r="A33" s="14">
        <v>23</v>
      </c>
      <c r="B33" s="15">
        <v>14</v>
      </c>
      <c r="C33" s="16">
        <v>8</v>
      </c>
      <c r="D33" s="17">
        <v>22</v>
      </c>
    </row>
    <row r="34" spans="1:4" ht="18" customHeight="1" x14ac:dyDescent="0.2">
      <c r="A34" s="14">
        <v>24</v>
      </c>
      <c r="B34" s="15">
        <v>14</v>
      </c>
      <c r="C34" s="16">
        <v>12</v>
      </c>
      <c r="D34" s="17">
        <v>26</v>
      </c>
    </row>
    <row r="35" spans="1:4" ht="18" customHeight="1" x14ac:dyDescent="0.2">
      <c r="A35" s="18" t="s">
        <v>71</v>
      </c>
      <c r="B35" s="15">
        <v>61</v>
      </c>
      <c r="C35" s="16">
        <v>50</v>
      </c>
      <c r="D35" s="17">
        <v>111</v>
      </c>
    </row>
    <row r="36" spans="1:4" ht="18" customHeight="1" x14ac:dyDescent="0.2">
      <c r="A36" s="14">
        <v>25</v>
      </c>
      <c r="B36" s="15">
        <v>6</v>
      </c>
      <c r="C36" s="16">
        <v>15</v>
      </c>
      <c r="D36" s="17">
        <v>21</v>
      </c>
    </row>
    <row r="37" spans="1:4" ht="18" customHeight="1" x14ac:dyDescent="0.2">
      <c r="A37" s="14">
        <v>26</v>
      </c>
      <c r="B37" s="15">
        <v>15</v>
      </c>
      <c r="C37" s="16">
        <v>11</v>
      </c>
      <c r="D37" s="17">
        <v>26</v>
      </c>
    </row>
    <row r="38" spans="1:4" ht="18" customHeight="1" x14ac:dyDescent="0.2">
      <c r="A38" s="14">
        <v>27</v>
      </c>
      <c r="B38" s="15">
        <v>10</v>
      </c>
      <c r="C38" s="16">
        <v>4</v>
      </c>
      <c r="D38" s="17">
        <v>14</v>
      </c>
    </row>
    <row r="39" spans="1:4" ht="18" customHeight="1" x14ac:dyDescent="0.2">
      <c r="A39" s="14">
        <v>28</v>
      </c>
      <c r="B39" s="15">
        <v>12</v>
      </c>
      <c r="C39" s="16">
        <v>11</v>
      </c>
      <c r="D39" s="17">
        <v>23</v>
      </c>
    </row>
    <row r="40" spans="1:4" ht="18" customHeight="1" x14ac:dyDescent="0.2">
      <c r="A40" s="14">
        <v>29</v>
      </c>
      <c r="B40" s="15">
        <v>8</v>
      </c>
      <c r="C40" s="16">
        <v>17</v>
      </c>
      <c r="D40" s="17">
        <v>25</v>
      </c>
    </row>
    <row r="41" spans="1:4" ht="18" customHeight="1" x14ac:dyDescent="0.2">
      <c r="A41" s="18" t="s">
        <v>72</v>
      </c>
      <c r="B41" s="15">
        <v>51</v>
      </c>
      <c r="C41" s="16">
        <v>58</v>
      </c>
      <c r="D41" s="17">
        <v>109</v>
      </c>
    </row>
    <row r="42" spans="1:4" ht="18" customHeight="1" x14ac:dyDescent="0.2">
      <c r="A42" s="14">
        <v>30</v>
      </c>
      <c r="B42" s="15">
        <v>14</v>
      </c>
      <c r="C42" s="16">
        <v>9</v>
      </c>
      <c r="D42" s="17">
        <v>23</v>
      </c>
    </row>
    <row r="43" spans="1:4" ht="18" customHeight="1" x14ac:dyDescent="0.2">
      <c r="A43" s="14">
        <v>31</v>
      </c>
      <c r="B43" s="15">
        <v>17</v>
      </c>
      <c r="C43" s="16">
        <v>10</v>
      </c>
      <c r="D43" s="17">
        <v>27</v>
      </c>
    </row>
    <row r="44" spans="1:4" ht="18" customHeight="1" x14ac:dyDescent="0.2">
      <c r="A44" s="14">
        <v>32</v>
      </c>
      <c r="B44" s="15">
        <v>18</v>
      </c>
      <c r="C44" s="16">
        <v>11</v>
      </c>
      <c r="D44" s="17">
        <v>29</v>
      </c>
    </row>
    <row r="45" spans="1:4" ht="18" customHeight="1" x14ac:dyDescent="0.2">
      <c r="A45" s="14">
        <v>33</v>
      </c>
      <c r="B45" s="15">
        <v>17</v>
      </c>
      <c r="C45" s="16">
        <v>13</v>
      </c>
      <c r="D45" s="17">
        <v>30</v>
      </c>
    </row>
    <row r="46" spans="1:4" ht="18" customHeight="1" x14ac:dyDescent="0.2">
      <c r="A46" s="14">
        <v>34</v>
      </c>
      <c r="B46" s="15">
        <v>15</v>
      </c>
      <c r="C46" s="16">
        <v>17</v>
      </c>
      <c r="D46" s="17">
        <v>32</v>
      </c>
    </row>
    <row r="47" spans="1:4" ht="18" customHeight="1" x14ac:dyDescent="0.2">
      <c r="A47" s="18" t="s">
        <v>73</v>
      </c>
      <c r="B47" s="15">
        <v>81</v>
      </c>
      <c r="C47" s="16">
        <v>60</v>
      </c>
      <c r="D47" s="17">
        <v>141</v>
      </c>
    </row>
    <row r="48" spans="1:4" ht="18" customHeight="1" x14ac:dyDescent="0.2">
      <c r="A48" s="14">
        <v>35</v>
      </c>
      <c r="B48" s="15">
        <v>27</v>
      </c>
      <c r="C48" s="16">
        <v>16</v>
      </c>
      <c r="D48" s="17">
        <v>43</v>
      </c>
    </row>
    <row r="49" spans="1:4" ht="18" customHeight="1" x14ac:dyDescent="0.2">
      <c r="A49" s="14">
        <v>36</v>
      </c>
      <c r="B49" s="15">
        <v>21</v>
      </c>
      <c r="C49" s="16">
        <v>16</v>
      </c>
      <c r="D49" s="17">
        <v>37</v>
      </c>
    </row>
    <row r="50" spans="1:4" ht="18" customHeight="1" x14ac:dyDescent="0.2">
      <c r="A50" s="14">
        <v>37</v>
      </c>
      <c r="B50" s="15">
        <v>11</v>
      </c>
      <c r="C50" s="16">
        <v>15</v>
      </c>
      <c r="D50" s="17">
        <v>26</v>
      </c>
    </row>
    <row r="51" spans="1:4" ht="18" customHeight="1" x14ac:dyDescent="0.2">
      <c r="A51" s="14">
        <v>38</v>
      </c>
      <c r="B51" s="15">
        <v>12</v>
      </c>
      <c r="C51" s="16">
        <v>13</v>
      </c>
      <c r="D51" s="17">
        <v>25</v>
      </c>
    </row>
    <row r="52" spans="1:4" ht="18" customHeight="1" x14ac:dyDescent="0.2">
      <c r="A52" s="14">
        <v>39</v>
      </c>
      <c r="B52" s="15">
        <v>12</v>
      </c>
      <c r="C52" s="16">
        <v>22</v>
      </c>
      <c r="D52" s="17">
        <v>34</v>
      </c>
    </row>
    <row r="53" spans="1:4" ht="18" customHeight="1" x14ac:dyDescent="0.2">
      <c r="A53" s="18" t="s">
        <v>74</v>
      </c>
      <c r="B53" s="15">
        <v>83</v>
      </c>
      <c r="C53" s="16">
        <v>82</v>
      </c>
      <c r="D53" s="17">
        <v>165</v>
      </c>
    </row>
    <row r="54" spans="1:4" ht="18" customHeight="1" x14ac:dyDescent="0.2">
      <c r="A54" s="14">
        <v>40</v>
      </c>
      <c r="B54" s="15">
        <v>21</v>
      </c>
      <c r="C54" s="16">
        <v>12</v>
      </c>
      <c r="D54" s="17">
        <v>33</v>
      </c>
    </row>
    <row r="55" spans="1:4" ht="18" customHeight="1" x14ac:dyDescent="0.2">
      <c r="A55" s="14">
        <v>41</v>
      </c>
      <c r="B55" s="15">
        <v>15</v>
      </c>
      <c r="C55" s="16">
        <v>15</v>
      </c>
      <c r="D55" s="17">
        <v>30</v>
      </c>
    </row>
    <row r="56" spans="1:4" ht="18" customHeight="1" x14ac:dyDescent="0.2">
      <c r="A56" s="14">
        <v>42</v>
      </c>
      <c r="B56" s="15">
        <v>14</v>
      </c>
      <c r="C56" s="16">
        <v>14</v>
      </c>
      <c r="D56" s="17">
        <v>28</v>
      </c>
    </row>
    <row r="57" spans="1:4" ht="18" customHeight="1" x14ac:dyDescent="0.2">
      <c r="A57" s="14">
        <v>43</v>
      </c>
      <c r="B57" s="15">
        <v>14</v>
      </c>
      <c r="C57" s="16">
        <v>16</v>
      </c>
      <c r="D57" s="17">
        <v>30</v>
      </c>
    </row>
    <row r="58" spans="1:4" ht="18" customHeight="1" x14ac:dyDescent="0.2">
      <c r="A58" s="14">
        <v>44</v>
      </c>
      <c r="B58" s="15">
        <v>15</v>
      </c>
      <c r="C58" s="16">
        <v>14</v>
      </c>
      <c r="D58" s="17">
        <v>29</v>
      </c>
    </row>
    <row r="59" spans="1:4" ht="18" customHeight="1" x14ac:dyDescent="0.2">
      <c r="A59" s="18" t="s">
        <v>75</v>
      </c>
      <c r="B59" s="15">
        <v>79</v>
      </c>
      <c r="C59" s="16">
        <v>71</v>
      </c>
      <c r="D59" s="17">
        <v>150</v>
      </c>
    </row>
    <row r="60" spans="1:4" ht="18" customHeight="1" x14ac:dyDescent="0.2">
      <c r="A60" s="14">
        <v>45</v>
      </c>
      <c r="B60" s="15">
        <v>10</v>
      </c>
      <c r="C60" s="16">
        <v>8</v>
      </c>
      <c r="D60" s="17">
        <v>18</v>
      </c>
    </row>
    <row r="61" spans="1:4" ht="18" customHeight="1" x14ac:dyDescent="0.2">
      <c r="A61" s="14">
        <v>46</v>
      </c>
      <c r="B61" s="15">
        <v>22</v>
      </c>
      <c r="C61" s="16">
        <v>20</v>
      </c>
      <c r="D61" s="17">
        <v>42</v>
      </c>
    </row>
    <row r="62" spans="1:4" ht="18" customHeight="1" x14ac:dyDescent="0.2">
      <c r="A62" s="14">
        <v>47</v>
      </c>
      <c r="B62" s="15">
        <v>18</v>
      </c>
      <c r="C62" s="16">
        <v>13</v>
      </c>
      <c r="D62" s="17">
        <v>31</v>
      </c>
    </row>
    <row r="63" spans="1:4" ht="18" customHeight="1" x14ac:dyDescent="0.2">
      <c r="A63" s="14">
        <v>48</v>
      </c>
      <c r="B63" s="15">
        <v>10</v>
      </c>
      <c r="C63" s="16">
        <v>15</v>
      </c>
      <c r="D63" s="17">
        <v>25</v>
      </c>
    </row>
    <row r="64" spans="1:4" ht="18" customHeight="1" x14ac:dyDescent="0.2">
      <c r="A64" s="14">
        <v>49</v>
      </c>
      <c r="B64" s="15">
        <v>11</v>
      </c>
      <c r="C64" s="16">
        <v>12</v>
      </c>
      <c r="D64" s="17">
        <v>23</v>
      </c>
    </row>
    <row r="65" spans="1:4" ht="18" customHeight="1" x14ac:dyDescent="0.2">
      <c r="A65" s="18" t="s">
        <v>76</v>
      </c>
      <c r="B65" s="15">
        <v>71</v>
      </c>
      <c r="C65" s="16">
        <v>68</v>
      </c>
      <c r="D65" s="17">
        <v>139</v>
      </c>
    </row>
    <row r="66" spans="1:4" ht="18" customHeight="1" x14ac:dyDescent="0.2">
      <c r="A66" s="14">
        <v>50</v>
      </c>
      <c r="B66" s="15">
        <v>16</v>
      </c>
      <c r="C66" s="16">
        <v>11</v>
      </c>
      <c r="D66" s="17">
        <v>27</v>
      </c>
    </row>
    <row r="67" spans="1:4" ht="18" customHeight="1" x14ac:dyDescent="0.2">
      <c r="A67" s="14">
        <v>51</v>
      </c>
      <c r="B67" s="15">
        <v>13</v>
      </c>
      <c r="C67" s="16">
        <v>15</v>
      </c>
      <c r="D67" s="17">
        <v>28</v>
      </c>
    </row>
    <row r="68" spans="1:4" ht="18" customHeight="1" x14ac:dyDescent="0.2">
      <c r="A68" s="14">
        <v>52</v>
      </c>
      <c r="B68" s="15">
        <v>11</v>
      </c>
      <c r="C68" s="16">
        <v>15</v>
      </c>
      <c r="D68" s="17">
        <v>26</v>
      </c>
    </row>
    <row r="69" spans="1:4" ht="18" customHeight="1" x14ac:dyDescent="0.2">
      <c r="A69" s="14">
        <v>53</v>
      </c>
      <c r="B69" s="15">
        <v>19</v>
      </c>
      <c r="C69" s="16">
        <v>16</v>
      </c>
      <c r="D69" s="17">
        <v>35</v>
      </c>
    </row>
    <row r="70" spans="1:4" ht="18" customHeight="1" x14ac:dyDescent="0.2">
      <c r="A70" s="14">
        <v>54</v>
      </c>
      <c r="B70" s="15">
        <v>19</v>
      </c>
      <c r="C70" s="16">
        <v>25</v>
      </c>
      <c r="D70" s="17">
        <v>44</v>
      </c>
    </row>
    <row r="71" spans="1:4" ht="18" customHeight="1" x14ac:dyDescent="0.2">
      <c r="A71" s="18" t="s">
        <v>77</v>
      </c>
      <c r="B71" s="15">
        <v>78</v>
      </c>
      <c r="C71" s="16">
        <v>82</v>
      </c>
      <c r="D71" s="17">
        <v>160</v>
      </c>
    </row>
    <row r="72" spans="1:4" ht="18" customHeight="1" x14ac:dyDescent="0.2">
      <c r="A72" s="14">
        <v>55</v>
      </c>
      <c r="B72" s="15">
        <v>11</v>
      </c>
      <c r="C72" s="16">
        <v>14</v>
      </c>
      <c r="D72" s="17">
        <v>25</v>
      </c>
    </row>
    <row r="73" spans="1:4" ht="18" customHeight="1" x14ac:dyDescent="0.2">
      <c r="A73" s="14">
        <v>56</v>
      </c>
      <c r="B73" s="15">
        <v>12</v>
      </c>
      <c r="C73" s="16">
        <v>26</v>
      </c>
      <c r="D73" s="17">
        <v>38</v>
      </c>
    </row>
    <row r="74" spans="1:4" ht="18" customHeight="1" x14ac:dyDescent="0.2">
      <c r="A74" s="14">
        <v>57</v>
      </c>
      <c r="B74" s="15">
        <v>24</v>
      </c>
      <c r="C74" s="16">
        <v>25</v>
      </c>
      <c r="D74" s="17">
        <v>49</v>
      </c>
    </row>
    <row r="75" spans="1:4" ht="18" customHeight="1" x14ac:dyDescent="0.2">
      <c r="A75" s="14">
        <v>58</v>
      </c>
      <c r="B75" s="15">
        <v>24</v>
      </c>
      <c r="C75" s="16">
        <v>23</v>
      </c>
      <c r="D75" s="17">
        <v>47</v>
      </c>
    </row>
    <row r="76" spans="1:4" ht="18" customHeight="1" x14ac:dyDescent="0.2">
      <c r="A76" s="14">
        <v>59</v>
      </c>
      <c r="B76" s="15">
        <v>27</v>
      </c>
      <c r="C76" s="16">
        <v>30</v>
      </c>
      <c r="D76" s="17">
        <v>57</v>
      </c>
    </row>
    <row r="77" spans="1:4" ht="18" customHeight="1" x14ac:dyDescent="0.2">
      <c r="A77" s="18" t="s">
        <v>78</v>
      </c>
      <c r="B77" s="15">
        <v>98</v>
      </c>
      <c r="C77" s="16">
        <v>118</v>
      </c>
      <c r="D77" s="17">
        <v>216</v>
      </c>
    </row>
    <row r="78" spans="1:4" ht="18" customHeight="1" x14ac:dyDescent="0.2">
      <c r="A78" s="14">
        <v>60</v>
      </c>
      <c r="B78" s="15">
        <v>30</v>
      </c>
      <c r="C78" s="16">
        <v>31</v>
      </c>
      <c r="D78" s="17">
        <v>61</v>
      </c>
    </row>
    <row r="79" spans="1:4" ht="18" customHeight="1" x14ac:dyDescent="0.2">
      <c r="A79" s="14">
        <v>61</v>
      </c>
      <c r="B79" s="15">
        <v>30</v>
      </c>
      <c r="C79" s="16">
        <v>41</v>
      </c>
      <c r="D79" s="17">
        <v>71</v>
      </c>
    </row>
    <row r="80" spans="1:4" ht="18" customHeight="1" x14ac:dyDescent="0.2">
      <c r="A80" s="14">
        <v>62</v>
      </c>
      <c r="B80" s="15">
        <v>33</v>
      </c>
      <c r="C80" s="16">
        <v>39</v>
      </c>
      <c r="D80" s="17">
        <v>72</v>
      </c>
    </row>
    <row r="81" spans="1:4" ht="18" customHeight="1" x14ac:dyDescent="0.2">
      <c r="A81" s="14">
        <v>63</v>
      </c>
      <c r="B81" s="15">
        <v>21</v>
      </c>
      <c r="C81" s="16">
        <v>17</v>
      </c>
      <c r="D81" s="17">
        <v>38</v>
      </c>
    </row>
    <row r="82" spans="1:4" ht="18" customHeight="1" x14ac:dyDescent="0.2">
      <c r="A82" s="14">
        <v>64</v>
      </c>
      <c r="B82" s="15">
        <v>17</v>
      </c>
      <c r="C82" s="16">
        <v>15</v>
      </c>
      <c r="D82" s="17">
        <v>32</v>
      </c>
    </row>
    <row r="83" spans="1:4" ht="18" customHeight="1" x14ac:dyDescent="0.2">
      <c r="A83" s="18" t="s">
        <v>79</v>
      </c>
      <c r="B83" s="15">
        <v>131</v>
      </c>
      <c r="C83" s="16">
        <v>143</v>
      </c>
      <c r="D83" s="17">
        <v>274</v>
      </c>
    </row>
    <row r="84" spans="1:4" ht="18" customHeight="1" x14ac:dyDescent="0.2">
      <c r="A84" s="18" t="s">
        <v>80</v>
      </c>
      <c r="B84" s="15">
        <v>797</v>
      </c>
      <c r="C84" s="16">
        <v>785</v>
      </c>
      <c r="D84" s="17">
        <v>1582</v>
      </c>
    </row>
    <row r="85" spans="1:4" ht="18" customHeight="1" x14ac:dyDescent="0.2">
      <c r="A85" s="14">
        <v>65</v>
      </c>
      <c r="B85" s="15">
        <v>21</v>
      </c>
      <c r="C85" s="16">
        <v>22</v>
      </c>
      <c r="D85" s="17">
        <v>43</v>
      </c>
    </row>
    <row r="86" spans="1:4" ht="18" customHeight="1" x14ac:dyDescent="0.2">
      <c r="A86" s="14">
        <v>66</v>
      </c>
      <c r="B86" s="15">
        <v>21</v>
      </c>
      <c r="C86" s="16">
        <v>23</v>
      </c>
      <c r="D86" s="17">
        <v>44</v>
      </c>
    </row>
    <row r="87" spans="1:4" ht="18" customHeight="1" x14ac:dyDescent="0.2">
      <c r="A87" s="14">
        <v>67</v>
      </c>
      <c r="B87" s="15">
        <v>24</v>
      </c>
      <c r="C87" s="16">
        <v>28</v>
      </c>
      <c r="D87" s="17">
        <v>52</v>
      </c>
    </row>
    <row r="88" spans="1:4" ht="18" customHeight="1" x14ac:dyDescent="0.2">
      <c r="A88" s="14">
        <v>68</v>
      </c>
      <c r="B88" s="15">
        <v>25</v>
      </c>
      <c r="C88" s="16">
        <v>19</v>
      </c>
      <c r="D88" s="17">
        <v>44</v>
      </c>
    </row>
    <row r="89" spans="1:4" ht="18" customHeight="1" x14ac:dyDescent="0.2">
      <c r="A89" s="14">
        <v>69</v>
      </c>
      <c r="B89" s="15">
        <v>11</v>
      </c>
      <c r="C89" s="16">
        <v>14</v>
      </c>
      <c r="D89" s="17">
        <v>25</v>
      </c>
    </row>
    <row r="90" spans="1:4" ht="18" customHeight="1" x14ac:dyDescent="0.2">
      <c r="A90" s="18" t="s">
        <v>81</v>
      </c>
      <c r="B90" s="15">
        <v>102</v>
      </c>
      <c r="C90" s="16">
        <v>106</v>
      </c>
      <c r="D90" s="17">
        <v>208</v>
      </c>
    </row>
    <row r="91" spans="1:4" ht="18" customHeight="1" x14ac:dyDescent="0.2">
      <c r="A91" s="14">
        <v>70</v>
      </c>
      <c r="B91" s="15">
        <v>12</v>
      </c>
      <c r="C91" s="16">
        <v>20</v>
      </c>
      <c r="D91" s="17">
        <v>32</v>
      </c>
    </row>
    <row r="92" spans="1:4" ht="18" customHeight="1" x14ac:dyDescent="0.2">
      <c r="A92" s="14">
        <v>71</v>
      </c>
      <c r="B92" s="15">
        <v>12</v>
      </c>
      <c r="C92" s="16">
        <v>12</v>
      </c>
      <c r="D92" s="17">
        <v>24</v>
      </c>
    </row>
    <row r="93" spans="1:4" ht="18" customHeight="1" x14ac:dyDescent="0.2">
      <c r="A93" s="14">
        <v>72</v>
      </c>
      <c r="B93" s="15">
        <v>20</v>
      </c>
      <c r="C93" s="16">
        <v>21</v>
      </c>
      <c r="D93" s="17">
        <v>41</v>
      </c>
    </row>
    <row r="94" spans="1:4" ht="18" customHeight="1" x14ac:dyDescent="0.2">
      <c r="A94" s="14">
        <v>73</v>
      </c>
      <c r="B94" s="15">
        <v>14</v>
      </c>
      <c r="C94" s="16">
        <v>20</v>
      </c>
      <c r="D94" s="17">
        <v>34</v>
      </c>
    </row>
    <row r="95" spans="1:4" ht="18" customHeight="1" x14ac:dyDescent="0.2">
      <c r="A95" s="14">
        <v>74</v>
      </c>
      <c r="B95" s="15">
        <v>13</v>
      </c>
      <c r="C95" s="16">
        <v>15</v>
      </c>
      <c r="D95" s="17">
        <v>28</v>
      </c>
    </row>
    <row r="96" spans="1:4" ht="18" customHeight="1" x14ac:dyDescent="0.2">
      <c r="A96" s="18" t="s">
        <v>82</v>
      </c>
      <c r="B96" s="15">
        <v>71</v>
      </c>
      <c r="C96" s="16">
        <v>88</v>
      </c>
      <c r="D96" s="17">
        <v>159</v>
      </c>
    </row>
    <row r="97" spans="1:4" ht="18" customHeight="1" x14ac:dyDescent="0.2">
      <c r="A97" s="14">
        <v>75</v>
      </c>
      <c r="B97" s="15">
        <v>10</v>
      </c>
      <c r="C97" s="16">
        <v>17</v>
      </c>
      <c r="D97" s="17">
        <v>27</v>
      </c>
    </row>
    <row r="98" spans="1:4" ht="18" customHeight="1" x14ac:dyDescent="0.2">
      <c r="A98" s="14">
        <v>76</v>
      </c>
      <c r="B98" s="15">
        <v>17</v>
      </c>
      <c r="C98" s="16">
        <v>21</v>
      </c>
      <c r="D98" s="17">
        <v>38</v>
      </c>
    </row>
    <row r="99" spans="1:4" ht="18" customHeight="1" x14ac:dyDescent="0.2">
      <c r="A99" s="14">
        <v>77</v>
      </c>
      <c r="B99" s="15">
        <v>10</v>
      </c>
      <c r="C99" s="16">
        <v>18</v>
      </c>
      <c r="D99" s="17">
        <v>28</v>
      </c>
    </row>
    <row r="100" spans="1:4" ht="18" customHeight="1" x14ac:dyDescent="0.2">
      <c r="A100" s="14">
        <v>78</v>
      </c>
      <c r="B100" s="15">
        <v>23</v>
      </c>
      <c r="C100" s="16">
        <v>17</v>
      </c>
      <c r="D100" s="17">
        <v>40</v>
      </c>
    </row>
    <row r="101" spans="1:4" ht="18" customHeight="1" x14ac:dyDescent="0.2">
      <c r="A101" s="14">
        <v>79</v>
      </c>
      <c r="B101" s="15">
        <v>10</v>
      </c>
      <c r="C101" s="16">
        <v>25</v>
      </c>
      <c r="D101" s="17">
        <v>35</v>
      </c>
    </row>
    <row r="102" spans="1:4" ht="18" customHeight="1" x14ac:dyDescent="0.2">
      <c r="A102" s="18" t="s">
        <v>83</v>
      </c>
      <c r="B102" s="15">
        <v>70</v>
      </c>
      <c r="C102" s="16">
        <v>98</v>
      </c>
      <c r="D102" s="17">
        <v>168</v>
      </c>
    </row>
    <row r="103" spans="1:4" ht="18" customHeight="1" x14ac:dyDescent="0.2">
      <c r="A103" s="14">
        <v>80</v>
      </c>
      <c r="B103" s="15">
        <v>17</v>
      </c>
      <c r="C103" s="16">
        <v>15</v>
      </c>
      <c r="D103" s="17">
        <v>32</v>
      </c>
    </row>
    <row r="104" spans="1:4" ht="18" customHeight="1" x14ac:dyDescent="0.2">
      <c r="A104" s="14">
        <v>81</v>
      </c>
      <c r="B104" s="15">
        <v>9</v>
      </c>
      <c r="C104" s="16">
        <v>23</v>
      </c>
      <c r="D104" s="17">
        <v>32</v>
      </c>
    </row>
    <row r="105" spans="1:4" ht="18" customHeight="1" x14ac:dyDescent="0.2">
      <c r="A105" s="14">
        <v>82</v>
      </c>
      <c r="B105" s="15">
        <v>14</v>
      </c>
      <c r="C105" s="16">
        <v>20</v>
      </c>
      <c r="D105" s="17">
        <v>34</v>
      </c>
    </row>
    <row r="106" spans="1:4" ht="18" customHeight="1" x14ac:dyDescent="0.2">
      <c r="A106" s="14">
        <v>83</v>
      </c>
      <c r="B106" s="15">
        <v>7</v>
      </c>
      <c r="C106" s="16">
        <v>17</v>
      </c>
      <c r="D106" s="17">
        <v>24</v>
      </c>
    </row>
    <row r="107" spans="1:4" ht="18" customHeight="1" x14ac:dyDescent="0.2">
      <c r="A107" s="14">
        <v>84</v>
      </c>
      <c r="B107" s="15">
        <v>4</v>
      </c>
      <c r="C107" s="16">
        <v>21</v>
      </c>
      <c r="D107" s="17">
        <v>25</v>
      </c>
    </row>
    <row r="108" spans="1:4" ht="18" customHeight="1" x14ac:dyDescent="0.2">
      <c r="A108" s="18" t="s">
        <v>84</v>
      </c>
      <c r="B108" s="15">
        <v>51</v>
      </c>
      <c r="C108" s="16">
        <v>96</v>
      </c>
      <c r="D108" s="17">
        <v>147</v>
      </c>
    </row>
    <row r="109" spans="1:4" ht="18" customHeight="1" x14ac:dyDescent="0.2">
      <c r="A109" s="14">
        <v>85</v>
      </c>
      <c r="B109" s="15">
        <v>5</v>
      </c>
      <c r="C109" s="16">
        <v>15</v>
      </c>
      <c r="D109" s="17">
        <v>20</v>
      </c>
    </row>
    <row r="110" spans="1:4" ht="18" customHeight="1" x14ac:dyDescent="0.2">
      <c r="A110" s="14">
        <v>86</v>
      </c>
      <c r="B110" s="15">
        <v>2</v>
      </c>
      <c r="C110" s="16">
        <v>12</v>
      </c>
      <c r="D110" s="17">
        <v>14</v>
      </c>
    </row>
    <row r="111" spans="1:4" ht="18" customHeight="1" x14ac:dyDescent="0.2">
      <c r="A111" s="14">
        <v>87</v>
      </c>
      <c r="B111" s="15">
        <v>3</v>
      </c>
      <c r="C111" s="16">
        <v>12</v>
      </c>
      <c r="D111" s="17">
        <v>15</v>
      </c>
    </row>
    <row r="112" spans="1:4" ht="18" customHeight="1" x14ac:dyDescent="0.2">
      <c r="A112" s="14">
        <v>88</v>
      </c>
      <c r="B112" s="15">
        <v>4</v>
      </c>
      <c r="C112" s="16">
        <v>11</v>
      </c>
      <c r="D112" s="17">
        <v>15</v>
      </c>
    </row>
    <row r="113" spans="1:4" ht="18" customHeight="1" x14ac:dyDescent="0.2">
      <c r="A113" s="14">
        <v>89</v>
      </c>
      <c r="B113" s="15">
        <v>3</v>
      </c>
      <c r="C113" s="16">
        <v>8</v>
      </c>
      <c r="D113" s="17">
        <v>11</v>
      </c>
    </row>
    <row r="114" spans="1:4" ht="18" customHeight="1" x14ac:dyDescent="0.2">
      <c r="A114" s="18" t="s">
        <v>85</v>
      </c>
      <c r="B114" s="15">
        <v>17</v>
      </c>
      <c r="C114" s="16">
        <v>58</v>
      </c>
      <c r="D114" s="17">
        <v>75</v>
      </c>
    </row>
    <row r="115" spans="1:4" ht="18" customHeight="1" x14ac:dyDescent="0.2">
      <c r="A115" s="14">
        <v>90</v>
      </c>
      <c r="B115" s="15">
        <v>3</v>
      </c>
      <c r="C115" s="16">
        <v>5</v>
      </c>
      <c r="D115" s="17">
        <v>8</v>
      </c>
    </row>
    <row r="116" spans="1:4" ht="18" customHeight="1" x14ac:dyDescent="0.2">
      <c r="A116" s="14">
        <v>91</v>
      </c>
      <c r="B116" s="15">
        <v>2</v>
      </c>
      <c r="C116" s="16">
        <v>6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2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9</v>
      </c>
      <c r="D118" s="17">
        <v>9</v>
      </c>
    </row>
    <row r="119" spans="1:4" ht="18" customHeight="1" x14ac:dyDescent="0.2">
      <c r="A119" s="14">
        <v>94</v>
      </c>
      <c r="B119" s="15">
        <v>1</v>
      </c>
      <c r="C119" s="16">
        <v>2</v>
      </c>
      <c r="D119" s="17">
        <v>3</v>
      </c>
    </row>
    <row r="120" spans="1:4" ht="18" customHeight="1" x14ac:dyDescent="0.2">
      <c r="A120" s="18" t="s">
        <v>86</v>
      </c>
      <c r="B120" s="15">
        <v>8</v>
      </c>
      <c r="C120" s="16">
        <v>24</v>
      </c>
      <c r="D120" s="17">
        <v>32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1</v>
      </c>
      <c r="C126" s="16">
        <v>12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320</v>
      </c>
      <c r="C130" s="5">
        <v>484</v>
      </c>
      <c r="D130" s="6">
        <v>804</v>
      </c>
    </row>
    <row r="131" spans="1:4" ht="18" customHeight="1" x14ac:dyDescent="0.2">
      <c r="A131" s="20" t="s">
        <v>65</v>
      </c>
      <c r="B131" s="7">
        <v>1270</v>
      </c>
      <c r="C131" s="8">
        <v>1408</v>
      </c>
      <c r="D131" s="9">
        <v>267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36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2</v>
      </c>
      <c r="C5" s="12">
        <v>7</v>
      </c>
      <c r="D5" s="13">
        <v>19</v>
      </c>
    </row>
    <row r="6" spans="1:4" ht="18" customHeight="1" x14ac:dyDescent="0.2">
      <c r="A6" s="14">
        <v>1</v>
      </c>
      <c r="B6" s="15">
        <v>6</v>
      </c>
      <c r="C6" s="16">
        <v>14</v>
      </c>
      <c r="D6" s="17">
        <v>20</v>
      </c>
    </row>
    <row r="7" spans="1:4" ht="18" customHeight="1" x14ac:dyDescent="0.2">
      <c r="A7" s="14">
        <v>2</v>
      </c>
      <c r="B7" s="15">
        <v>9</v>
      </c>
      <c r="C7" s="16">
        <v>9</v>
      </c>
      <c r="D7" s="17">
        <v>18</v>
      </c>
    </row>
    <row r="8" spans="1:4" ht="18" customHeight="1" x14ac:dyDescent="0.2">
      <c r="A8" s="14">
        <v>3</v>
      </c>
      <c r="B8" s="15">
        <v>12</v>
      </c>
      <c r="C8" s="16">
        <v>7</v>
      </c>
      <c r="D8" s="17">
        <v>19</v>
      </c>
    </row>
    <row r="9" spans="1:4" ht="18" customHeight="1" x14ac:dyDescent="0.2">
      <c r="A9" s="14">
        <v>4</v>
      </c>
      <c r="B9" s="15">
        <v>8</v>
      </c>
      <c r="C9" s="16">
        <v>18</v>
      </c>
      <c r="D9" s="17">
        <v>26</v>
      </c>
    </row>
    <row r="10" spans="1:4" ht="18" customHeight="1" x14ac:dyDescent="0.2">
      <c r="A10" s="18" t="s">
        <v>66</v>
      </c>
      <c r="B10" s="15">
        <v>47</v>
      </c>
      <c r="C10" s="16">
        <v>55</v>
      </c>
      <c r="D10" s="17">
        <v>102</v>
      </c>
    </row>
    <row r="11" spans="1:4" ht="18" customHeight="1" x14ac:dyDescent="0.2">
      <c r="A11" s="14">
        <v>5</v>
      </c>
      <c r="B11" s="15">
        <v>14</v>
      </c>
      <c r="C11" s="16">
        <v>15</v>
      </c>
      <c r="D11" s="17">
        <v>29</v>
      </c>
    </row>
    <row r="12" spans="1:4" ht="18" customHeight="1" x14ac:dyDescent="0.2">
      <c r="A12" s="14">
        <v>6</v>
      </c>
      <c r="B12" s="15">
        <v>11</v>
      </c>
      <c r="C12" s="16">
        <v>11</v>
      </c>
      <c r="D12" s="17">
        <v>22</v>
      </c>
    </row>
    <row r="13" spans="1:4" ht="18" customHeight="1" x14ac:dyDescent="0.2">
      <c r="A13" s="14">
        <v>7</v>
      </c>
      <c r="B13" s="15">
        <v>15</v>
      </c>
      <c r="C13" s="16">
        <v>21</v>
      </c>
      <c r="D13" s="17">
        <v>36</v>
      </c>
    </row>
    <row r="14" spans="1:4" ht="18" customHeight="1" x14ac:dyDescent="0.2">
      <c r="A14" s="14">
        <v>8</v>
      </c>
      <c r="B14" s="15">
        <v>13</v>
      </c>
      <c r="C14" s="16">
        <v>12</v>
      </c>
      <c r="D14" s="17">
        <v>25</v>
      </c>
    </row>
    <row r="15" spans="1:4" ht="18" customHeight="1" x14ac:dyDescent="0.2">
      <c r="A15" s="14">
        <v>9</v>
      </c>
      <c r="B15" s="15">
        <v>20</v>
      </c>
      <c r="C15" s="16">
        <v>16</v>
      </c>
      <c r="D15" s="17">
        <v>36</v>
      </c>
    </row>
    <row r="16" spans="1:4" ht="18" customHeight="1" x14ac:dyDescent="0.2">
      <c r="A16" s="18" t="s">
        <v>67</v>
      </c>
      <c r="B16" s="15">
        <v>73</v>
      </c>
      <c r="C16" s="16">
        <v>75</v>
      </c>
      <c r="D16" s="17">
        <v>148</v>
      </c>
    </row>
    <row r="17" spans="1:4" ht="18" customHeight="1" x14ac:dyDescent="0.2">
      <c r="A17" s="14">
        <v>10</v>
      </c>
      <c r="B17" s="15">
        <v>16</v>
      </c>
      <c r="C17" s="16">
        <v>13</v>
      </c>
      <c r="D17" s="17">
        <v>29</v>
      </c>
    </row>
    <row r="18" spans="1:4" ht="18" customHeight="1" x14ac:dyDescent="0.2">
      <c r="A18" s="14">
        <v>11</v>
      </c>
      <c r="B18" s="15">
        <v>15</v>
      </c>
      <c r="C18" s="16">
        <v>12</v>
      </c>
      <c r="D18" s="17">
        <v>27</v>
      </c>
    </row>
    <row r="19" spans="1:4" ht="18" customHeight="1" x14ac:dyDescent="0.2">
      <c r="A19" s="14">
        <v>12</v>
      </c>
      <c r="B19" s="15">
        <v>20</v>
      </c>
      <c r="C19" s="16">
        <v>7</v>
      </c>
      <c r="D19" s="17">
        <v>27</v>
      </c>
    </row>
    <row r="20" spans="1:4" ht="18" customHeight="1" x14ac:dyDescent="0.2">
      <c r="A20" s="14">
        <v>13</v>
      </c>
      <c r="B20" s="15">
        <v>12</v>
      </c>
      <c r="C20" s="16">
        <v>10</v>
      </c>
      <c r="D20" s="17">
        <v>22</v>
      </c>
    </row>
    <row r="21" spans="1:4" ht="18" customHeight="1" x14ac:dyDescent="0.2">
      <c r="A21" s="14">
        <v>14</v>
      </c>
      <c r="B21" s="15">
        <v>21</v>
      </c>
      <c r="C21" s="16">
        <v>10</v>
      </c>
      <c r="D21" s="17">
        <v>31</v>
      </c>
    </row>
    <row r="22" spans="1:4" ht="18" customHeight="1" x14ac:dyDescent="0.2">
      <c r="A22" s="18" t="s">
        <v>68</v>
      </c>
      <c r="B22" s="15">
        <v>84</v>
      </c>
      <c r="C22" s="16">
        <v>52</v>
      </c>
      <c r="D22" s="17">
        <v>136</v>
      </c>
    </row>
    <row r="23" spans="1:4" ht="18" customHeight="1" x14ac:dyDescent="0.2">
      <c r="A23" s="18" t="s">
        <v>69</v>
      </c>
      <c r="B23" s="15">
        <v>204</v>
      </c>
      <c r="C23" s="16">
        <v>182</v>
      </c>
      <c r="D23" s="17">
        <v>386</v>
      </c>
    </row>
    <row r="24" spans="1:4" ht="18" customHeight="1" x14ac:dyDescent="0.2">
      <c r="A24" s="14">
        <v>15</v>
      </c>
      <c r="B24" s="15">
        <v>13</v>
      </c>
      <c r="C24" s="16">
        <v>12</v>
      </c>
      <c r="D24" s="17">
        <v>25</v>
      </c>
    </row>
    <row r="25" spans="1:4" ht="18" customHeight="1" x14ac:dyDescent="0.2">
      <c r="A25" s="14">
        <v>16</v>
      </c>
      <c r="B25" s="15">
        <v>19</v>
      </c>
      <c r="C25" s="16">
        <v>14</v>
      </c>
      <c r="D25" s="17">
        <v>33</v>
      </c>
    </row>
    <row r="26" spans="1:4" ht="18" customHeight="1" x14ac:dyDescent="0.2">
      <c r="A26" s="14">
        <v>17</v>
      </c>
      <c r="B26" s="15">
        <v>18</v>
      </c>
      <c r="C26" s="16">
        <v>16</v>
      </c>
      <c r="D26" s="17">
        <v>34</v>
      </c>
    </row>
    <row r="27" spans="1:4" ht="18" customHeight="1" x14ac:dyDescent="0.2">
      <c r="A27" s="14">
        <v>18</v>
      </c>
      <c r="B27" s="15">
        <v>16</v>
      </c>
      <c r="C27" s="16">
        <v>14</v>
      </c>
      <c r="D27" s="17">
        <v>30</v>
      </c>
    </row>
    <row r="28" spans="1:4" ht="18" customHeight="1" x14ac:dyDescent="0.2">
      <c r="A28" s="14">
        <v>19</v>
      </c>
      <c r="B28" s="15">
        <v>25</v>
      </c>
      <c r="C28" s="16">
        <v>24</v>
      </c>
      <c r="D28" s="17">
        <v>49</v>
      </c>
    </row>
    <row r="29" spans="1:4" ht="18" customHeight="1" x14ac:dyDescent="0.2">
      <c r="A29" s="18" t="s">
        <v>70</v>
      </c>
      <c r="B29" s="15">
        <v>91</v>
      </c>
      <c r="C29" s="16">
        <v>80</v>
      </c>
      <c r="D29" s="17">
        <v>171</v>
      </c>
    </row>
    <row r="30" spans="1:4" ht="18" customHeight="1" x14ac:dyDescent="0.2">
      <c r="A30" s="14">
        <v>20</v>
      </c>
      <c r="B30" s="15">
        <v>17</v>
      </c>
      <c r="C30" s="16">
        <v>17</v>
      </c>
      <c r="D30" s="17">
        <v>34</v>
      </c>
    </row>
    <row r="31" spans="1:4" ht="18" customHeight="1" x14ac:dyDescent="0.2">
      <c r="A31" s="14">
        <v>21</v>
      </c>
      <c r="B31" s="15">
        <v>18</v>
      </c>
      <c r="C31" s="16">
        <v>14</v>
      </c>
      <c r="D31" s="17">
        <v>32</v>
      </c>
    </row>
    <row r="32" spans="1:4" ht="18" customHeight="1" x14ac:dyDescent="0.2">
      <c r="A32" s="14">
        <v>22</v>
      </c>
      <c r="B32" s="15">
        <v>19</v>
      </c>
      <c r="C32" s="16">
        <v>19</v>
      </c>
      <c r="D32" s="17">
        <v>38</v>
      </c>
    </row>
    <row r="33" spans="1:4" ht="18" customHeight="1" x14ac:dyDescent="0.2">
      <c r="A33" s="14">
        <v>23</v>
      </c>
      <c r="B33" s="15">
        <v>15</v>
      </c>
      <c r="C33" s="16">
        <v>19</v>
      </c>
      <c r="D33" s="17">
        <v>34</v>
      </c>
    </row>
    <row r="34" spans="1:4" ht="18" customHeight="1" x14ac:dyDescent="0.2">
      <c r="A34" s="14">
        <v>24</v>
      </c>
      <c r="B34" s="15">
        <v>16</v>
      </c>
      <c r="C34" s="16">
        <v>16</v>
      </c>
      <c r="D34" s="17">
        <v>32</v>
      </c>
    </row>
    <row r="35" spans="1:4" ht="18" customHeight="1" x14ac:dyDescent="0.2">
      <c r="A35" s="18" t="s">
        <v>71</v>
      </c>
      <c r="B35" s="15">
        <v>85</v>
      </c>
      <c r="C35" s="16">
        <v>85</v>
      </c>
      <c r="D35" s="17">
        <v>170</v>
      </c>
    </row>
    <row r="36" spans="1:4" ht="18" customHeight="1" x14ac:dyDescent="0.2">
      <c r="A36" s="14">
        <v>25</v>
      </c>
      <c r="B36" s="15">
        <v>16</v>
      </c>
      <c r="C36" s="16">
        <v>13</v>
      </c>
      <c r="D36" s="17">
        <v>29</v>
      </c>
    </row>
    <row r="37" spans="1:4" ht="18" customHeight="1" x14ac:dyDescent="0.2">
      <c r="A37" s="14">
        <v>26</v>
      </c>
      <c r="B37" s="15">
        <v>17</v>
      </c>
      <c r="C37" s="16">
        <v>15</v>
      </c>
      <c r="D37" s="17">
        <v>32</v>
      </c>
    </row>
    <row r="38" spans="1:4" ht="18" customHeight="1" x14ac:dyDescent="0.2">
      <c r="A38" s="14">
        <v>27</v>
      </c>
      <c r="B38" s="15">
        <v>15</v>
      </c>
      <c r="C38" s="16">
        <v>10</v>
      </c>
      <c r="D38" s="17">
        <v>25</v>
      </c>
    </row>
    <row r="39" spans="1:4" ht="18" customHeight="1" x14ac:dyDescent="0.2">
      <c r="A39" s="14">
        <v>28</v>
      </c>
      <c r="B39" s="15">
        <v>20</v>
      </c>
      <c r="C39" s="16">
        <v>15</v>
      </c>
      <c r="D39" s="17">
        <v>35</v>
      </c>
    </row>
    <row r="40" spans="1:4" ht="18" customHeight="1" x14ac:dyDescent="0.2">
      <c r="A40" s="14">
        <v>29</v>
      </c>
      <c r="B40" s="15">
        <v>16</v>
      </c>
      <c r="C40" s="16">
        <v>15</v>
      </c>
      <c r="D40" s="17">
        <v>31</v>
      </c>
    </row>
    <row r="41" spans="1:4" ht="18" customHeight="1" x14ac:dyDescent="0.2">
      <c r="A41" s="18" t="s">
        <v>72</v>
      </c>
      <c r="B41" s="15">
        <v>84</v>
      </c>
      <c r="C41" s="16">
        <v>68</v>
      </c>
      <c r="D41" s="17">
        <v>152</v>
      </c>
    </row>
    <row r="42" spans="1:4" ht="18" customHeight="1" x14ac:dyDescent="0.2">
      <c r="A42" s="14">
        <v>30</v>
      </c>
      <c r="B42" s="15">
        <v>13</v>
      </c>
      <c r="C42" s="16">
        <v>14</v>
      </c>
      <c r="D42" s="17">
        <v>27</v>
      </c>
    </row>
    <row r="43" spans="1:4" ht="18" customHeight="1" x14ac:dyDescent="0.2">
      <c r="A43" s="14">
        <v>31</v>
      </c>
      <c r="B43" s="15">
        <v>16</v>
      </c>
      <c r="C43" s="16">
        <v>16</v>
      </c>
      <c r="D43" s="17">
        <v>32</v>
      </c>
    </row>
    <row r="44" spans="1:4" ht="18" customHeight="1" x14ac:dyDescent="0.2">
      <c r="A44" s="14">
        <v>32</v>
      </c>
      <c r="B44" s="15">
        <v>22</v>
      </c>
      <c r="C44" s="16">
        <v>22</v>
      </c>
      <c r="D44" s="17">
        <v>44</v>
      </c>
    </row>
    <row r="45" spans="1:4" ht="18" customHeight="1" x14ac:dyDescent="0.2">
      <c r="A45" s="14">
        <v>33</v>
      </c>
      <c r="B45" s="15">
        <v>18</v>
      </c>
      <c r="C45" s="16">
        <v>15</v>
      </c>
      <c r="D45" s="17">
        <v>33</v>
      </c>
    </row>
    <row r="46" spans="1:4" ht="18" customHeight="1" x14ac:dyDescent="0.2">
      <c r="A46" s="14">
        <v>34</v>
      </c>
      <c r="B46" s="15">
        <v>16</v>
      </c>
      <c r="C46" s="16">
        <v>22</v>
      </c>
      <c r="D46" s="17">
        <v>38</v>
      </c>
    </row>
    <row r="47" spans="1:4" ht="18" customHeight="1" x14ac:dyDescent="0.2">
      <c r="A47" s="18" t="s">
        <v>73</v>
      </c>
      <c r="B47" s="15">
        <v>85</v>
      </c>
      <c r="C47" s="16">
        <v>89</v>
      </c>
      <c r="D47" s="17">
        <v>174</v>
      </c>
    </row>
    <row r="48" spans="1:4" ht="18" customHeight="1" x14ac:dyDescent="0.2">
      <c r="A48" s="14">
        <v>35</v>
      </c>
      <c r="B48" s="15">
        <v>25</v>
      </c>
      <c r="C48" s="16">
        <v>21</v>
      </c>
      <c r="D48" s="17">
        <v>46</v>
      </c>
    </row>
    <row r="49" spans="1:4" ht="18" customHeight="1" x14ac:dyDescent="0.2">
      <c r="A49" s="14">
        <v>36</v>
      </c>
      <c r="B49" s="15">
        <v>28</v>
      </c>
      <c r="C49" s="16">
        <v>20</v>
      </c>
      <c r="D49" s="17">
        <v>48</v>
      </c>
    </row>
    <row r="50" spans="1:4" ht="18" customHeight="1" x14ac:dyDescent="0.2">
      <c r="A50" s="14">
        <v>37</v>
      </c>
      <c r="B50" s="15">
        <v>18</v>
      </c>
      <c r="C50" s="16">
        <v>27</v>
      </c>
      <c r="D50" s="17">
        <v>45</v>
      </c>
    </row>
    <row r="51" spans="1:4" ht="18" customHeight="1" x14ac:dyDescent="0.2">
      <c r="A51" s="14">
        <v>38</v>
      </c>
      <c r="B51" s="15">
        <v>15</v>
      </c>
      <c r="C51" s="16">
        <v>25</v>
      </c>
      <c r="D51" s="17">
        <v>40</v>
      </c>
    </row>
    <row r="52" spans="1:4" ht="18" customHeight="1" x14ac:dyDescent="0.2">
      <c r="A52" s="14">
        <v>39</v>
      </c>
      <c r="B52" s="15">
        <v>24</v>
      </c>
      <c r="C52" s="16">
        <v>9</v>
      </c>
      <c r="D52" s="17">
        <v>33</v>
      </c>
    </row>
    <row r="53" spans="1:4" ht="18" customHeight="1" x14ac:dyDescent="0.2">
      <c r="A53" s="18" t="s">
        <v>74</v>
      </c>
      <c r="B53" s="15">
        <v>110</v>
      </c>
      <c r="C53" s="16">
        <v>102</v>
      </c>
      <c r="D53" s="17">
        <v>212</v>
      </c>
    </row>
    <row r="54" spans="1:4" ht="18" customHeight="1" x14ac:dyDescent="0.2">
      <c r="A54" s="14">
        <v>40</v>
      </c>
      <c r="B54" s="15">
        <v>22</v>
      </c>
      <c r="C54" s="16">
        <v>22</v>
      </c>
      <c r="D54" s="17">
        <v>44</v>
      </c>
    </row>
    <row r="55" spans="1:4" ht="18" customHeight="1" x14ac:dyDescent="0.2">
      <c r="A55" s="14">
        <v>41</v>
      </c>
      <c r="B55" s="15">
        <v>25</v>
      </c>
      <c r="C55" s="16">
        <v>20</v>
      </c>
      <c r="D55" s="17">
        <v>45</v>
      </c>
    </row>
    <row r="56" spans="1:4" ht="18" customHeight="1" x14ac:dyDescent="0.2">
      <c r="A56" s="14">
        <v>42</v>
      </c>
      <c r="B56" s="15">
        <v>26</v>
      </c>
      <c r="C56" s="16">
        <v>18</v>
      </c>
      <c r="D56" s="17">
        <v>44</v>
      </c>
    </row>
    <row r="57" spans="1:4" ht="18" customHeight="1" x14ac:dyDescent="0.2">
      <c r="A57" s="14">
        <v>43</v>
      </c>
      <c r="B57" s="15">
        <v>16</v>
      </c>
      <c r="C57" s="16">
        <v>18</v>
      </c>
      <c r="D57" s="17">
        <v>34</v>
      </c>
    </row>
    <row r="58" spans="1:4" ht="18" customHeight="1" x14ac:dyDescent="0.2">
      <c r="A58" s="14">
        <v>44</v>
      </c>
      <c r="B58" s="15">
        <v>20</v>
      </c>
      <c r="C58" s="16">
        <v>16</v>
      </c>
      <c r="D58" s="17">
        <v>36</v>
      </c>
    </row>
    <row r="59" spans="1:4" ht="18" customHeight="1" x14ac:dyDescent="0.2">
      <c r="A59" s="18" t="s">
        <v>75</v>
      </c>
      <c r="B59" s="15">
        <v>109</v>
      </c>
      <c r="C59" s="16">
        <v>94</v>
      </c>
      <c r="D59" s="17">
        <v>203</v>
      </c>
    </row>
    <row r="60" spans="1:4" ht="18" customHeight="1" x14ac:dyDescent="0.2">
      <c r="A60" s="14">
        <v>45</v>
      </c>
      <c r="B60" s="15">
        <v>20</v>
      </c>
      <c r="C60" s="16">
        <v>19</v>
      </c>
      <c r="D60" s="17">
        <v>39</v>
      </c>
    </row>
    <row r="61" spans="1:4" ht="18" customHeight="1" x14ac:dyDescent="0.2">
      <c r="A61" s="14">
        <v>46</v>
      </c>
      <c r="B61" s="15">
        <v>14</v>
      </c>
      <c r="C61" s="16">
        <v>28</v>
      </c>
      <c r="D61" s="17">
        <v>42</v>
      </c>
    </row>
    <row r="62" spans="1:4" ht="18" customHeight="1" x14ac:dyDescent="0.2">
      <c r="A62" s="14">
        <v>47</v>
      </c>
      <c r="B62" s="15">
        <v>20</v>
      </c>
      <c r="C62" s="16">
        <v>18</v>
      </c>
      <c r="D62" s="17">
        <v>38</v>
      </c>
    </row>
    <row r="63" spans="1:4" ht="18" customHeight="1" x14ac:dyDescent="0.2">
      <c r="A63" s="14">
        <v>48</v>
      </c>
      <c r="B63" s="15">
        <v>20</v>
      </c>
      <c r="C63" s="16">
        <v>22</v>
      </c>
      <c r="D63" s="17">
        <v>42</v>
      </c>
    </row>
    <row r="64" spans="1:4" ht="18" customHeight="1" x14ac:dyDescent="0.2">
      <c r="A64" s="14">
        <v>49</v>
      </c>
      <c r="B64" s="15">
        <v>20</v>
      </c>
      <c r="C64" s="16">
        <v>24</v>
      </c>
      <c r="D64" s="17">
        <v>44</v>
      </c>
    </row>
    <row r="65" spans="1:4" ht="18" customHeight="1" x14ac:dyDescent="0.2">
      <c r="A65" s="18" t="s">
        <v>76</v>
      </c>
      <c r="B65" s="15">
        <v>94</v>
      </c>
      <c r="C65" s="16">
        <v>111</v>
      </c>
      <c r="D65" s="17">
        <v>205</v>
      </c>
    </row>
    <row r="66" spans="1:4" ht="18" customHeight="1" x14ac:dyDescent="0.2">
      <c r="A66" s="14">
        <v>50</v>
      </c>
      <c r="B66" s="15">
        <v>13</v>
      </c>
      <c r="C66" s="16">
        <v>16</v>
      </c>
      <c r="D66" s="17">
        <v>29</v>
      </c>
    </row>
    <row r="67" spans="1:4" ht="18" customHeight="1" x14ac:dyDescent="0.2">
      <c r="A67" s="14">
        <v>51</v>
      </c>
      <c r="B67" s="15">
        <v>18</v>
      </c>
      <c r="C67" s="16">
        <v>23</v>
      </c>
      <c r="D67" s="17">
        <v>41</v>
      </c>
    </row>
    <row r="68" spans="1:4" ht="18" customHeight="1" x14ac:dyDescent="0.2">
      <c r="A68" s="14">
        <v>52</v>
      </c>
      <c r="B68" s="15">
        <v>28</v>
      </c>
      <c r="C68" s="16">
        <v>23</v>
      </c>
      <c r="D68" s="17">
        <v>51</v>
      </c>
    </row>
    <row r="69" spans="1:4" ht="18" customHeight="1" x14ac:dyDescent="0.2">
      <c r="A69" s="14">
        <v>53</v>
      </c>
      <c r="B69" s="15">
        <v>30</v>
      </c>
      <c r="C69" s="16">
        <v>27</v>
      </c>
      <c r="D69" s="17">
        <v>57</v>
      </c>
    </row>
    <row r="70" spans="1:4" ht="18" customHeight="1" x14ac:dyDescent="0.2">
      <c r="A70" s="14">
        <v>54</v>
      </c>
      <c r="B70" s="15">
        <v>16</v>
      </c>
      <c r="C70" s="16">
        <v>24</v>
      </c>
      <c r="D70" s="17">
        <v>40</v>
      </c>
    </row>
    <row r="71" spans="1:4" ht="18" customHeight="1" x14ac:dyDescent="0.2">
      <c r="A71" s="18" t="s">
        <v>77</v>
      </c>
      <c r="B71" s="15">
        <v>105</v>
      </c>
      <c r="C71" s="16">
        <v>113</v>
      </c>
      <c r="D71" s="17">
        <v>218</v>
      </c>
    </row>
    <row r="72" spans="1:4" ht="18" customHeight="1" x14ac:dyDescent="0.2">
      <c r="A72" s="14">
        <v>55</v>
      </c>
      <c r="B72" s="15">
        <v>32</v>
      </c>
      <c r="C72" s="16">
        <v>27</v>
      </c>
      <c r="D72" s="17">
        <v>59</v>
      </c>
    </row>
    <row r="73" spans="1:4" ht="18" customHeight="1" x14ac:dyDescent="0.2">
      <c r="A73" s="14">
        <v>56</v>
      </c>
      <c r="B73" s="15">
        <v>31</v>
      </c>
      <c r="C73" s="16">
        <v>32</v>
      </c>
      <c r="D73" s="17">
        <v>63</v>
      </c>
    </row>
    <row r="74" spans="1:4" ht="18" customHeight="1" x14ac:dyDescent="0.2">
      <c r="A74" s="14">
        <v>57</v>
      </c>
      <c r="B74" s="15">
        <v>34</v>
      </c>
      <c r="C74" s="16">
        <v>23</v>
      </c>
      <c r="D74" s="17">
        <v>57</v>
      </c>
    </row>
    <row r="75" spans="1:4" ht="18" customHeight="1" x14ac:dyDescent="0.2">
      <c r="A75" s="14">
        <v>58</v>
      </c>
      <c r="B75" s="15">
        <v>32</v>
      </c>
      <c r="C75" s="16">
        <v>19</v>
      </c>
      <c r="D75" s="17">
        <v>51</v>
      </c>
    </row>
    <row r="76" spans="1:4" ht="18" customHeight="1" x14ac:dyDescent="0.2">
      <c r="A76" s="14">
        <v>59</v>
      </c>
      <c r="B76" s="15">
        <v>28</v>
      </c>
      <c r="C76" s="16">
        <v>21</v>
      </c>
      <c r="D76" s="17">
        <v>49</v>
      </c>
    </row>
    <row r="77" spans="1:4" ht="18" customHeight="1" x14ac:dyDescent="0.2">
      <c r="A77" s="18" t="s">
        <v>78</v>
      </c>
      <c r="B77" s="15">
        <v>157</v>
      </c>
      <c r="C77" s="16">
        <v>122</v>
      </c>
      <c r="D77" s="17">
        <v>279</v>
      </c>
    </row>
    <row r="78" spans="1:4" ht="18" customHeight="1" x14ac:dyDescent="0.2">
      <c r="A78" s="14">
        <v>60</v>
      </c>
      <c r="B78" s="15">
        <v>30</v>
      </c>
      <c r="C78" s="16">
        <v>39</v>
      </c>
      <c r="D78" s="17">
        <v>69</v>
      </c>
    </row>
    <row r="79" spans="1:4" ht="18" customHeight="1" x14ac:dyDescent="0.2">
      <c r="A79" s="14">
        <v>61</v>
      </c>
      <c r="B79" s="15">
        <v>39</v>
      </c>
      <c r="C79" s="16">
        <v>28</v>
      </c>
      <c r="D79" s="17">
        <v>67</v>
      </c>
    </row>
    <row r="80" spans="1:4" ht="18" customHeight="1" x14ac:dyDescent="0.2">
      <c r="A80" s="14">
        <v>62</v>
      </c>
      <c r="B80" s="15">
        <v>43</v>
      </c>
      <c r="C80" s="16">
        <v>39</v>
      </c>
      <c r="D80" s="17">
        <v>82</v>
      </c>
    </row>
    <row r="81" spans="1:4" ht="18" customHeight="1" x14ac:dyDescent="0.2">
      <c r="A81" s="14">
        <v>63</v>
      </c>
      <c r="B81" s="15">
        <v>18</v>
      </c>
      <c r="C81" s="16">
        <v>15</v>
      </c>
      <c r="D81" s="17">
        <v>33</v>
      </c>
    </row>
    <row r="82" spans="1:4" ht="18" customHeight="1" x14ac:dyDescent="0.2">
      <c r="A82" s="14">
        <v>64</v>
      </c>
      <c r="B82" s="15">
        <v>23</v>
      </c>
      <c r="C82" s="16">
        <v>24</v>
      </c>
      <c r="D82" s="17">
        <v>47</v>
      </c>
    </row>
    <row r="83" spans="1:4" ht="18" customHeight="1" x14ac:dyDescent="0.2">
      <c r="A83" s="18" t="s">
        <v>79</v>
      </c>
      <c r="B83" s="15">
        <v>153</v>
      </c>
      <c r="C83" s="16">
        <v>145</v>
      </c>
      <c r="D83" s="17">
        <v>298</v>
      </c>
    </row>
    <row r="84" spans="1:4" ht="18" customHeight="1" x14ac:dyDescent="0.2">
      <c r="A84" s="18" t="s">
        <v>80</v>
      </c>
      <c r="B84" s="15">
        <v>1073</v>
      </c>
      <c r="C84" s="16">
        <v>1009</v>
      </c>
      <c r="D84" s="17">
        <v>2082</v>
      </c>
    </row>
    <row r="85" spans="1:4" ht="18" customHeight="1" x14ac:dyDescent="0.2">
      <c r="A85" s="14">
        <v>65</v>
      </c>
      <c r="B85" s="15">
        <v>24</v>
      </c>
      <c r="C85" s="16">
        <v>27</v>
      </c>
      <c r="D85" s="17">
        <v>51</v>
      </c>
    </row>
    <row r="86" spans="1:4" ht="18" customHeight="1" x14ac:dyDescent="0.2">
      <c r="A86" s="14">
        <v>66</v>
      </c>
      <c r="B86" s="15">
        <v>17</v>
      </c>
      <c r="C86" s="16">
        <v>21</v>
      </c>
      <c r="D86" s="17">
        <v>38</v>
      </c>
    </row>
    <row r="87" spans="1:4" ht="18" customHeight="1" x14ac:dyDescent="0.2">
      <c r="A87" s="14">
        <v>67</v>
      </c>
      <c r="B87" s="15">
        <v>28</v>
      </c>
      <c r="C87" s="16">
        <v>25</v>
      </c>
      <c r="D87" s="17">
        <v>53</v>
      </c>
    </row>
    <row r="88" spans="1:4" ht="18" customHeight="1" x14ac:dyDescent="0.2">
      <c r="A88" s="14">
        <v>68</v>
      </c>
      <c r="B88" s="15">
        <v>21</v>
      </c>
      <c r="C88" s="16">
        <v>22</v>
      </c>
      <c r="D88" s="17">
        <v>43</v>
      </c>
    </row>
    <row r="89" spans="1:4" ht="18" customHeight="1" x14ac:dyDescent="0.2">
      <c r="A89" s="14">
        <v>69</v>
      </c>
      <c r="B89" s="15">
        <v>21</v>
      </c>
      <c r="C89" s="16">
        <v>14</v>
      </c>
      <c r="D89" s="17">
        <v>35</v>
      </c>
    </row>
    <row r="90" spans="1:4" ht="18" customHeight="1" x14ac:dyDescent="0.2">
      <c r="A90" s="18" t="s">
        <v>81</v>
      </c>
      <c r="B90" s="15">
        <v>111</v>
      </c>
      <c r="C90" s="16">
        <v>109</v>
      </c>
      <c r="D90" s="17">
        <v>220</v>
      </c>
    </row>
    <row r="91" spans="1:4" ht="18" customHeight="1" x14ac:dyDescent="0.2">
      <c r="A91" s="14">
        <v>70</v>
      </c>
      <c r="B91" s="15">
        <v>16</v>
      </c>
      <c r="C91" s="16">
        <v>21</v>
      </c>
      <c r="D91" s="17">
        <v>37</v>
      </c>
    </row>
    <row r="92" spans="1:4" ht="18" customHeight="1" x14ac:dyDescent="0.2">
      <c r="A92" s="14">
        <v>71</v>
      </c>
      <c r="B92" s="15">
        <v>12</v>
      </c>
      <c r="C92" s="16">
        <v>23</v>
      </c>
      <c r="D92" s="17">
        <v>35</v>
      </c>
    </row>
    <row r="93" spans="1:4" ht="18" customHeight="1" x14ac:dyDescent="0.2">
      <c r="A93" s="14">
        <v>72</v>
      </c>
      <c r="B93" s="15">
        <v>16</v>
      </c>
      <c r="C93" s="16">
        <v>20</v>
      </c>
      <c r="D93" s="17">
        <v>36</v>
      </c>
    </row>
    <row r="94" spans="1:4" ht="18" customHeight="1" x14ac:dyDescent="0.2">
      <c r="A94" s="14">
        <v>73</v>
      </c>
      <c r="B94" s="15">
        <v>18</v>
      </c>
      <c r="C94" s="16">
        <v>18</v>
      </c>
      <c r="D94" s="17">
        <v>36</v>
      </c>
    </row>
    <row r="95" spans="1:4" ht="18" customHeight="1" x14ac:dyDescent="0.2">
      <c r="A95" s="14">
        <v>74</v>
      </c>
      <c r="B95" s="15">
        <v>17</v>
      </c>
      <c r="C95" s="16">
        <v>15</v>
      </c>
      <c r="D95" s="17">
        <v>32</v>
      </c>
    </row>
    <row r="96" spans="1:4" ht="18" customHeight="1" x14ac:dyDescent="0.2">
      <c r="A96" s="18" t="s">
        <v>82</v>
      </c>
      <c r="B96" s="15">
        <v>79</v>
      </c>
      <c r="C96" s="16">
        <v>97</v>
      </c>
      <c r="D96" s="17">
        <v>176</v>
      </c>
    </row>
    <row r="97" spans="1:4" ht="18" customHeight="1" x14ac:dyDescent="0.2">
      <c r="A97" s="14">
        <v>75</v>
      </c>
      <c r="B97" s="15">
        <v>12</v>
      </c>
      <c r="C97" s="16">
        <v>14</v>
      </c>
      <c r="D97" s="17">
        <v>26</v>
      </c>
    </row>
    <row r="98" spans="1:4" ht="18" customHeight="1" x14ac:dyDescent="0.2">
      <c r="A98" s="14">
        <v>76</v>
      </c>
      <c r="B98" s="15">
        <v>16</v>
      </c>
      <c r="C98" s="16">
        <v>15</v>
      </c>
      <c r="D98" s="17">
        <v>31</v>
      </c>
    </row>
    <row r="99" spans="1:4" ht="18" customHeight="1" x14ac:dyDescent="0.2">
      <c r="A99" s="14">
        <v>77</v>
      </c>
      <c r="B99" s="15">
        <v>8</v>
      </c>
      <c r="C99" s="16">
        <v>21</v>
      </c>
      <c r="D99" s="17">
        <v>29</v>
      </c>
    </row>
    <row r="100" spans="1:4" ht="18" customHeight="1" x14ac:dyDescent="0.2">
      <c r="A100" s="14">
        <v>78</v>
      </c>
      <c r="B100" s="15">
        <v>4</v>
      </c>
      <c r="C100" s="16">
        <v>19</v>
      </c>
      <c r="D100" s="17">
        <v>23</v>
      </c>
    </row>
    <row r="101" spans="1:4" ht="18" customHeight="1" x14ac:dyDescent="0.2">
      <c r="A101" s="14">
        <v>79</v>
      </c>
      <c r="B101" s="15">
        <v>11</v>
      </c>
      <c r="C101" s="16">
        <v>10</v>
      </c>
      <c r="D101" s="17">
        <v>21</v>
      </c>
    </row>
    <row r="102" spans="1:4" ht="18" customHeight="1" x14ac:dyDescent="0.2">
      <c r="A102" s="18" t="s">
        <v>83</v>
      </c>
      <c r="B102" s="15">
        <v>51</v>
      </c>
      <c r="C102" s="16">
        <v>79</v>
      </c>
      <c r="D102" s="17">
        <v>130</v>
      </c>
    </row>
    <row r="103" spans="1:4" ht="18" customHeight="1" x14ac:dyDescent="0.2">
      <c r="A103" s="14">
        <v>80</v>
      </c>
      <c r="B103" s="15">
        <v>7</v>
      </c>
      <c r="C103" s="16">
        <v>11</v>
      </c>
      <c r="D103" s="17">
        <v>18</v>
      </c>
    </row>
    <row r="104" spans="1:4" ht="18" customHeight="1" x14ac:dyDescent="0.2">
      <c r="A104" s="14">
        <v>81</v>
      </c>
      <c r="B104" s="15">
        <v>12</v>
      </c>
      <c r="C104" s="16">
        <v>14</v>
      </c>
      <c r="D104" s="17">
        <v>26</v>
      </c>
    </row>
    <row r="105" spans="1:4" ht="18" customHeight="1" x14ac:dyDescent="0.2">
      <c r="A105" s="14">
        <v>82</v>
      </c>
      <c r="B105" s="15">
        <v>8</v>
      </c>
      <c r="C105" s="16">
        <v>17</v>
      </c>
      <c r="D105" s="17">
        <v>25</v>
      </c>
    </row>
    <row r="106" spans="1:4" ht="18" customHeight="1" x14ac:dyDescent="0.2">
      <c r="A106" s="14">
        <v>83</v>
      </c>
      <c r="B106" s="15">
        <v>11</v>
      </c>
      <c r="C106" s="16">
        <v>15</v>
      </c>
      <c r="D106" s="17">
        <v>26</v>
      </c>
    </row>
    <row r="107" spans="1:4" ht="18" customHeight="1" x14ac:dyDescent="0.2">
      <c r="A107" s="14">
        <v>84</v>
      </c>
      <c r="B107" s="15">
        <v>10</v>
      </c>
      <c r="C107" s="16">
        <v>8</v>
      </c>
      <c r="D107" s="17">
        <v>18</v>
      </c>
    </row>
    <row r="108" spans="1:4" ht="18" customHeight="1" x14ac:dyDescent="0.2">
      <c r="A108" s="18" t="s">
        <v>84</v>
      </c>
      <c r="B108" s="15">
        <v>48</v>
      </c>
      <c r="C108" s="16">
        <v>65</v>
      </c>
      <c r="D108" s="17">
        <v>113</v>
      </c>
    </row>
    <row r="109" spans="1:4" ht="18" customHeight="1" x14ac:dyDescent="0.2">
      <c r="A109" s="14">
        <v>85</v>
      </c>
      <c r="B109" s="15">
        <v>7</v>
      </c>
      <c r="C109" s="16">
        <v>9</v>
      </c>
      <c r="D109" s="17">
        <v>16</v>
      </c>
    </row>
    <row r="110" spans="1:4" ht="18" customHeight="1" x14ac:dyDescent="0.2">
      <c r="A110" s="14">
        <v>86</v>
      </c>
      <c r="B110" s="15">
        <v>4</v>
      </c>
      <c r="C110" s="16">
        <v>18</v>
      </c>
      <c r="D110" s="17">
        <v>22</v>
      </c>
    </row>
    <row r="111" spans="1:4" ht="18" customHeight="1" x14ac:dyDescent="0.2">
      <c r="A111" s="14">
        <v>87</v>
      </c>
      <c r="B111" s="15">
        <v>3</v>
      </c>
      <c r="C111" s="16">
        <v>12</v>
      </c>
      <c r="D111" s="17">
        <v>15</v>
      </c>
    </row>
    <row r="112" spans="1:4" ht="18" customHeight="1" x14ac:dyDescent="0.2">
      <c r="A112" s="14">
        <v>88</v>
      </c>
      <c r="B112" s="15">
        <v>1</v>
      </c>
      <c r="C112" s="16">
        <v>12</v>
      </c>
      <c r="D112" s="17">
        <v>13</v>
      </c>
    </row>
    <row r="113" spans="1:4" ht="18" customHeight="1" x14ac:dyDescent="0.2">
      <c r="A113" s="14">
        <v>89</v>
      </c>
      <c r="B113" s="15">
        <v>1</v>
      </c>
      <c r="C113" s="16">
        <v>7</v>
      </c>
      <c r="D113" s="17">
        <v>8</v>
      </c>
    </row>
    <row r="114" spans="1:4" ht="18" customHeight="1" x14ac:dyDescent="0.2">
      <c r="A114" s="18" t="s">
        <v>85</v>
      </c>
      <c r="B114" s="15">
        <v>16</v>
      </c>
      <c r="C114" s="16">
        <v>58</v>
      </c>
      <c r="D114" s="17">
        <v>74</v>
      </c>
    </row>
    <row r="115" spans="1:4" ht="18" customHeight="1" x14ac:dyDescent="0.2">
      <c r="A115" s="14">
        <v>90</v>
      </c>
      <c r="B115" s="15">
        <v>1</v>
      </c>
      <c r="C115" s="16">
        <v>6</v>
      </c>
      <c r="D115" s="17">
        <v>7</v>
      </c>
    </row>
    <row r="116" spans="1:4" ht="18" customHeight="1" x14ac:dyDescent="0.2">
      <c r="A116" s="14">
        <v>91</v>
      </c>
      <c r="B116" s="15">
        <v>0</v>
      </c>
      <c r="C116" s="16">
        <v>5</v>
      </c>
      <c r="D116" s="17">
        <v>5</v>
      </c>
    </row>
    <row r="117" spans="1:4" ht="18" customHeight="1" x14ac:dyDescent="0.2">
      <c r="A117" s="14">
        <v>92</v>
      </c>
      <c r="B117" s="15">
        <v>3</v>
      </c>
      <c r="C117" s="16">
        <v>3</v>
      </c>
      <c r="D117" s="17">
        <v>6</v>
      </c>
    </row>
    <row r="118" spans="1:4" ht="18" customHeight="1" x14ac:dyDescent="0.2">
      <c r="A118" s="14">
        <v>93</v>
      </c>
      <c r="B118" s="15">
        <v>1</v>
      </c>
      <c r="C118" s="16">
        <v>4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0</v>
      </c>
      <c r="D119" s="17">
        <v>0</v>
      </c>
    </row>
    <row r="120" spans="1:4" ht="18" customHeight="1" x14ac:dyDescent="0.2">
      <c r="A120" s="18" t="s">
        <v>86</v>
      </c>
      <c r="B120" s="15">
        <v>5</v>
      </c>
      <c r="C120" s="16">
        <v>18</v>
      </c>
      <c r="D120" s="17">
        <v>23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0</v>
      </c>
      <c r="C126" s="16">
        <v>5</v>
      </c>
      <c r="D126" s="17">
        <v>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90</v>
      </c>
      <c r="B130" s="4">
        <v>310</v>
      </c>
      <c r="C130" s="5">
        <v>431</v>
      </c>
      <c r="D130" s="6">
        <v>741</v>
      </c>
    </row>
    <row r="131" spans="1:4" ht="18" customHeight="1" x14ac:dyDescent="0.2">
      <c r="A131" s="20" t="s">
        <v>65</v>
      </c>
      <c r="B131" s="7">
        <v>1587</v>
      </c>
      <c r="C131" s="8">
        <v>1622</v>
      </c>
      <c r="D131" s="9">
        <v>320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37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2</v>
      </c>
      <c r="C5" s="12">
        <v>16</v>
      </c>
      <c r="D5" s="13">
        <v>38</v>
      </c>
    </row>
    <row r="6" spans="1:4" ht="18" customHeight="1" x14ac:dyDescent="0.2">
      <c r="A6" s="14">
        <v>1</v>
      </c>
      <c r="B6" s="15">
        <v>14</v>
      </c>
      <c r="C6" s="16">
        <v>17</v>
      </c>
      <c r="D6" s="17">
        <v>31</v>
      </c>
    </row>
    <row r="7" spans="1:4" ht="18" customHeight="1" x14ac:dyDescent="0.2">
      <c r="A7" s="14">
        <v>2</v>
      </c>
      <c r="B7" s="15">
        <v>15</v>
      </c>
      <c r="C7" s="16">
        <v>17</v>
      </c>
      <c r="D7" s="17">
        <v>32</v>
      </c>
    </row>
    <row r="8" spans="1:4" ht="18" customHeight="1" x14ac:dyDescent="0.2">
      <c r="A8" s="14">
        <v>3</v>
      </c>
      <c r="B8" s="15">
        <v>9</v>
      </c>
      <c r="C8" s="16">
        <v>17</v>
      </c>
      <c r="D8" s="17">
        <v>26</v>
      </c>
    </row>
    <row r="9" spans="1:4" ht="18" customHeight="1" x14ac:dyDescent="0.2">
      <c r="A9" s="14">
        <v>4</v>
      </c>
      <c r="B9" s="15">
        <v>15</v>
      </c>
      <c r="C9" s="16">
        <v>17</v>
      </c>
      <c r="D9" s="17">
        <v>32</v>
      </c>
    </row>
    <row r="10" spans="1:4" ht="18" customHeight="1" x14ac:dyDescent="0.2">
      <c r="A10" s="18" t="s">
        <v>66</v>
      </c>
      <c r="B10" s="15">
        <v>75</v>
      </c>
      <c r="C10" s="16">
        <v>84</v>
      </c>
      <c r="D10" s="17">
        <v>159</v>
      </c>
    </row>
    <row r="11" spans="1:4" ht="18" customHeight="1" x14ac:dyDescent="0.2">
      <c r="A11" s="14">
        <v>5</v>
      </c>
      <c r="B11" s="15">
        <v>12</v>
      </c>
      <c r="C11" s="16">
        <v>11</v>
      </c>
      <c r="D11" s="17">
        <v>23</v>
      </c>
    </row>
    <row r="12" spans="1:4" ht="18" customHeight="1" x14ac:dyDescent="0.2">
      <c r="A12" s="14">
        <v>6</v>
      </c>
      <c r="B12" s="15">
        <v>25</v>
      </c>
      <c r="C12" s="16">
        <v>25</v>
      </c>
      <c r="D12" s="17">
        <v>50</v>
      </c>
    </row>
    <row r="13" spans="1:4" ht="18" customHeight="1" x14ac:dyDescent="0.2">
      <c r="A13" s="14">
        <v>7</v>
      </c>
      <c r="B13" s="15">
        <v>18</v>
      </c>
      <c r="C13" s="16">
        <v>16</v>
      </c>
      <c r="D13" s="17">
        <v>34</v>
      </c>
    </row>
    <row r="14" spans="1:4" ht="18" customHeight="1" x14ac:dyDescent="0.2">
      <c r="A14" s="14">
        <v>8</v>
      </c>
      <c r="B14" s="15">
        <v>22</v>
      </c>
      <c r="C14" s="16">
        <v>20</v>
      </c>
      <c r="D14" s="17">
        <v>42</v>
      </c>
    </row>
    <row r="15" spans="1:4" ht="18" customHeight="1" x14ac:dyDescent="0.2">
      <c r="A15" s="14">
        <v>9</v>
      </c>
      <c r="B15" s="15">
        <v>19</v>
      </c>
      <c r="C15" s="16">
        <v>18</v>
      </c>
      <c r="D15" s="17">
        <v>37</v>
      </c>
    </row>
    <row r="16" spans="1:4" ht="18" customHeight="1" x14ac:dyDescent="0.2">
      <c r="A16" s="18" t="s">
        <v>67</v>
      </c>
      <c r="B16" s="15">
        <v>96</v>
      </c>
      <c r="C16" s="16">
        <v>90</v>
      </c>
      <c r="D16" s="17">
        <v>186</v>
      </c>
    </row>
    <row r="17" spans="1:4" ht="18" customHeight="1" x14ac:dyDescent="0.2">
      <c r="A17" s="14">
        <v>10</v>
      </c>
      <c r="B17" s="15">
        <v>15</v>
      </c>
      <c r="C17" s="16">
        <v>17</v>
      </c>
      <c r="D17" s="17">
        <v>32</v>
      </c>
    </row>
    <row r="18" spans="1:4" ht="18" customHeight="1" x14ac:dyDescent="0.2">
      <c r="A18" s="14">
        <v>11</v>
      </c>
      <c r="B18" s="15">
        <v>13</v>
      </c>
      <c r="C18" s="16">
        <v>13</v>
      </c>
      <c r="D18" s="17">
        <v>26</v>
      </c>
    </row>
    <row r="19" spans="1:4" ht="18" customHeight="1" x14ac:dyDescent="0.2">
      <c r="A19" s="14">
        <v>12</v>
      </c>
      <c r="B19" s="15">
        <v>21</v>
      </c>
      <c r="C19" s="16">
        <v>13</v>
      </c>
      <c r="D19" s="17">
        <v>34</v>
      </c>
    </row>
    <row r="20" spans="1:4" ht="18" customHeight="1" x14ac:dyDescent="0.2">
      <c r="A20" s="14">
        <v>13</v>
      </c>
      <c r="B20" s="15">
        <v>19</v>
      </c>
      <c r="C20" s="16">
        <v>18</v>
      </c>
      <c r="D20" s="17">
        <v>37</v>
      </c>
    </row>
    <row r="21" spans="1:4" ht="18" customHeight="1" x14ac:dyDescent="0.2">
      <c r="A21" s="14">
        <v>14</v>
      </c>
      <c r="B21" s="15">
        <v>13</v>
      </c>
      <c r="C21" s="16">
        <v>14</v>
      </c>
      <c r="D21" s="17">
        <v>27</v>
      </c>
    </row>
    <row r="22" spans="1:4" ht="18" customHeight="1" x14ac:dyDescent="0.2">
      <c r="A22" s="18" t="s">
        <v>68</v>
      </c>
      <c r="B22" s="15">
        <v>81</v>
      </c>
      <c r="C22" s="16">
        <v>75</v>
      </c>
      <c r="D22" s="17">
        <v>156</v>
      </c>
    </row>
    <row r="23" spans="1:4" ht="18" customHeight="1" x14ac:dyDescent="0.2">
      <c r="A23" s="18" t="s">
        <v>69</v>
      </c>
      <c r="B23" s="15">
        <v>252</v>
      </c>
      <c r="C23" s="16">
        <v>249</v>
      </c>
      <c r="D23" s="17">
        <v>501</v>
      </c>
    </row>
    <row r="24" spans="1:4" ht="18" customHeight="1" x14ac:dyDescent="0.2">
      <c r="A24" s="14">
        <v>15</v>
      </c>
      <c r="B24" s="15">
        <v>10</v>
      </c>
      <c r="C24" s="16">
        <v>15</v>
      </c>
      <c r="D24" s="17">
        <v>25</v>
      </c>
    </row>
    <row r="25" spans="1:4" ht="18" customHeight="1" x14ac:dyDescent="0.2">
      <c r="A25" s="14">
        <v>16</v>
      </c>
      <c r="B25" s="15">
        <v>20</v>
      </c>
      <c r="C25" s="16">
        <v>7</v>
      </c>
      <c r="D25" s="17">
        <v>27</v>
      </c>
    </row>
    <row r="26" spans="1:4" ht="18" customHeight="1" x14ac:dyDescent="0.2">
      <c r="A26" s="14">
        <v>17</v>
      </c>
      <c r="B26" s="15">
        <v>13</v>
      </c>
      <c r="C26" s="16">
        <v>15</v>
      </c>
      <c r="D26" s="17">
        <v>28</v>
      </c>
    </row>
    <row r="27" spans="1:4" ht="18" customHeight="1" x14ac:dyDescent="0.2">
      <c r="A27" s="14">
        <v>18</v>
      </c>
      <c r="B27" s="15">
        <v>16</v>
      </c>
      <c r="C27" s="16">
        <v>9</v>
      </c>
      <c r="D27" s="17">
        <v>25</v>
      </c>
    </row>
    <row r="28" spans="1:4" ht="18" customHeight="1" x14ac:dyDescent="0.2">
      <c r="A28" s="14">
        <v>19</v>
      </c>
      <c r="B28" s="15">
        <v>7</v>
      </c>
      <c r="C28" s="16">
        <v>13</v>
      </c>
      <c r="D28" s="17">
        <v>20</v>
      </c>
    </row>
    <row r="29" spans="1:4" ht="18" customHeight="1" x14ac:dyDescent="0.2">
      <c r="A29" s="18" t="s">
        <v>70</v>
      </c>
      <c r="B29" s="15">
        <v>66</v>
      </c>
      <c r="C29" s="16">
        <v>59</v>
      </c>
      <c r="D29" s="17">
        <v>125</v>
      </c>
    </row>
    <row r="30" spans="1:4" ht="18" customHeight="1" x14ac:dyDescent="0.2">
      <c r="A30" s="14">
        <v>20</v>
      </c>
      <c r="B30" s="15">
        <v>9</v>
      </c>
      <c r="C30" s="16">
        <v>8</v>
      </c>
      <c r="D30" s="17">
        <v>17</v>
      </c>
    </row>
    <row r="31" spans="1:4" ht="18" customHeight="1" x14ac:dyDescent="0.2">
      <c r="A31" s="14">
        <v>21</v>
      </c>
      <c r="B31" s="15">
        <v>13</v>
      </c>
      <c r="C31" s="16">
        <v>9</v>
      </c>
      <c r="D31" s="17">
        <v>22</v>
      </c>
    </row>
    <row r="32" spans="1:4" ht="18" customHeight="1" x14ac:dyDescent="0.2">
      <c r="A32" s="14">
        <v>22</v>
      </c>
      <c r="B32" s="15">
        <v>11</v>
      </c>
      <c r="C32" s="16">
        <v>8</v>
      </c>
      <c r="D32" s="17">
        <v>19</v>
      </c>
    </row>
    <row r="33" spans="1:4" ht="18" customHeight="1" x14ac:dyDescent="0.2">
      <c r="A33" s="14">
        <v>23</v>
      </c>
      <c r="B33" s="15">
        <v>16</v>
      </c>
      <c r="C33" s="16">
        <v>14</v>
      </c>
      <c r="D33" s="17">
        <v>30</v>
      </c>
    </row>
    <row r="34" spans="1:4" ht="18" customHeight="1" x14ac:dyDescent="0.2">
      <c r="A34" s="14">
        <v>24</v>
      </c>
      <c r="B34" s="15">
        <v>8</v>
      </c>
      <c r="C34" s="16">
        <v>18</v>
      </c>
      <c r="D34" s="17">
        <v>26</v>
      </c>
    </row>
    <row r="35" spans="1:4" ht="18" customHeight="1" x14ac:dyDescent="0.2">
      <c r="A35" s="18" t="s">
        <v>71</v>
      </c>
      <c r="B35" s="15">
        <v>57</v>
      </c>
      <c r="C35" s="16">
        <v>57</v>
      </c>
      <c r="D35" s="17">
        <v>114</v>
      </c>
    </row>
    <row r="36" spans="1:4" ht="18" customHeight="1" x14ac:dyDescent="0.2">
      <c r="A36" s="14">
        <v>25</v>
      </c>
      <c r="B36" s="15">
        <v>17</v>
      </c>
      <c r="C36" s="16">
        <v>13</v>
      </c>
      <c r="D36" s="17">
        <v>30</v>
      </c>
    </row>
    <row r="37" spans="1:4" ht="18" customHeight="1" x14ac:dyDescent="0.2">
      <c r="A37" s="14">
        <v>26</v>
      </c>
      <c r="B37" s="15">
        <v>13</v>
      </c>
      <c r="C37" s="16">
        <v>9</v>
      </c>
      <c r="D37" s="17">
        <v>22</v>
      </c>
    </row>
    <row r="38" spans="1:4" ht="18" customHeight="1" x14ac:dyDescent="0.2">
      <c r="A38" s="14">
        <v>27</v>
      </c>
      <c r="B38" s="15">
        <v>14</v>
      </c>
      <c r="C38" s="16">
        <v>13</v>
      </c>
      <c r="D38" s="17">
        <v>27</v>
      </c>
    </row>
    <row r="39" spans="1:4" ht="18" customHeight="1" x14ac:dyDescent="0.2">
      <c r="A39" s="14">
        <v>28</v>
      </c>
      <c r="B39" s="15">
        <v>25</v>
      </c>
      <c r="C39" s="16">
        <v>21</v>
      </c>
      <c r="D39" s="17">
        <v>46</v>
      </c>
    </row>
    <row r="40" spans="1:4" ht="18" customHeight="1" x14ac:dyDescent="0.2">
      <c r="A40" s="14">
        <v>29</v>
      </c>
      <c r="B40" s="15">
        <v>17</v>
      </c>
      <c r="C40" s="16">
        <v>15</v>
      </c>
      <c r="D40" s="17">
        <v>32</v>
      </c>
    </row>
    <row r="41" spans="1:4" ht="18" customHeight="1" x14ac:dyDescent="0.2">
      <c r="A41" s="18" t="s">
        <v>72</v>
      </c>
      <c r="B41" s="15">
        <v>86</v>
      </c>
      <c r="C41" s="16">
        <v>71</v>
      </c>
      <c r="D41" s="17">
        <v>157</v>
      </c>
    </row>
    <row r="42" spans="1:4" ht="18" customHeight="1" x14ac:dyDescent="0.2">
      <c r="A42" s="14">
        <v>30</v>
      </c>
      <c r="B42" s="15">
        <v>12</v>
      </c>
      <c r="C42" s="16">
        <v>19</v>
      </c>
      <c r="D42" s="17">
        <v>31</v>
      </c>
    </row>
    <row r="43" spans="1:4" ht="18" customHeight="1" x14ac:dyDescent="0.2">
      <c r="A43" s="14">
        <v>31</v>
      </c>
      <c r="B43" s="15">
        <v>22</v>
      </c>
      <c r="C43" s="16">
        <v>26</v>
      </c>
      <c r="D43" s="17">
        <v>48</v>
      </c>
    </row>
    <row r="44" spans="1:4" ht="18" customHeight="1" x14ac:dyDescent="0.2">
      <c r="A44" s="14">
        <v>32</v>
      </c>
      <c r="B44" s="15">
        <v>27</v>
      </c>
      <c r="C44" s="16">
        <v>22</v>
      </c>
      <c r="D44" s="17">
        <v>49</v>
      </c>
    </row>
    <row r="45" spans="1:4" ht="18" customHeight="1" x14ac:dyDescent="0.2">
      <c r="A45" s="14">
        <v>33</v>
      </c>
      <c r="B45" s="15">
        <v>26</v>
      </c>
      <c r="C45" s="16">
        <v>20</v>
      </c>
      <c r="D45" s="17">
        <v>46</v>
      </c>
    </row>
    <row r="46" spans="1:4" ht="18" customHeight="1" x14ac:dyDescent="0.2">
      <c r="A46" s="14">
        <v>34</v>
      </c>
      <c r="B46" s="15">
        <v>22</v>
      </c>
      <c r="C46" s="16">
        <v>29</v>
      </c>
      <c r="D46" s="17">
        <v>51</v>
      </c>
    </row>
    <row r="47" spans="1:4" ht="18" customHeight="1" x14ac:dyDescent="0.2">
      <c r="A47" s="18" t="s">
        <v>73</v>
      </c>
      <c r="B47" s="15">
        <v>109</v>
      </c>
      <c r="C47" s="16">
        <v>116</v>
      </c>
      <c r="D47" s="17">
        <v>225</v>
      </c>
    </row>
    <row r="48" spans="1:4" ht="18" customHeight="1" x14ac:dyDescent="0.2">
      <c r="A48" s="14">
        <v>35</v>
      </c>
      <c r="B48" s="15">
        <v>27</v>
      </c>
      <c r="C48" s="16">
        <v>29</v>
      </c>
      <c r="D48" s="17">
        <v>56</v>
      </c>
    </row>
    <row r="49" spans="1:4" ht="18" customHeight="1" x14ac:dyDescent="0.2">
      <c r="A49" s="14">
        <v>36</v>
      </c>
      <c r="B49" s="15">
        <v>30</v>
      </c>
      <c r="C49" s="16">
        <v>28</v>
      </c>
      <c r="D49" s="17">
        <v>58</v>
      </c>
    </row>
    <row r="50" spans="1:4" ht="18" customHeight="1" x14ac:dyDescent="0.2">
      <c r="A50" s="14">
        <v>37</v>
      </c>
      <c r="B50" s="15">
        <v>37</v>
      </c>
      <c r="C50" s="16">
        <v>21</v>
      </c>
      <c r="D50" s="17">
        <v>58</v>
      </c>
    </row>
    <row r="51" spans="1:4" ht="18" customHeight="1" x14ac:dyDescent="0.2">
      <c r="A51" s="14">
        <v>38</v>
      </c>
      <c r="B51" s="15">
        <v>38</v>
      </c>
      <c r="C51" s="16">
        <v>28</v>
      </c>
      <c r="D51" s="17">
        <v>66</v>
      </c>
    </row>
    <row r="52" spans="1:4" ht="18" customHeight="1" x14ac:dyDescent="0.2">
      <c r="A52" s="14">
        <v>39</v>
      </c>
      <c r="B52" s="15">
        <v>27</v>
      </c>
      <c r="C52" s="16">
        <v>19</v>
      </c>
      <c r="D52" s="17">
        <v>46</v>
      </c>
    </row>
    <row r="53" spans="1:4" ht="18" customHeight="1" x14ac:dyDescent="0.2">
      <c r="A53" s="18" t="s">
        <v>74</v>
      </c>
      <c r="B53" s="15">
        <v>159</v>
      </c>
      <c r="C53" s="16">
        <v>125</v>
      </c>
      <c r="D53" s="17">
        <v>284</v>
      </c>
    </row>
    <row r="54" spans="1:4" ht="18" customHeight="1" x14ac:dyDescent="0.2">
      <c r="A54" s="14">
        <v>40</v>
      </c>
      <c r="B54" s="15">
        <v>24</v>
      </c>
      <c r="C54" s="16">
        <v>24</v>
      </c>
      <c r="D54" s="17">
        <v>48</v>
      </c>
    </row>
    <row r="55" spans="1:4" ht="18" customHeight="1" x14ac:dyDescent="0.2">
      <c r="A55" s="14">
        <v>41</v>
      </c>
      <c r="B55" s="15">
        <v>27</v>
      </c>
      <c r="C55" s="16">
        <v>18</v>
      </c>
      <c r="D55" s="17">
        <v>45</v>
      </c>
    </row>
    <row r="56" spans="1:4" ht="18" customHeight="1" x14ac:dyDescent="0.2">
      <c r="A56" s="14">
        <v>42</v>
      </c>
      <c r="B56" s="15">
        <v>22</v>
      </c>
      <c r="C56" s="16">
        <v>19</v>
      </c>
      <c r="D56" s="17">
        <v>41</v>
      </c>
    </row>
    <row r="57" spans="1:4" ht="18" customHeight="1" x14ac:dyDescent="0.2">
      <c r="A57" s="14">
        <v>43</v>
      </c>
      <c r="B57" s="15">
        <v>12</v>
      </c>
      <c r="C57" s="16">
        <v>20</v>
      </c>
      <c r="D57" s="17">
        <v>32</v>
      </c>
    </row>
    <row r="58" spans="1:4" ht="18" customHeight="1" x14ac:dyDescent="0.2">
      <c r="A58" s="14">
        <v>44</v>
      </c>
      <c r="B58" s="15">
        <v>17</v>
      </c>
      <c r="C58" s="16">
        <v>26</v>
      </c>
      <c r="D58" s="17">
        <v>43</v>
      </c>
    </row>
    <row r="59" spans="1:4" ht="18" customHeight="1" x14ac:dyDescent="0.2">
      <c r="A59" s="18" t="s">
        <v>75</v>
      </c>
      <c r="B59" s="15">
        <v>102</v>
      </c>
      <c r="C59" s="16">
        <v>107</v>
      </c>
      <c r="D59" s="17">
        <v>209</v>
      </c>
    </row>
    <row r="60" spans="1:4" ht="18" customHeight="1" x14ac:dyDescent="0.2">
      <c r="A60" s="14">
        <v>45</v>
      </c>
      <c r="B60" s="15">
        <v>10</v>
      </c>
      <c r="C60" s="16">
        <v>9</v>
      </c>
      <c r="D60" s="17">
        <v>19</v>
      </c>
    </row>
    <row r="61" spans="1:4" ht="18" customHeight="1" x14ac:dyDescent="0.2">
      <c r="A61" s="14">
        <v>46</v>
      </c>
      <c r="B61" s="15">
        <v>14</v>
      </c>
      <c r="C61" s="16">
        <v>9</v>
      </c>
      <c r="D61" s="17">
        <v>23</v>
      </c>
    </row>
    <row r="62" spans="1:4" ht="18" customHeight="1" x14ac:dyDescent="0.2">
      <c r="A62" s="14">
        <v>47</v>
      </c>
      <c r="B62" s="15">
        <v>9</v>
      </c>
      <c r="C62" s="16">
        <v>11</v>
      </c>
      <c r="D62" s="17">
        <v>20</v>
      </c>
    </row>
    <row r="63" spans="1:4" ht="18" customHeight="1" x14ac:dyDescent="0.2">
      <c r="A63" s="14">
        <v>48</v>
      </c>
      <c r="B63" s="15">
        <v>15</v>
      </c>
      <c r="C63" s="16">
        <v>12</v>
      </c>
      <c r="D63" s="17">
        <v>27</v>
      </c>
    </row>
    <row r="64" spans="1:4" ht="18" customHeight="1" x14ac:dyDescent="0.2">
      <c r="A64" s="14">
        <v>49</v>
      </c>
      <c r="B64" s="15">
        <v>13</v>
      </c>
      <c r="C64" s="16">
        <v>9</v>
      </c>
      <c r="D64" s="17">
        <v>22</v>
      </c>
    </row>
    <row r="65" spans="1:4" ht="18" customHeight="1" x14ac:dyDescent="0.2">
      <c r="A65" s="18" t="s">
        <v>76</v>
      </c>
      <c r="B65" s="15">
        <v>61</v>
      </c>
      <c r="C65" s="16">
        <v>50</v>
      </c>
      <c r="D65" s="17">
        <v>111</v>
      </c>
    </row>
    <row r="66" spans="1:4" ht="18" customHeight="1" x14ac:dyDescent="0.2">
      <c r="A66" s="14">
        <v>50</v>
      </c>
      <c r="B66" s="15">
        <v>9</v>
      </c>
      <c r="C66" s="16">
        <v>14</v>
      </c>
      <c r="D66" s="17">
        <v>23</v>
      </c>
    </row>
    <row r="67" spans="1:4" ht="18" customHeight="1" x14ac:dyDescent="0.2">
      <c r="A67" s="14">
        <v>51</v>
      </c>
      <c r="B67" s="15">
        <v>12</v>
      </c>
      <c r="C67" s="16">
        <v>22</v>
      </c>
      <c r="D67" s="17">
        <v>34</v>
      </c>
    </row>
    <row r="68" spans="1:4" ht="18" customHeight="1" x14ac:dyDescent="0.2">
      <c r="A68" s="14">
        <v>52</v>
      </c>
      <c r="B68" s="15">
        <v>12</v>
      </c>
      <c r="C68" s="16">
        <v>11</v>
      </c>
      <c r="D68" s="17">
        <v>23</v>
      </c>
    </row>
    <row r="69" spans="1:4" ht="18" customHeight="1" x14ac:dyDescent="0.2">
      <c r="A69" s="14">
        <v>53</v>
      </c>
      <c r="B69" s="15">
        <v>13</v>
      </c>
      <c r="C69" s="16">
        <v>13</v>
      </c>
      <c r="D69" s="17">
        <v>26</v>
      </c>
    </row>
    <row r="70" spans="1:4" ht="18" customHeight="1" x14ac:dyDescent="0.2">
      <c r="A70" s="14">
        <v>54</v>
      </c>
      <c r="B70" s="15">
        <v>15</v>
      </c>
      <c r="C70" s="16">
        <v>22</v>
      </c>
      <c r="D70" s="17">
        <v>37</v>
      </c>
    </row>
    <row r="71" spans="1:4" ht="18" customHeight="1" x14ac:dyDescent="0.2">
      <c r="A71" s="18" t="s">
        <v>77</v>
      </c>
      <c r="B71" s="15">
        <v>61</v>
      </c>
      <c r="C71" s="16">
        <v>82</v>
      </c>
      <c r="D71" s="17">
        <v>143</v>
      </c>
    </row>
    <row r="72" spans="1:4" ht="18" customHeight="1" x14ac:dyDescent="0.2">
      <c r="A72" s="14">
        <v>55</v>
      </c>
      <c r="B72" s="15">
        <v>19</v>
      </c>
      <c r="C72" s="16">
        <v>22</v>
      </c>
      <c r="D72" s="17">
        <v>41</v>
      </c>
    </row>
    <row r="73" spans="1:4" ht="18" customHeight="1" x14ac:dyDescent="0.2">
      <c r="A73" s="14">
        <v>56</v>
      </c>
      <c r="B73" s="15">
        <v>22</v>
      </c>
      <c r="C73" s="16">
        <v>16</v>
      </c>
      <c r="D73" s="17">
        <v>38</v>
      </c>
    </row>
    <row r="74" spans="1:4" ht="18" customHeight="1" x14ac:dyDescent="0.2">
      <c r="A74" s="14">
        <v>57</v>
      </c>
      <c r="B74" s="15">
        <v>22</v>
      </c>
      <c r="C74" s="16">
        <v>20</v>
      </c>
      <c r="D74" s="17">
        <v>42</v>
      </c>
    </row>
    <row r="75" spans="1:4" ht="18" customHeight="1" x14ac:dyDescent="0.2">
      <c r="A75" s="14">
        <v>58</v>
      </c>
      <c r="B75" s="15">
        <v>26</v>
      </c>
      <c r="C75" s="16">
        <v>18</v>
      </c>
      <c r="D75" s="17">
        <v>44</v>
      </c>
    </row>
    <row r="76" spans="1:4" ht="18" customHeight="1" x14ac:dyDescent="0.2">
      <c r="A76" s="14">
        <v>59</v>
      </c>
      <c r="B76" s="15">
        <v>14</v>
      </c>
      <c r="C76" s="16">
        <v>27</v>
      </c>
      <c r="D76" s="17">
        <v>41</v>
      </c>
    </row>
    <row r="77" spans="1:4" ht="18" customHeight="1" x14ac:dyDescent="0.2">
      <c r="A77" s="18" t="s">
        <v>78</v>
      </c>
      <c r="B77" s="15">
        <v>103</v>
      </c>
      <c r="C77" s="16">
        <v>103</v>
      </c>
      <c r="D77" s="17">
        <v>206</v>
      </c>
    </row>
    <row r="78" spans="1:4" ht="18" customHeight="1" x14ac:dyDescent="0.2">
      <c r="A78" s="14">
        <v>60</v>
      </c>
      <c r="B78" s="15">
        <v>21</v>
      </c>
      <c r="C78" s="16">
        <v>33</v>
      </c>
      <c r="D78" s="17">
        <v>54</v>
      </c>
    </row>
    <row r="79" spans="1:4" ht="18" customHeight="1" x14ac:dyDescent="0.2">
      <c r="A79" s="14">
        <v>61</v>
      </c>
      <c r="B79" s="15">
        <v>17</v>
      </c>
      <c r="C79" s="16">
        <v>41</v>
      </c>
      <c r="D79" s="17">
        <v>58</v>
      </c>
    </row>
    <row r="80" spans="1:4" ht="18" customHeight="1" x14ac:dyDescent="0.2">
      <c r="A80" s="14">
        <v>62</v>
      </c>
      <c r="B80" s="15">
        <v>24</v>
      </c>
      <c r="C80" s="16">
        <v>37</v>
      </c>
      <c r="D80" s="17">
        <v>61</v>
      </c>
    </row>
    <row r="81" spans="1:4" ht="18" customHeight="1" x14ac:dyDescent="0.2">
      <c r="A81" s="14">
        <v>63</v>
      </c>
      <c r="B81" s="15">
        <v>15</v>
      </c>
      <c r="C81" s="16">
        <v>19</v>
      </c>
      <c r="D81" s="17">
        <v>34</v>
      </c>
    </row>
    <row r="82" spans="1:4" ht="18" customHeight="1" x14ac:dyDescent="0.2">
      <c r="A82" s="14">
        <v>64</v>
      </c>
      <c r="B82" s="15">
        <v>26</v>
      </c>
      <c r="C82" s="16">
        <v>22</v>
      </c>
      <c r="D82" s="17">
        <v>48</v>
      </c>
    </row>
    <row r="83" spans="1:4" ht="18" customHeight="1" x14ac:dyDescent="0.2">
      <c r="A83" s="18" t="s">
        <v>79</v>
      </c>
      <c r="B83" s="15">
        <v>103</v>
      </c>
      <c r="C83" s="16">
        <v>152</v>
      </c>
      <c r="D83" s="17">
        <v>255</v>
      </c>
    </row>
    <row r="84" spans="1:4" ht="18" customHeight="1" x14ac:dyDescent="0.2">
      <c r="A84" s="18" t="s">
        <v>80</v>
      </c>
      <c r="B84" s="15">
        <v>907</v>
      </c>
      <c r="C84" s="16">
        <v>922</v>
      </c>
      <c r="D84" s="17">
        <v>1829</v>
      </c>
    </row>
    <row r="85" spans="1:4" ht="18" customHeight="1" x14ac:dyDescent="0.2">
      <c r="A85" s="14">
        <v>65</v>
      </c>
      <c r="B85" s="15">
        <v>23</v>
      </c>
      <c r="C85" s="16">
        <v>34</v>
      </c>
      <c r="D85" s="17">
        <v>57</v>
      </c>
    </row>
    <row r="86" spans="1:4" ht="18" customHeight="1" x14ac:dyDescent="0.2">
      <c r="A86" s="14">
        <v>66</v>
      </c>
      <c r="B86" s="15">
        <v>26</v>
      </c>
      <c r="C86" s="16">
        <v>34</v>
      </c>
      <c r="D86" s="17">
        <v>60</v>
      </c>
    </row>
    <row r="87" spans="1:4" ht="18" customHeight="1" x14ac:dyDescent="0.2">
      <c r="A87" s="14">
        <v>67</v>
      </c>
      <c r="B87" s="15">
        <v>24</v>
      </c>
      <c r="C87" s="16">
        <v>37</v>
      </c>
      <c r="D87" s="17">
        <v>61</v>
      </c>
    </row>
    <row r="88" spans="1:4" ht="18" customHeight="1" x14ac:dyDescent="0.2">
      <c r="A88" s="14">
        <v>68</v>
      </c>
      <c r="B88" s="15">
        <v>34</v>
      </c>
      <c r="C88" s="16">
        <v>33</v>
      </c>
      <c r="D88" s="17">
        <v>67</v>
      </c>
    </row>
    <row r="89" spans="1:4" ht="18" customHeight="1" x14ac:dyDescent="0.2">
      <c r="A89" s="14">
        <v>69</v>
      </c>
      <c r="B89" s="15">
        <v>23</v>
      </c>
      <c r="C89" s="16">
        <v>16</v>
      </c>
      <c r="D89" s="17">
        <v>39</v>
      </c>
    </row>
    <row r="90" spans="1:4" ht="18" customHeight="1" x14ac:dyDescent="0.2">
      <c r="A90" s="18" t="s">
        <v>81</v>
      </c>
      <c r="B90" s="15">
        <v>130</v>
      </c>
      <c r="C90" s="16">
        <v>154</v>
      </c>
      <c r="D90" s="17">
        <v>284</v>
      </c>
    </row>
    <row r="91" spans="1:4" ht="18" customHeight="1" x14ac:dyDescent="0.2">
      <c r="A91" s="14">
        <v>70</v>
      </c>
      <c r="B91" s="15">
        <v>20</v>
      </c>
      <c r="C91" s="16">
        <v>21</v>
      </c>
      <c r="D91" s="17">
        <v>41</v>
      </c>
    </row>
    <row r="92" spans="1:4" ht="18" customHeight="1" x14ac:dyDescent="0.2">
      <c r="A92" s="14">
        <v>71</v>
      </c>
      <c r="B92" s="15">
        <v>20</v>
      </c>
      <c r="C92" s="16">
        <v>16</v>
      </c>
      <c r="D92" s="17">
        <v>36</v>
      </c>
    </row>
    <row r="93" spans="1:4" ht="18" customHeight="1" x14ac:dyDescent="0.2">
      <c r="A93" s="14">
        <v>72</v>
      </c>
      <c r="B93" s="15">
        <v>16</v>
      </c>
      <c r="C93" s="16">
        <v>21</v>
      </c>
      <c r="D93" s="17">
        <v>37</v>
      </c>
    </row>
    <row r="94" spans="1:4" ht="18" customHeight="1" x14ac:dyDescent="0.2">
      <c r="A94" s="14">
        <v>73</v>
      </c>
      <c r="B94" s="15">
        <v>19</v>
      </c>
      <c r="C94" s="16">
        <v>20</v>
      </c>
      <c r="D94" s="17">
        <v>39</v>
      </c>
    </row>
    <row r="95" spans="1:4" ht="18" customHeight="1" x14ac:dyDescent="0.2">
      <c r="A95" s="14">
        <v>74</v>
      </c>
      <c r="B95" s="15">
        <v>19</v>
      </c>
      <c r="C95" s="16">
        <v>20</v>
      </c>
      <c r="D95" s="17">
        <v>39</v>
      </c>
    </row>
    <row r="96" spans="1:4" ht="18" customHeight="1" x14ac:dyDescent="0.2">
      <c r="A96" s="18" t="s">
        <v>82</v>
      </c>
      <c r="B96" s="15">
        <v>94</v>
      </c>
      <c r="C96" s="16">
        <v>98</v>
      </c>
      <c r="D96" s="17">
        <v>192</v>
      </c>
    </row>
    <row r="97" spans="1:4" ht="18" customHeight="1" x14ac:dyDescent="0.2">
      <c r="A97" s="14">
        <v>75</v>
      </c>
      <c r="B97" s="15">
        <v>21</v>
      </c>
      <c r="C97" s="16">
        <v>26</v>
      </c>
      <c r="D97" s="17">
        <v>47</v>
      </c>
    </row>
    <row r="98" spans="1:4" ht="18" customHeight="1" x14ac:dyDescent="0.2">
      <c r="A98" s="14">
        <v>76</v>
      </c>
      <c r="B98" s="15">
        <v>18</v>
      </c>
      <c r="C98" s="16">
        <v>17</v>
      </c>
      <c r="D98" s="17">
        <v>35</v>
      </c>
    </row>
    <row r="99" spans="1:4" ht="18" customHeight="1" x14ac:dyDescent="0.2">
      <c r="A99" s="14">
        <v>77</v>
      </c>
      <c r="B99" s="15">
        <v>15</v>
      </c>
      <c r="C99" s="16">
        <v>12</v>
      </c>
      <c r="D99" s="17">
        <v>27</v>
      </c>
    </row>
    <row r="100" spans="1:4" ht="18" customHeight="1" x14ac:dyDescent="0.2">
      <c r="A100" s="14">
        <v>78</v>
      </c>
      <c r="B100" s="15">
        <v>6</v>
      </c>
      <c r="C100" s="16">
        <v>21</v>
      </c>
      <c r="D100" s="17">
        <v>27</v>
      </c>
    </row>
    <row r="101" spans="1:4" ht="18" customHeight="1" x14ac:dyDescent="0.2">
      <c r="A101" s="14">
        <v>79</v>
      </c>
      <c r="B101" s="15">
        <v>10</v>
      </c>
      <c r="C101" s="16">
        <v>17</v>
      </c>
      <c r="D101" s="17">
        <v>27</v>
      </c>
    </row>
    <row r="102" spans="1:4" ht="18" customHeight="1" x14ac:dyDescent="0.2">
      <c r="A102" s="18" t="s">
        <v>83</v>
      </c>
      <c r="B102" s="15">
        <v>70</v>
      </c>
      <c r="C102" s="16">
        <v>93</v>
      </c>
      <c r="D102" s="17">
        <v>163</v>
      </c>
    </row>
    <row r="103" spans="1:4" ht="18" customHeight="1" x14ac:dyDescent="0.2">
      <c r="A103" s="14">
        <v>80</v>
      </c>
      <c r="B103" s="15">
        <v>7</v>
      </c>
      <c r="C103" s="16">
        <v>22</v>
      </c>
      <c r="D103" s="17">
        <v>29</v>
      </c>
    </row>
    <row r="104" spans="1:4" ht="18" customHeight="1" x14ac:dyDescent="0.2">
      <c r="A104" s="14">
        <v>81</v>
      </c>
      <c r="B104" s="15">
        <v>10</v>
      </c>
      <c r="C104" s="16">
        <v>10</v>
      </c>
      <c r="D104" s="17">
        <v>20</v>
      </c>
    </row>
    <row r="105" spans="1:4" ht="18" customHeight="1" x14ac:dyDescent="0.2">
      <c r="A105" s="14">
        <v>82</v>
      </c>
      <c r="B105" s="15">
        <v>11</v>
      </c>
      <c r="C105" s="16">
        <v>12</v>
      </c>
      <c r="D105" s="17">
        <v>23</v>
      </c>
    </row>
    <row r="106" spans="1:4" ht="18" customHeight="1" x14ac:dyDescent="0.2">
      <c r="A106" s="14">
        <v>83</v>
      </c>
      <c r="B106" s="15">
        <v>6</v>
      </c>
      <c r="C106" s="16">
        <v>13</v>
      </c>
      <c r="D106" s="17">
        <v>19</v>
      </c>
    </row>
    <row r="107" spans="1:4" ht="18" customHeight="1" x14ac:dyDescent="0.2">
      <c r="A107" s="14">
        <v>84</v>
      </c>
      <c r="B107" s="15">
        <v>6</v>
      </c>
      <c r="C107" s="16">
        <v>7</v>
      </c>
      <c r="D107" s="17">
        <v>13</v>
      </c>
    </row>
    <row r="108" spans="1:4" ht="18" customHeight="1" x14ac:dyDescent="0.2">
      <c r="A108" s="18" t="s">
        <v>84</v>
      </c>
      <c r="B108" s="15">
        <v>40</v>
      </c>
      <c r="C108" s="16">
        <v>64</v>
      </c>
      <c r="D108" s="17">
        <v>104</v>
      </c>
    </row>
    <row r="109" spans="1:4" ht="18" customHeight="1" x14ac:dyDescent="0.2">
      <c r="A109" s="14">
        <v>85</v>
      </c>
      <c r="B109" s="15">
        <v>2</v>
      </c>
      <c r="C109" s="16">
        <v>11</v>
      </c>
      <c r="D109" s="17">
        <v>13</v>
      </c>
    </row>
    <row r="110" spans="1:4" ht="18" customHeight="1" x14ac:dyDescent="0.2">
      <c r="A110" s="14">
        <v>86</v>
      </c>
      <c r="B110" s="15">
        <v>1</v>
      </c>
      <c r="C110" s="16">
        <v>10</v>
      </c>
      <c r="D110" s="17">
        <v>11</v>
      </c>
    </row>
    <row r="111" spans="1:4" ht="18" customHeight="1" x14ac:dyDescent="0.2">
      <c r="A111" s="14">
        <v>87</v>
      </c>
      <c r="B111" s="15">
        <v>1</v>
      </c>
      <c r="C111" s="16">
        <v>8</v>
      </c>
      <c r="D111" s="17">
        <v>9</v>
      </c>
    </row>
    <row r="112" spans="1:4" ht="18" customHeight="1" x14ac:dyDescent="0.2">
      <c r="A112" s="14">
        <v>88</v>
      </c>
      <c r="B112" s="15">
        <v>1</v>
      </c>
      <c r="C112" s="16">
        <v>9</v>
      </c>
      <c r="D112" s="17">
        <v>10</v>
      </c>
    </row>
    <row r="113" spans="1:4" ht="18" customHeight="1" x14ac:dyDescent="0.2">
      <c r="A113" s="14">
        <v>89</v>
      </c>
      <c r="B113" s="15">
        <v>0</v>
      </c>
      <c r="C113" s="16">
        <v>12</v>
      </c>
      <c r="D113" s="17">
        <v>12</v>
      </c>
    </row>
    <row r="114" spans="1:4" ht="18" customHeight="1" x14ac:dyDescent="0.2">
      <c r="A114" s="18" t="s">
        <v>85</v>
      </c>
      <c r="B114" s="15">
        <v>5</v>
      </c>
      <c r="C114" s="16">
        <v>50</v>
      </c>
      <c r="D114" s="17">
        <v>55</v>
      </c>
    </row>
    <row r="115" spans="1:4" ht="18" customHeight="1" x14ac:dyDescent="0.2">
      <c r="A115" s="14">
        <v>90</v>
      </c>
      <c r="B115" s="15">
        <v>1</v>
      </c>
      <c r="C115" s="16">
        <v>4</v>
      </c>
      <c r="D115" s="17">
        <v>5</v>
      </c>
    </row>
    <row r="116" spans="1:4" ht="18" customHeight="1" x14ac:dyDescent="0.2">
      <c r="A116" s="14">
        <v>91</v>
      </c>
      <c r="B116" s="15">
        <v>0</v>
      </c>
      <c r="C116" s="16">
        <v>5</v>
      </c>
      <c r="D116" s="17">
        <v>5</v>
      </c>
    </row>
    <row r="117" spans="1:4" ht="18" customHeight="1" x14ac:dyDescent="0.2">
      <c r="A117" s="14">
        <v>92</v>
      </c>
      <c r="B117" s="15">
        <v>1</v>
      </c>
      <c r="C117" s="16">
        <v>5</v>
      </c>
      <c r="D117" s="17">
        <v>6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86</v>
      </c>
      <c r="B120" s="15">
        <v>4</v>
      </c>
      <c r="C120" s="16">
        <v>26</v>
      </c>
      <c r="D120" s="17">
        <v>30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1</v>
      </c>
      <c r="C126" s="16">
        <v>11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344</v>
      </c>
      <c r="C130" s="5">
        <v>497</v>
      </c>
      <c r="D130" s="6">
        <v>841</v>
      </c>
    </row>
    <row r="131" spans="1:4" ht="18" customHeight="1" x14ac:dyDescent="0.2">
      <c r="A131" s="20" t="s">
        <v>65</v>
      </c>
      <c r="B131" s="7">
        <v>1503</v>
      </c>
      <c r="C131" s="8">
        <v>1668</v>
      </c>
      <c r="D131" s="9">
        <v>317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38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3</v>
      </c>
      <c r="C5" s="12">
        <v>52</v>
      </c>
      <c r="D5" s="13">
        <v>95</v>
      </c>
    </row>
    <row r="6" spans="1:4" ht="18" customHeight="1" x14ac:dyDescent="0.2">
      <c r="A6" s="14">
        <v>1</v>
      </c>
      <c r="B6" s="15">
        <v>57</v>
      </c>
      <c r="C6" s="16">
        <v>43</v>
      </c>
      <c r="D6" s="17">
        <v>100</v>
      </c>
    </row>
    <row r="7" spans="1:4" ht="18" customHeight="1" x14ac:dyDescent="0.2">
      <c r="A7" s="14">
        <v>2</v>
      </c>
      <c r="B7" s="15">
        <v>38</v>
      </c>
      <c r="C7" s="16">
        <v>51</v>
      </c>
      <c r="D7" s="17">
        <v>89</v>
      </c>
    </row>
    <row r="8" spans="1:4" ht="18" customHeight="1" x14ac:dyDescent="0.2">
      <c r="A8" s="14">
        <v>3</v>
      </c>
      <c r="B8" s="15">
        <v>49</v>
      </c>
      <c r="C8" s="16">
        <v>55</v>
      </c>
      <c r="D8" s="17">
        <v>104</v>
      </c>
    </row>
    <row r="9" spans="1:4" ht="18" customHeight="1" x14ac:dyDescent="0.2">
      <c r="A9" s="14">
        <v>4</v>
      </c>
      <c r="B9" s="15">
        <v>57</v>
      </c>
      <c r="C9" s="16">
        <v>35</v>
      </c>
      <c r="D9" s="17">
        <v>92</v>
      </c>
    </row>
    <row r="10" spans="1:4" ht="18" customHeight="1" x14ac:dyDescent="0.2">
      <c r="A10" s="18" t="s">
        <v>66</v>
      </c>
      <c r="B10" s="15">
        <v>244</v>
      </c>
      <c r="C10" s="16">
        <v>236</v>
      </c>
      <c r="D10" s="17">
        <v>480</v>
      </c>
    </row>
    <row r="11" spans="1:4" ht="18" customHeight="1" x14ac:dyDescent="0.2">
      <c r="A11" s="14">
        <v>5</v>
      </c>
      <c r="B11" s="15">
        <v>58</v>
      </c>
      <c r="C11" s="16">
        <v>43</v>
      </c>
      <c r="D11" s="17">
        <v>101</v>
      </c>
    </row>
    <row r="12" spans="1:4" ht="18" customHeight="1" x14ac:dyDescent="0.2">
      <c r="A12" s="14">
        <v>6</v>
      </c>
      <c r="B12" s="15">
        <v>61</v>
      </c>
      <c r="C12" s="16">
        <v>57</v>
      </c>
      <c r="D12" s="17">
        <v>118</v>
      </c>
    </row>
    <row r="13" spans="1:4" ht="18" customHeight="1" x14ac:dyDescent="0.2">
      <c r="A13" s="14">
        <v>7</v>
      </c>
      <c r="B13" s="15">
        <v>55</v>
      </c>
      <c r="C13" s="16">
        <v>62</v>
      </c>
      <c r="D13" s="17">
        <v>117</v>
      </c>
    </row>
    <row r="14" spans="1:4" ht="18" customHeight="1" x14ac:dyDescent="0.2">
      <c r="A14" s="14">
        <v>8</v>
      </c>
      <c r="B14" s="15">
        <v>60</v>
      </c>
      <c r="C14" s="16">
        <v>47</v>
      </c>
      <c r="D14" s="17">
        <v>107</v>
      </c>
    </row>
    <row r="15" spans="1:4" ht="18" customHeight="1" x14ac:dyDescent="0.2">
      <c r="A15" s="14">
        <v>9</v>
      </c>
      <c r="B15" s="15">
        <v>73</v>
      </c>
      <c r="C15" s="16">
        <v>44</v>
      </c>
      <c r="D15" s="17">
        <v>117</v>
      </c>
    </row>
    <row r="16" spans="1:4" ht="18" customHeight="1" x14ac:dyDescent="0.2">
      <c r="A16" s="18" t="s">
        <v>67</v>
      </c>
      <c r="B16" s="15">
        <v>307</v>
      </c>
      <c r="C16" s="16">
        <v>253</v>
      </c>
      <c r="D16" s="17">
        <v>560</v>
      </c>
    </row>
    <row r="17" spans="1:4" ht="18" customHeight="1" x14ac:dyDescent="0.2">
      <c r="A17" s="14">
        <v>10</v>
      </c>
      <c r="B17" s="15">
        <v>56</v>
      </c>
      <c r="C17" s="16">
        <v>54</v>
      </c>
      <c r="D17" s="17">
        <v>110</v>
      </c>
    </row>
    <row r="18" spans="1:4" ht="18" customHeight="1" x14ac:dyDescent="0.2">
      <c r="A18" s="14">
        <v>11</v>
      </c>
      <c r="B18" s="15">
        <v>58</v>
      </c>
      <c r="C18" s="16">
        <v>69</v>
      </c>
      <c r="D18" s="17">
        <v>127</v>
      </c>
    </row>
    <row r="19" spans="1:4" ht="18" customHeight="1" x14ac:dyDescent="0.2">
      <c r="A19" s="14">
        <v>12</v>
      </c>
      <c r="B19" s="15">
        <v>63</v>
      </c>
      <c r="C19" s="16">
        <v>51</v>
      </c>
      <c r="D19" s="17">
        <v>114</v>
      </c>
    </row>
    <row r="20" spans="1:4" ht="18" customHeight="1" x14ac:dyDescent="0.2">
      <c r="A20" s="14">
        <v>13</v>
      </c>
      <c r="B20" s="15">
        <v>55</v>
      </c>
      <c r="C20" s="16">
        <v>57</v>
      </c>
      <c r="D20" s="17">
        <v>112</v>
      </c>
    </row>
    <row r="21" spans="1:4" ht="18" customHeight="1" x14ac:dyDescent="0.2">
      <c r="A21" s="14">
        <v>14</v>
      </c>
      <c r="B21" s="15">
        <v>62</v>
      </c>
      <c r="C21" s="16">
        <v>57</v>
      </c>
      <c r="D21" s="17">
        <v>119</v>
      </c>
    </row>
    <row r="22" spans="1:4" ht="18" customHeight="1" x14ac:dyDescent="0.2">
      <c r="A22" s="18" t="s">
        <v>68</v>
      </c>
      <c r="B22" s="15">
        <v>294</v>
      </c>
      <c r="C22" s="16">
        <v>288</v>
      </c>
      <c r="D22" s="17">
        <v>582</v>
      </c>
    </row>
    <row r="23" spans="1:4" ht="18" customHeight="1" x14ac:dyDescent="0.2">
      <c r="A23" s="18" t="s">
        <v>69</v>
      </c>
      <c r="B23" s="15">
        <v>845</v>
      </c>
      <c r="C23" s="16">
        <v>777</v>
      </c>
      <c r="D23" s="17">
        <v>1622</v>
      </c>
    </row>
    <row r="24" spans="1:4" ht="18" customHeight="1" x14ac:dyDescent="0.2">
      <c r="A24" s="14">
        <v>15</v>
      </c>
      <c r="B24" s="15">
        <v>56</v>
      </c>
      <c r="C24" s="16">
        <v>57</v>
      </c>
      <c r="D24" s="17">
        <v>113</v>
      </c>
    </row>
    <row r="25" spans="1:4" ht="18" customHeight="1" x14ac:dyDescent="0.2">
      <c r="A25" s="14">
        <v>16</v>
      </c>
      <c r="B25" s="15">
        <v>64</v>
      </c>
      <c r="C25" s="16">
        <v>62</v>
      </c>
      <c r="D25" s="17">
        <v>126</v>
      </c>
    </row>
    <row r="26" spans="1:4" ht="18" customHeight="1" x14ac:dyDescent="0.2">
      <c r="A26" s="14">
        <v>17</v>
      </c>
      <c r="B26" s="15">
        <v>57</v>
      </c>
      <c r="C26" s="16">
        <v>61</v>
      </c>
      <c r="D26" s="17">
        <v>118</v>
      </c>
    </row>
    <row r="27" spans="1:4" ht="18" customHeight="1" x14ac:dyDescent="0.2">
      <c r="A27" s="14">
        <v>18</v>
      </c>
      <c r="B27" s="15">
        <v>66</v>
      </c>
      <c r="C27" s="16">
        <v>79</v>
      </c>
      <c r="D27" s="17">
        <v>145</v>
      </c>
    </row>
    <row r="28" spans="1:4" ht="18" customHeight="1" x14ac:dyDescent="0.2">
      <c r="A28" s="14">
        <v>19</v>
      </c>
      <c r="B28" s="15">
        <v>63</v>
      </c>
      <c r="C28" s="16">
        <v>54</v>
      </c>
      <c r="D28" s="17">
        <v>117</v>
      </c>
    </row>
    <row r="29" spans="1:4" ht="18" customHeight="1" x14ac:dyDescent="0.2">
      <c r="A29" s="18" t="s">
        <v>70</v>
      </c>
      <c r="B29" s="15">
        <v>306</v>
      </c>
      <c r="C29" s="16">
        <v>313</v>
      </c>
      <c r="D29" s="17">
        <v>619</v>
      </c>
    </row>
    <row r="30" spans="1:4" ht="18" customHeight="1" x14ac:dyDescent="0.2">
      <c r="A30" s="14">
        <v>20</v>
      </c>
      <c r="B30" s="15">
        <v>73</v>
      </c>
      <c r="C30" s="16">
        <v>57</v>
      </c>
      <c r="D30" s="17">
        <v>130</v>
      </c>
    </row>
    <row r="31" spans="1:4" ht="18" customHeight="1" x14ac:dyDescent="0.2">
      <c r="A31" s="14">
        <v>21</v>
      </c>
      <c r="B31" s="15">
        <v>60</v>
      </c>
      <c r="C31" s="16">
        <v>55</v>
      </c>
      <c r="D31" s="17">
        <v>115</v>
      </c>
    </row>
    <row r="32" spans="1:4" ht="18" customHeight="1" x14ac:dyDescent="0.2">
      <c r="A32" s="14">
        <v>22</v>
      </c>
      <c r="B32" s="15">
        <v>69</v>
      </c>
      <c r="C32" s="16">
        <v>62</v>
      </c>
      <c r="D32" s="17">
        <v>131</v>
      </c>
    </row>
    <row r="33" spans="1:4" ht="18" customHeight="1" x14ac:dyDescent="0.2">
      <c r="A33" s="14">
        <v>23</v>
      </c>
      <c r="B33" s="15">
        <v>74</v>
      </c>
      <c r="C33" s="16">
        <v>60</v>
      </c>
      <c r="D33" s="17">
        <v>134</v>
      </c>
    </row>
    <row r="34" spans="1:4" ht="18" customHeight="1" x14ac:dyDescent="0.2">
      <c r="A34" s="14">
        <v>24</v>
      </c>
      <c r="B34" s="15">
        <v>70</v>
      </c>
      <c r="C34" s="16">
        <v>59</v>
      </c>
      <c r="D34" s="17">
        <v>129</v>
      </c>
    </row>
    <row r="35" spans="1:4" ht="18" customHeight="1" x14ac:dyDescent="0.2">
      <c r="A35" s="18" t="s">
        <v>71</v>
      </c>
      <c r="B35" s="15">
        <v>346</v>
      </c>
      <c r="C35" s="16">
        <v>293</v>
      </c>
      <c r="D35" s="17">
        <v>639</v>
      </c>
    </row>
    <row r="36" spans="1:4" ht="18" customHeight="1" x14ac:dyDescent="0.2">
      <c r="A36" s="14">
        <v>25</v>
      </c>
      <c r="B36" s="15">
        <v>58</v>
      </c>
      <c r="C36" s="16">
        <v>67</v>
      </c>
      <c r="D36" s="17">
        <v>125</v>
      </c>
    </row>
    <row r="37" spans="1:4" ht="18" customHeight="1" x14ac:dyDescent="0.2">
      <c r="A37" s="14">
        <v>26</v>
      </c>
      <c r="B37" s="15">
        <v>74</v>
      </c>
      <c r="C37" s="16">
        <v>88</v>
      </c>
      <c r="D37" s="17">
        <v>162</v>
      </c>
    </row>
    <row r="38" spans="1:4" ht="18" customHeight="1" x14ac:dyDescent="0.2">
      <c r="A38" s="14">
        <v>27</v>
      </c>
      <c r="B38" s="15">
        <v>69</v>
      </c>
      <c r="C38" s="16">
        <v>63</v>
      </c>
      <c r="D38" s="17">
        <v>132</v>
      </c>
    </row>
    <row r="39" spans="1:4" ht="18" customHeight="1" x14ac:dyDescent="0.2">
      <c r="A39" s="14">
        <v>28</v>
      </c>
      <c r="B39" s="15">
        <v>80</v>
      </c>
      <c r="C39" s="16">
        <v>51</v>
      </c>
      <c r="D39" s="17">
        <v>131</v>
      </c>
    </row>
    <row r="40" spans="1:4" ht="18" customHeight="1" x14ac:dyDescent="0.2">
      <c r="A40" s="14">
        <v>29</v>
      </c>
      <c r="B40" s="15">
        <v>73</v>
      </c>
      <c r="C40" s="16">
        <v>75</v>
      </c>
      <c r="D40" s="17">
        <v>148</v>
      </c>
    </row>
    <row r="41" spans="1:4" ht="18" customHeight="1" x14ac:dyDescent="0.2">
      <c r="A41" s="18" t="s">
        <v>72</v>
      </c>
      <c r="B41" s="15">
        <v>354</v>
      </c>
      <c r="C41" s="16">
        <v>344</v>
      </c>
      <c r="D41" s="17">
        <v>698</v>
      </c>
    </row>
    <row r="42" spans="1:4" ht="18" customHeight="1" x14ac:dyDescent="0.2">
      <c r="A42" s="14">
        <v>30</v>
      </c>
      <c r="B42" s="15">
        <v>85</v>
      </c>
      <c r="C42" s="16">
        <v>84</v>
      </c>
      <c r="D42" s="17">
        <v>169</v>
      </c>
    </row>
    <row r="43" spans="1:4" ht="18" customHeight="1" x14ac:dyDescent="0.2">
      <c r="A43" s="14">
        <v>31</v>
      </c>
      <c r="B43" s="15">
        <v>70</v>
      </c>
      <c r="C43" s="16">
        <v>74</v>
      </c>
      <c r="D43" s="17">
        <v>144</v>
      </c>
    </row>
    <row r="44" spans="1:4" ht="18" customHeight="1" x14ac:dyDescent="0.2">
      <c r="A44" s="14">
        <v>32</v>
      </c>
      <c r="B44" s="15">
        <v>100</v>
      </c>
      <c r="C44" s="16">
        <v>80</v>
      </c>
      <c r="D44" s="17">
        <v>180</v>
      </c>
    </row>
    <row r="45" spans="1:4" ht="18" customHeight="1" x14ac:dyDescent="0.2">
      <c r="A45" s="14">
        <v>33</v>
      </c>
      <c r="B45" s="15">
        <v>85</v>
      </c>
      <c r="C45" s="16">
        <v>72</v>
      </c>
      <c r="D45" s="17">
        <v>157</v>
      </c>
    </row>
    <row r="46" spans="1:4" ht="18" customHeight="1" x14ac:dyDescent="0.2">
      <c r="A46" s="14">
        <v>34</v>
      </c>
      <c r="B46" s="15">
        <v>85</v>
      </c>
      <c r="C46" s="16">
        <v>92</v>
      </c>
      <c r="D46" s="17">
        <v>177</v>
      </c>
    </row>
    <row r="47" spans="1:4" ht="18" customHeight="1" x14ac:dyDescent="0.2">
      <c r="A47" s="18" t="s">
        <v>73</v>
      </c>
      <c r="B47" s="15">
        <v>425</v>
      </c>
      <c r="C47" s="16">
        <v>402</v>
      </c>
      <c r="D47" s="17">
        <v>827</v>
      </c>
    </row>
    <row r="48" spans="1:4" ht="18" customHeight="1" x14ac:dyDescent="0.2">
      <c r="A48" s="14">
        <v>35</v>
      </c>
      <c r="B48" s="15">
        <v>87</v>
      </c>
      <c r="C48" s="16">
        <v>80</v>
      </c>
      <c r="D48" s="17">
        <v>167</v>
      </c>
    </row>
    <row r="49" spans="1:4" ht="18" customHeight="1" x14ac:dyDescent="0.2">
      <c r="A49" s="14">
        <v>36</v>
      </c>
      <c r="B49" s="15">
        <v>83</v>
      </c>
      <c r="C49" s="16">
        <v>95</v>
      </c>
      <c r="D49" s="17">
        <v>178</v>
      </c>
    </row>
    <row r="50" spans="1:4" ht="18" customHeight="1" x14ac:dyDescent="0.2">
      <c r="A50" s="14">
        <v>37</v>
      </c>
      <c r="B50" s="15">
        <v>115</v>
      </c>
      <c r="C50" s="16">
        <v>89</v>
      </c>
      <c r="D50" s="17">
        <v>204</v>
      </c>
    </row>
    <row r="51" spans="1:4" ht="18" customHeight="1" x14ac:dyDescent="0.2">
      <c r="A51" s="14">
        <v>38</v>
      </c>
      <c r="B51" s="15">
        <v>110</v>
      </c>
      <c r="C51" s="16">
        <v>87</v>
      </c>
      <c r="D51" s="17">
        <v>197</v>
      </c>
    </row>
    <row r="52" spans="1:4" ht="18" customHeight="1" x14ac:dyDescent="0.2">
      <c r="A52" s="14">
        <v>39</v>
      </c>
      <c r="B52" s="15">
        <v>98</v>
      </c>
      <c r="C52" s="16">
        <v>87</v>
      </c>
      <c r="D52" s="17">
        <v>185</v>
      </c>
    </row>
    <row r="53" spans="1:4" ht="18" customHeight="1" x14ac:dyDescent="0.2">
      <c r="A53" s="18" t="s">
        <v>74</v>
      </c>
      <c r="B53" s="15">
        <v>493</v>
      </c>
      <c r="C53" s="16">
        <v>438</v>
      </c>
      <c r="D53" s="17">
        <v>931</v>
      </c>
    </row>
    <row r="54" spans="1:4" ht="18" customHeight="1" x14ac:dyDescent="0.2">
      <c r="A54" s="14">
        <v>40</v>
      </c>
      <c r="B54" s="15">
        <v>74</v>
      </c>
      <c r="C54" s="16">
        <v>85</v>
      </c>
      <c r="D54" s="17">
        <v>159</v>
      </c>
    </row>
    <row r="55" spans="1:4" ht="18" customHeight="1" x14ac:dyDescent="0.2">
      <c r="A55" s="14">
        <v>41</v>
      </c>
      <c r="B55" s="15">
        <v>88</v>
      </c>
      <c r="C55" s="16">
        <v>80</v>
      </c>
      <c r="D55" s="17">
        <v>168</v>
      </c>
    </row>
    <row r="56" spans="1:4" ht="18" customHeight="1" x14ac:dyDescent="0.2">
      <c r="A56" s="14">
        <v>42</v>
      </c>
      <c r="B56" s="15">
        <v>90</v>
      </c>
      <c r="C56" s="16">
        <v>96</v>
      </c>
      <c r="D56" s="17">
        <v>186</v>
      </c>
    </row>
    <row r="57" spans="1:4" ht="18" customHeight="1" x14ac:dyDescent="0.2">
      <c r="A57" s="14">
        <v>43</v>
      </c>
      <c r="B57" s="15">
        <v>59</v>
      </c>
      <c r="C57" s="16">
        <v>57</v>
      </c>
      <c r="D57" s="17">
        <v>116</v>
      </c>
    </row>
    <row r="58" spans="1:4" ht="18" customHeight="1" x14ac:dyDescent="0.2">
      <c r="A58" s="14">
        <v>44</v>
      </c>
      <c r="B58" s="15">
        <v>77</v>
      </c>
      <c r="C58" s="16">
        <v>82</v>
      </c>
      <c r="D58" s="17">
        <v>159</v>
      </c>
    </row>
    <row r="59" spans="1:4" ht="18" customHeight="1" x14ac:dyDescent="0.2">
      <c r="A59" s="18" t="s">
        <v>75</v>
      </c>
      <c r="B59" s="15">
        <v>388</v>
      </c>
      <c r="C59" s="16">
        <v>400</v>
      </c>
      <c r="D59" s="17">
        <v>788</v>
      </c>
    </row>
    <row r="60" spans="1:4" ht="18" customHeight="1" x14ac:dyDescent="0.2">
      <c r="A60" s="14">
        <v>45</v>
      </c>
      <c r="B60" s="15">
        <v>81</v>
      </c>
      <c r="C60" s="16">
        <v>73</v>
      </c>
      <c r="D60" s="17">
        <v>154</v>
      </c>
    </row>
    <row r="61" spans="1:4" ht="18" customHeight="1" x14ac:dyDescent="0.2">
      <c r="A61" s="14">
        <v>46</v>
      </c>
      <c r="B61" s="15">
        <v>71</v>
      </c>
      <c r="C61" s="16">
        <v>85</v>
      </c>
      <c r="D61" s="17">
        <v>156</v>
      </c>
    </row>
    <row r="62" spans="1:4" ht="18" customHeight="1" x14ac:dyDescent="0.2">
      <c r="A62" s="14">
        <v>47</v>
      </c>
      <c r="B62" s="15">
        <v>59</v>
      </c>
      <c r="C62" s="16">
        <v>75</v>
      </c>
      <c r="D62" s="17">
        <v>134</v>
      </c>
    </row>
    <row r="63" spans="1:4" ht="18" customHeight="1" x14ac:dyDescent="0.2">
      <c r="A63" s="14">
        <v>48</v>
      </c>
      <c r="B63" s="15">
        <v>74</v>
      </c>
      <c r="C63" s="16">
        <v>69</v>
      </c>
      <c r="D63" s="17">
        <v>143</v>
      </c>
    </row>
    <row r="64" spans="1:4" ht="18" customHeight="1" x14ac:dyDescent="0.2">
      <c r="A64" s="14">
        <v>49</v>
      </c>
      <c r="B64" s="15">
        <v>63</v>
      </c>
      <c r="C64" s="16">
        <v>68</v>
      </c>
      <c r="D64" s="17">
        <v>131</v>
      </c>
    </row>
    <row r="65" spans="1:4" ht="18" customHeight="1" x14ac:dyDescent="0.2">
      <c r="A65" s="18" t="s">
        <v>76</v>
      </c>
      <c r="B65" s="15">
        <v>348</v>
      </c>
      <c r="C65" s="16">
        <v>370</v>
      </c>
      <c r="D65" s="17">
        <v>718</v>
      </c>
    </row>
    <row r="66" spans="1:4" ht="18" customHeight="1" x14ac:dyDescent="0.2">
      <c r="A66" s="14">
        <v>50</v>
      </c>
      <c r="B66" s="15">
        <v>69</v>
      </c>
      <c r="C66" s="16">
        <v>97</v>
      </c>
      <c r="D66" s="17">
        <v>166</v>
      </c>
    </row>
    <row r="67" spans="1:4" ht="18" customHeight="1" x14ac:dyDescent="0.2">
      <c r="A67" s="14">
        <v>51</v>
      </c>
      <c r="B67" s="15">
        <v>80</v>
      </c>
      <c r="C67" s="16">
        <v>84</v>
      </c>
      <c r="D67" s="17">
        <v>164</v>
      </c>
    </row>
    <row r="68" spans="1:4" ht="18" customHeight="1" x14ac:dyDescent="0.2">
      <c r="A68" s="14">
        <v>52</v>
      </c>
      <c r="B68" s="15">
        <v>65</v>
      </c>
      <c r="C68" s="16">
        <v>69</v>
      </c>
      <c r="D68" s="17">
        <v>134</v>
      </c>
    </row>
    <row r="69" spans="1:4" ht="18" customHeight="1" x14ac:dyDescent="0.2">
      <c r="A69" s="14">
        <v>53</v>
      </c>
      <c r="B69" s="15">
        <v>75</v>
      </c>
      <c r="C69" s="16">
        <v>79</v>
      </c>
      <c r="D69" s="17">
        <v>154</v>
      </c>
    </row>
    <row r="70" spans="1:4" ht="18" customHeight="1" x14ac:dyDescent="0.2">
      <c r="A70" s="14">
        <v>54</v>
      </c>
      <c r="B70" s="15">
        <v>88</v>
      </c>
      <c r="C70" s="16">
        <v>94</v>
      </c>
      <c r="D70" s="17">
        <v>182</v>
      </c>
    </row>
    <row r="71" spans="1:4" ht="18" customHeight="1" x14ac:dyDescent="0.2">
      <c r="A71" s="18" t="s">
        <v>77</v>
      </c>
      <c r="B71" s="15">
        <v>377</v>
      </c>
      <c r="C71" s="16">
        <v>423</v>
      </c>
      <c r="D71" s="17">
        <v>800</v>
      </c>
    </row>
    <row r="72" spans="1:4" ht="18" customHeight="1" x14ac:dyDescent="0.2">
      <c r="A72" s="14">
        <v>55</v>
      </c>
      <c r="B72" s="15">
        <v>85</v>
      </c>
      <c r="C72" s="16">
        <v>86</v>
      </c>
      <c r="D72" s="17">
        <v>171</v>
      </c>
    </row>
    <row r="73" spans="1:4" ht="18" customHeight="1" x14ac:dyDescent="0.2">
      <c r="A73" s="14">
        <v>56</v>
      </c>
      <c r="B73" s="15">
        <v>108</v>
      </c>
      <c r="C73" s="16">
        <v>109</v>
      </c>
      <c r="D73" s="17">
        <v>217</v>
      </c>
    </row>
    <row r="74" spans="1:4" ht="18" customHeight="1" x14ac:dyDescent="0.2">
      <c r="A74" s="14">
        <v>57</v>
      </c>
      <c r="B74" s="15">
        <v>96</v>
      </c>
      <c r="C74" s="16">
        <v>93</v>
      </c>
      <c r="D74" s="17">
        <v>189</v>
      </c>
    </row>
    <row r="75" spans="1:4" ht="18" customHeight="1" x14ac:dyDescent="0.2">
      <c r="A75" s="14">
        <v>58</v>
      </c>
      <c r="B75" s="15">
        <v>95</v>
      </c>
      <c r="C75" s="16">
        <v>115</v>
      </c>
      <c r="D75" s="17">
        <v>210</v>
      </c>
    </row>
    <row r="76" spans="1:4" ht="18" customHeight="1" x14ac:dyDescent="0.2">
      <c r="A76" s="14">
        <v>59</v>
      </c>
      <c r="B76" s="15">
        <v>107</v>
      </c>
      <c r="C76" s="16">
        <v>114</v>
      </c>
      <c r="D76" s="17">
        <v>221</v>
      </c>
    </row>
    <row r="77" spans="1:4" ht="18" customHeight="1" x14ac:dyDescent="0.2">
      <c r="A77" s="18" t="s">
        <v>78</v>
      </c>
      <c r="B77" s="15">
        <v>491</v>
      </c>
      <c r="C77" s="16">
        <v>517</v>
      </c>
      <c r="D77" s="17">
        <v>1008</v>
      </c>
    </row>
    <row r="78" spans="1:4" ht="18" customHeight="1" x14ac:dyDescent="0.2">
      <c r="A78" s="14">
        <v>60</v>
      </c>
      <c r="B78" s="15">
        <v>124</v>
      </c>
      <c r="C78" s="16">
        <v>119</v>
      </c>
      <c r="D78" s="17">
        <v>243</v>
      </c>
    </row>
    <row r="79" spans="1:4" ht="18" customHeight="1" x14ac:dyDescent="0.2">
      <c r="A79" s="14">
        <v>61</v>
      </c>
      <c r="B79" s="15">
        <v>121</v>
      </c>
      <c r="C79" s="16">
        <v>131</v>
      </c>
      <c r="D79" s="17">
        <v>252</v>
      </c>
    </row>
    <row r="80" spans="1:4" ht="18" customHeight="1" x14ac:dyDescent="0.2">
      <c r="A80" s="14">
        <v>62</v>
      </c>
      <c r="B80" s="15">
        <v>137</v>
      </c>
      <c r="C80" s="16">
        <v>130</v>
      </c>
      <c r="D80" s="17">
        <v>267</v>
      </c>
    </row>
    <row r="81" spans="1:4" ht="18" customHeight="1" x14ac:dyDescent="0.2">
      <c r="A81" s="14">
        <v>63</v>
      </c>
      <c r="B81" s="15">
        <v>63</v>
      </c>
      <c r="C81" s="16">
        <v>78</v>
      </c>
      <c r="D81" s="17">
        <v>141</v>
      </c>
    </row>
    <row r="82" spans="1:4" ht="18" customHeight="1" x14ac:dyDescent="0.2">
      <c r="A82" s="14">
        <v>64</v>
      </c>
      <c r="B82" s="15">
        <v>68</v>
      </c>
      <c r="C82" s="16">
        <v>98</v>
      </c>
      <c r="D82" s="17">
        <v>166</v>
      </c>
    </row>
    <row r="83" spans="1:4" ht="18" customHeight="1" x14ac:dyDescent="0.2">
      <c r="A83" s="18" t="s">
        <v>79</v>
      </c>
      <c r="B83" s="15">
        <v>513</v>
      </c>
      <c r="C83" s="16">
        <v>556</v>
      </c>
      <c r="D83" s="17">
        <v>1069</v>
      </c>
    </row>
    <row r="84" spans="1:4" ht="18" customHeight="1" x14ac:dyDescent="0.2">
      <c r="A84" s="18" t="s">
        <v>80</v>
      </c>
      <c r="B84" s="15">
        <v>4041</v>
      </c>
      <c r="C84" s="16">
        <v>4056</v>
      </c>
      <c r="D84" s="17">
        <v>8097</v>
      </c>
    </row>
    <row r="85" spans="1:4" ht="18" customHeight="1" x14ac:dyDescent="0.2">
      <c r="A85" s="14">
        <v>65</v>
      </c>
      <c r="B85" s="15">
        <v>91</v>
      </c>
      <c r="C85" s="16">
        <v>106</v>
      </c>
      <c r="D85" s="17">
        <v>197</v>
      </c>
    </row>
    <row r="86" spans="1:4" ht="18" customHeight="1" x14ac:dyDescent="0.2">
      <c r="A86" s="14">
        <v>66</v>
      </c>
      <c r="B86" s="15">
        <v>97</v>
      </c>
      <c r="C86" s="16">
        <v>106</v>
      </c>
      <c r="D86" s="17">
        <v>203</v>
      </c>
    </row>
    <row r="87" spans="1:4" ht="18" customHeight="1" x14ac:dyDescent="0.2">
      <c r="A87" s="14">
        <v>67</v>
      </c>
      <c r="B87" s="15">
        <v>77</v>
      </c>
      <c r="C87" s="16">
        <v>106</v>
      </c>
      <c r="D87" s="17">
        <v>183</v>
      </c>
    </row>
    <row r="88" spans="1:4" ht="18" customHeight="1" x14ac:dyDescent="0.2">
      <c r="A88" s="14">
        <v>68</v>
      </c>
      <c r="B88" s="15">
        <v>101</v>
      </c>
      <c r="C88" s="16">
        <v>99</v>
      </c>
      <c r="D88" s="17">
        <v>200</v>
      </c>
    </row>
    <row r="89" spans="1:4" ht="18" customHeight="1" x14ac:dyDescent="0.2">
      <c r="A89" s="14">
        <v>69</v>
      </c>
      <c r="B89" s="15">
        <v>91</v>
      </c>
      <c r="C89" s="16">
        <v>88</v>
      </c>
      <c r="D89" s="17">
        <v>179</v>
      </c>
    </row>
    <row r="90" spans="1:4" ht="18" customHeight="1" x14ac:dyDescent="0.2">
      <c r="A90" s="18" t="s">
        <v>81</v>
      </c>
      <c r="B90" s="15">
        <v>457</v>
      </c>
      <c r="C90" s="16">
        <v>505</v>
      </c>
      <c r="D90" s="17">
        <v>962</v>
      </c>
    </row>
    <row r="91" spans="1:4" ht="18" customHeight="1" x14ac:dyDescent="0.2">
      <c r="A91" s="14">
        <v>70</v>
      </c>
      <c r="B91" s="15">
        <v>71</v>
      </c>
      <c r="C91" s="16">
        <v>73</v>
      </c>
      <c r="D91" s="17">
        <v>144</v>
      </c>
    </row>
    <row r="92" spans="1:4" ht="18" customHeight="1" x14ac:dyDescent="0.2">
      <c r="A92" s="14">
        <v>71</v>
      </c>
      <c r="B92" s="15">
        <v>66</v>
      </c>
      <c r="C92" s="16">
        <v>64</v>
      </c>
      <c r="D92" s="17">
        <v>130</v>
      </c>
    </row>
    <row r="93" spans="1:4" ht="18" customHeight="1" x14ac:dyDescent="0.2">
      <c r="A93" s="14">
        <v>72</v>
      </c>
      <c r="B93" s="15">
        <v>59</v>
      </c>
      <c r="C93" s="16">
        <v>78</v>
      </c>
      <c r="D93" s="17">
        <v>137</v>
      </c>
    </row>
    <row r="94" spans="1:4" ht="18" customHeight="1" x14ac:dyDescent="0.2">
      <c r="A94" s="14">
        <v>73</v>
      </c>
      <c r="B94" s="15">
        <v>76</v>
      </c>
      <c r="C94" s="16">
        <v>110</v>
      </c>
      <c r="D94" s="17">
        <v>186</v>
      </c>
    </row>
    <row r="95" spans="1:4" ht="18" customHeight="1" x14ac:dyDescent="0.2">
      <c r="A95" s="14">
        <v>74</v>
      </c>
      <c r="B95" s="15">
        <v>68</v>
      </c>
      <c r="C95" s="16">
        <v>83</v>
      </c>
      <c r="D95" s="17">
        <v>151</v>
      </c>
    </row>
    <row r="96" spans="1:4" ht="18" customHeight="1" x14ac:dyDescent="0.2">
      <c r="A96" s="18" t="s">
        <v>82</v>
      </c>
      <c r="B96" s="15">
        <v>340</v>
      </c>
      <c r="C96" s="16">
        <v>408</v>
      </c>
      <c r="D96" s="17">
        <v>748</v>
      </c>
    </row>
    <row r="97" spans="1:4" ht="18" customHeight="1" x14ac:dyDescent="0.2">
      <c r="A97" s="14">
        <v>75</v>
      </c>
      <c r="B97" s="15">
        <v>65</v>
      </c>
      <c r="C97" s="16">
        <v>71</v>
      </c>
      <c r="D97" s="17">
        <v>136</v>
      </c>
    </row>
    <row r="98" spans="1:4" ht="18" customHeight="1" x14ac:dyDescent="0.2">
      <c r="A98" s="14">
        <v>76</v>
      </c>
      <c r="B98" s="15">
        <v>60</v>
      </c>
      <c r="C98" s="16">
        <v>92</v>
      </c>
      <c r="D98" s="17">
        <v>152</v>
      </c>
    </row>
    <row r="99" spans="1:4" ht="18" customHeight="1" x14ac:dyDescent="0.2">
      <c r="A99" s="14">
        <v>77</v>
      </c>
      <c r="B99" s="15">
        <v>48</v>
      </c>
      <c r="C99" s="16">
        <v>84</v>
      </c>
      <c r="D99" s="17">
        <v>132</v>
      </c>
    </row>
    <row r="100" spans="1:4" ht="18" customHeight="1" x14ac:dyDescent="0.2">
      <c r="A100" s="14">
        <v>78</v>
      </c>
      <c r="B100" s="15">
        <v>63</v>
      </c>
      <c r="C100" s="16">
        <v>84</v>
      </c>
      <c r="D100" s="17">
        <v>147</v>
      </c>
    </row>
    <row r="101" spans="1:4" ht="18" customHeight="1" x14ac:dyDescent="0.2">
      <c r="A101" s="14">
        <v>79</v>
      </c>
      <c r="B101" s="15">
        <v>54</v>
      </c>
      <c r="C101" s="16">
        <v>46</v>
      </c>
      <c r="D101" s="17">
        <v>100</v>
      </c>
    </row>
    <row r="102" spans="1:4" ht="18" customHeight="1" x14ac:dyDescent="0.2">
      <c r="A102" s="18" t="s">
        <v>83</v>
      </c>
      <c r="B102" s="15">
        <v>290</v>
      </c>
      <c r="C102" s="16">
        <v>377</v>
      </c>
      <c r="D102" s="17">
        <v>667</v>
      </c>
    </row>
    <row r="103" spans="1:4" ht="18" customHeight="1" x14ac:dyDescent="0.2">
      <c r="A103" s="14">
        <v>80</v>
      </c>
      <c r="B103" s="15">
        <v>36</v>
      </c>
      <c r="C103" s="16">
        <v>70</v>
      </c>
      <c r="D103" s="17">
        <v>106</v>
      </c>
    </row>
    <row r="104" spans="1:4" ht="18" customHeight="1" x14ac:dyDescent="0.2">
      <c r="A104" s="14">
        <v>81</v>
      </c>
      <c r="B104" s="15">
        <v>51</v>
      </c>
      <c r="C104" s="16">
        <v>48</v>
      </c>
      <c r="D104" s="17">
        <v>99</v>
      </c>
    </row>
    <row r="105" spans="1:4" ht="18" customHeight="1" x14ac:dyDescent="0.2">
      <c r="A105" s="14">
        <v>82</v>
      </c>
      <c r="B105" s="15">
        <v>35</v>
      </c>
      <c r="C105" s="16">
        <v>56</v>
      </c>
      <c r="D105" s="17">
        <v>91</v>
      </c>
    </row>
    <row r="106" spans="1:4" ht="18" customHeight="1" x14ac:dyDescent="0.2">
      <c r="A106" s="14">
        <v>83</v>
      </c>
      <c r="B106" s="15">
        <v>37</v>
      </c>
      <c r="C106" s="16">
        <v>49</v>
      </c>
      <c r="D106" s="17">
        <v>86</v>
      </c>
    </row>
    <row r="107" spans="1:4" ht="18" customHeight="1" x14ac:dyDescent="0.2">
      <c r="A107" s="14">
        <v>84</v>
      </c>
      <c r="B107" s="15">
        <v>23</v>
      </c>
      <c r="C107" s="16">
        <v>59</v>
      </c>
      <c r="D107" s="17">
        <v>82</v>
      </c>
    </row>
    <row r="108" spans="1:4" ht="18" customHeight="1" x14ac:dyDescent="0.2">
      <c r="A108" s="18" t="s">
        <v>84</v>
      </c>
      <c r="B108" s="15">
        <v>182</v>
      </c>
      <c r="C108" s="16">
        <v>282</v>
      </c>
      <c r="D108" s="17">
        <v>464</v>
      </c>
    </row>
    <row r="109" spans="1:4" ht="18" customHeight="1" x14ac:dyDescent="0.2">
      <c r="A109" s="14">
        <v>85</v>
      </c>
      <c r="B109" s="15">
        <v>16</v>
      </c>
      <c r="C109" s="16">
        <v>38</v>
      </c>
      <c r="D109" s="17">
        <v>54</v>
      </c>
    </row>
    <row r="110" spans="1:4" ht="18" customHeight="1" x14ac:dyDescent="0.2">
      <c r="A110" s="14">
        <v>86</v>
      </c>
      <c r="B110" s="15">
        <v>13</v>
      </c>
      <c r="C110" s="16">
        <v>41</v>
      </c>
      <c r="D110" s="17">
        <v>54</v>
      </c>
    </row>
    <row r="111" spans="1:4" ht="18" customHeight="1" x14ac:dyDescent="0.2">
      <c r="A111" s="14">
        <v>87</v>
      </c>
      <c r="B111" s="15">
        <v>22</v>
      </c>
      <c r="C111" s="16">
        <v>35</v>
      </c>
      <c r="D111" s="17">
        <v>57</v>
      </c>
    </row>
    <row r="112" spans="1:4" ht="18" customHeight="1" x14ac:dyDescent="0.2">
      <c r="A112" s="14">
        <v>88</v>
      </c>
      <c r="B112" s="15">
        <v>13</v>
      </c>
      <c r="C112" s="16">
        <v>32</v>
      </c>
      <c r="D112" s="17">
        <v>45</v>
      </c>
    </row>
    <row r="113" spans="1:4" ht="18" customHeight="1" x14ac:dyDescent="0.2">
      <c r="A113" s="14">
        <v>89</v>
      </c>
      <c r="B113" s="15">
        <v>15</v>
      </c>
      <c r="C113" s="16">
        <v>31</v>
      </c>
      <c r="D113" s="17">
        <v>46</v>
      </c>
    </row>
    <row r="114" spans="1:4" ht="18" customHeight="1" x14ac:dyDescent="0.2">
      <c r="A114" s="18" t="s">
        <v>85</v>
      </c>
      <c r="B114" s="15">
        <v>79</v>
      </c>
      <c r="C114" s="16">
        <v>177</v>
      </c>
      <c r="D114" s="17">
        <v>256</v>
      </c>
    </row>
    <row r="115" spans="1:4" ht="18" customHeight="1" x14ac:dyDescent="0.2">
      <c r="A115" s="14">
        <v>90</v>
      </c>
      <c r="B115" s="15">
        <v>7</v>
      </c>
      <c r="C115" s="16">
        <v>23</v>
      </c>
      <c r="D115" s="17">
        <v>30</v>
      </c>
    </row>
    <row r="116" spans="1:4" ht="18" customHeight="1" x14ac:dyDescent="0.2">
      <c r="A116" s="14">
        <v>91</v>
      </c>
      <c r="B116" s="15">
        <v>4</v>
      </c>
      <c r="C116" s="16">
        <v>6</v>
      </c>
      <c r="D116" s="17">
        <v>10</v>
      </c>
    </row>
    <row r="117" spans="1:4" ht="18" customHeight="1" x14ac:dyDescent="0.2">
      <c r="A117" s="14">
        <v>92</v>
      </c>
      <c r="B117" s="15">
        <v>7</v>
      </c>
      <c r="C117" s="16">
        <v>12</v>
      </c>
      <c r="D117" s="17">
        <v>19</v>
      </c>
    </row>
    <row r="118" spans="1:4" ht="18" customHeight="1" x14ac:dyDescent="0.2">
      <c r="A118" s="14">
        <v>93</v>
      </c>
      <c r="B118" s="15">
        <v>3</v>
      </c>
      <c r="C118" s="16">
        <v>18</v>
      </c>
      <c r="D118" s="17">
        <v>21</v>
      </c>
    </row>
    <row r="119" spans="1:4" ht="18" customHeight="1" x14ac:dyDescent="0.2">
      <c r="A119" s="14">
        <v>94</v>
      </c>
      <c r="B119" s="15">
        <v>2</v>
      </c>
      <c r="C119" s="16">
        <v>9</v>
      </c>
      <c r="D119" s="17">
        <v>11</v>
      </c>
    </row>
    <row r="120" spans="1:4" ht="18" customHeight="1" x14ac:dyDescent="0.2">
      <c r="A120" s="18" t="s">
        <v>86</v>
      </c>
      <c r="B120" s="15">
        <v>23</v>
      </c>
      <c r="C120" s="16">
        <v>68</v>
      </c>
      <c r="D120" s="17">
        <v>91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2</v>
      </c>
      <c r="C122" s="16">
        <v>14</v>
      </c>
      <c r="D122" s="17">
        <v>16</v>
      </c>
    </row>
    <row r="123" spans="1:4" ht="18" customHeight="1" x14ac:dyDescent="0.2">
      <c r="A123" s="14">
        <v>97</v>
      </c>
      <c r="B123" s="15">
        <v>1</v>
      </c>
      <c r="C123" s="16">
        <v>8</v>
      </c>
      <c r="D123" s="17">
        <v>9</v>
      </c>
    </row>
    <row r="124" spans="1:4" ht="18" customHeight="1" x14ac:dyDescent="0.2">
      <c r="A124" s="14">
        <v>98</v>
      </c>
      <c r="B124" s="15">
        <v>0</v>
      </c>
      <c r="C124" s="16">
        <v>7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87</v>
      </c>
      <c r="B126" s="15">
        <v>6</v>
      </c>
      <c r="C126" s="16">
        <v>40</v>
      </c>
      <c r="D126" s="17">
        <v>46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90</v>
      </c>
      <c r="B130" s="4">
        <v>1377</v>
      </c>
      <c r="C130" s="5">
        <v>1861</v>
      </c>
      <c r="D130" s="6">
        <v>3238</v>
      </c>
    </row>
    <row r="131" spans="1:4" ht="18" customHeight="1" x14ac:dyDescent="0.2">
      <c r="A131" s="20" t="s">
        <v>65</v>
      </c>
      <c r="B131" s="7">
        <v>6263</v>
      </c>
      <c r="C131" s="8">
        <v>6694</v>
      </c>
      <c r="D131" s="9">
        <v>1295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1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0</v>
      </c>
      <c r="C5" s="12">
        <v>6</v>
      </c>
      <c r="D5" s="13">
        <v>16</v>
      </c>
    </row>
    <row r="6" spans="1:4" ht="18" customHeight="1" x14ac:dyDescent="0.2">
      <c r="A6" s="14">
        <v>1</v>
      </c>
      <c r="B6" s="15">
        <v>12</v>
      </c>
      <c r="C6" s="16">
        <v>13</v>
      </c>
      <c r="D6" s="17">
        <v>25</v>
      </c>
    </row>
    <row r="7" spans="1:4" ht="18" customHeight="1" x14ac:dyDescent="0.2">
      <c r="A7" s="14">
        <v>2</v>
      </c>
      <c r="B7" s="15">
        <v>13</v>
      </c>
      <c r="C7" s="16">
        <v>11</v>
      </c>
      <c r="D7" s="17">
        <v>24</v>
      </c>
    </row>
    <row r="8" spans="1:4" ht="18" customHeight="1" x14ac:dyDescent="0.2">
      <c r="A8" s="14">
        <v>3</v>
      </c>
      <c r="B8" s="15">
        <v>10</v>
      </c>
      <c r="C8" s="16">
        <v>13</v>
      </c>
      <c r="D8" s="17">
        <v>23</v>
      </c>
    </row>
    <row r="9" spans="1:4" ht="18" customHeight="1" x14ac:dyDescent="0.2">
      <c r="A9" s="14">
        <v>4</v>
      </c>
      <c r="B9" s="15">
        <v>10</v>
      </c>
      <c r="C9" s="16">
        <v>15</v>
      </c>
      <c r="D9" s="17">
        <v>25</v>
      </c>
    </row>
    <row r="10" spans="1:4" ht="18" customHeight="1" x14ac:dyDescent="0.2">
      <c r="A10" s="18" t="s">
        <v>92</v>
      </c>
      <c r="B10" s="15">
        <v>55</v>
      </c>
      <c r="C10" s="16">
        <v>58</v>
      </c>
      <c r="D10" s="17">
        <v>113</v>
      </c>
    </row>
    <row r="11" spans="1:4" ht="18" customHeight="1" x14ac:dyDescent="0.2">
      <c r="A11" s="14">
        <v>5</v>
      </c>
      <c r="B11" s="15">
        <v>10</v>
      </c>
      <c r="C11" s="16">
        <v>10</v>
      </c>
      <c r="D11" s="17">
        <v>20</v>
      </c>
    </row>
    <row r="12" spans="1:4" ht="18" customHeight="1" x14ac:dyDescent="0.2">
      <c r="A12" s="14">
        <v>6</v>
      </c>
      <c r="B12" s="15">
        <v>13</v>
      </c>
      <c r="C12" s="16">
        <v>14</v>
      </c>
      <c r="D12" s="17">
        <v>27</v>
      </c>
    </row>
    <row r="13" spans="1:4" ht="18" customHeight="1" x14ac:dyDescent="0.2">
      <c r="A13" s="14">
        <v>7</v>
      </c>
      <c r="B13" s="15">
        <v>10</v>
      </c>
      <c r="C13" s="16">
        <v>8</v>
      </c>
      <c r="D13" s="17">
        <v>18</v>
      </c>
    </row>
    <row r="14" spans="1:4" ht="18" customHeight="1" x14ac:dyDescent="0.2">
      <c r="A14" s="14">
        <v>8</v>
      </c>
      <c r="B14" s="15">
        <v>14</v>
      </c>
      <c r="C14" s="16">
        <v>11</v>
      </c>
      <c r="D14" s="17">
        <v>25</v>
      </c>
    </row>
    <row r="15" spans="1:4" ht="18" customHeight="1" x14ac:dyDescent="0.2">
      <c r="A15" s="14">
        <v>9</v>
      </c>
      <c r="B15" s="15">
        <v>13</v>
      </c>
      <c r="C15" s="16">
        <v>16</v>
      </c>
      <c r="D15" s="17">
        <v>29</v>
      </c>
    </row>
    <row r="16" spans="1:4" ht="18" customHeight="1" x14ac:dyDescent="0.2">
      <c r="A16" s="18" t="s">
        <v>93</v>
      </c>
      <c r="B16" s="15">
        <v>60</v>
      </c>
      <c r="C16" s="16">
        <v>59</v>
      </c>
      <c r="D16" s="17">
        <v>119</v>
      </c>
    </row>
    <row r="17" spans="1:4" ht="18" customHeight="1" x14ac:dyDescent="0.2">
      <c r="A17" s="14">
        <v>10</v>
      </c>
      <c r="B17" s="15">
        <v>10</v>
      </c>
      <c r="C17" s="16">
        <v>11</v>
      </c>
      <c r="D17" s="17">
        <v>21</v>
      </c>
    </row>
    <row r="18" spans="1:4" ht="18" customHeight="1" x14ac:dyDescent="0.2">
      <c r="A18" s="14">
        <v>11</v>
      </c>
      <c r="B18" s="15">
        <v>11</v>
      </c>
      <c r="C18" s="16">
        <v>11</v>
      </c>
      <c r="D18" s="17">
        <v>22</v>
      </c>
    </row>
    <row r="19" spans="1:4" ht="18" customHeight="1" x14ac:dyDescent="0.2">
      <c r="A19" s="14">
        <v>12</v>
      </c>
      <c r="B19" s="15">
        <v>12</v>
      </c>
      <c r="C19" s="16">
        <v>6</v>
      </c>
      <c r="D19" s="17">
        <v>18</v>
      </c>
    </row>
    <row r="20" spans="1:4" ht="18" customHeight="1" x14ac:dyDescent="0.2">
      <c r="A20" s="14">
        <v>13</v>
      </c>
      <c r="B20" s="15">
        <v>19</v>
      </c>
      <c r="C20" s="16">
        <v>21</v>
      </c>
      <c r="D20" s="17">
        <v>40</v>
      </c>
    </row>
    <row r="21" spans="1:4" ht="18" customHeight="1" x14ac:dyDescent="0.2">
      <c r="A21" s="14">
        <v>14</v>
      </c>
      <c r="B21" s="15">
        <v>13</v>
      </c>
      <c r="C21" s="16">
        <v>8</v>
      </c>
      <c r="D21" s="17">
        <v>21</v>
      </c>
    </row>
    <row r="22" spans="1:4" ht="18" customHeight="1" x14ac:dyDescent="0.2">
      <c r="A22" s="18" t="s">
        <v>94</v>
      </c>
      <c r="B22" s="15">
        <v>65</v>
      </c>
      <c r="C22" s="16">
        <v>57</v>
      </c>
      <c r="D22" s="17">
        <v>122</v>
      </c>
    </row>
    <row r="23" spans="1:4" ht="18" customHeight="1" x14ac:dyDescent="0.2">
      <c r="A23" s="18" t="s">
        <v>95</v>
      </c>
      <c r="B23" s="15">
        <v>180</v>
      </c>
      <c r="C23" s="16">
        <v>174</v>
      </c>
      <c r="D23" s="17">
        <v>354</v>
      </c>
    </row>
    <row r="24" spans="1:4" ht="18" customHeight="1" x14ac:dyDescent="0.2">
      <c r="A24" s="14">
        <v>15</v>
      </c>
      <c r="B24" s="15">
        <v>13</v>
      </c>
      <c r="C24" s="16">
        <v>7</v>
      </c>
      <c r="D24" s="17">
        <v>20</v>
      </c>
    </row>
    <row r="25" spans="1:4" ht="18" customHeight="1" x14ac:dyDescent="0.2">
      <c r="A25" s="14">
        <v>16</v>
      </c>
      <c r="B25" s="15">
        <v>16</v>
      </c>
      <c r="C25" s="16">
        <v>15</v>
      </c>
      <c r="D25" s="17">
        <v>31</v>
      </c>
    </row>
    <row r="26" spans="1:4" ht="18" customHeight="1" x14ac:dyDescent="0.2">
      <c r="A26" s="14">
        <v>17</v>
      </c>
      <c r="B26" s="15">
        <v>9</v>
      </c>
      <c r="C26" s="16">
        <v>10</v>
      </c>
      <c r="D26" s="17">
        <v>19</v>
      </c>
    </row>
    <row r="27" spans="1:4" ht="18" customHeight="1" x14ac:dyDescent="0.2">
      <c r="A27" s="14">
        <v>18</v>
      </c>
      <c r="B27" s="15">
        <v>9</v>
      </c>
      <c r="C27" s="16">
        <v>10</v>
      </c>
      <c r="D27" s="17">
        <v>19</v>
      </c>
    </row>
    <row r="28" spans="1:4" ht="18" customHeight="1" x14ac:dyDescent="0.2">
      <c r="A28" s="14">
        <v>19</v>
      </c>
      <c r="B28" s="15">
        <v>12</v>
      </c>
      <c r="C28" s="16">
        <v>11</v>
      </c>
      <c r="D28" s="17">
        <v>23</v>
      </c>
    </row>
    <row r="29" spans="1:4" ht="18" customHeight="1" x14ac:dyDescent="0.2">
      <c r="A29" s="18" t="s">
        <v>96</v>
      </c>
      <c r="B29" s="15">
        <v>59</v>
      </c>
      <c r="C29" s="16">
        <v>53</v>
      </c>
      <c r="D29" s="17">
        <v>112</v>
      </c>
    </row>
    <row r="30" spans="1:4" ht="18" customHeight="1" x14ac:dyDescent="0.2">
      <c r="A30" s="14">
        <v>20</v>
      </c>
      <c r="B30" s="15">
        <v>9</v>
      </c>
      <c r="C30" s="16">
        <v>9</v>
      </c>
      <c r="D30" s="17">
        <v>18</v>
      </c>
    </row>
    <row r="31" spans="1:4" ht="18" customHeight="1" x14ac:dyDescent="0.2">
      <c r="A31" s="14">
        <v>21</v>
      </c>
      <c r="B31" s="15">
        <v>11</v>
      </c>
      <c r="C31" s="16">
        <v>8</v>
      </c>
      <c r="D31" s="17">
        <v>19</v>
      </c>
    </row>
    <row r="32" spans="1:4" ht="18" customHeight="1" x14ac:dyDescent="0.2">
      <c r="A32" s="14">
        <v>22</v>
      </c>
      <c r="B32" s="15">
        <v>25</v>
      </c>
      <c r="C32" s="16">
        <v>13</v>
      </c>
      <c r="D32" s="17">
        <v>38</v>
      </c>
    </row>
    <row r="33" spans="1:4" ht="18" customHeight="1" x14ac:dyDescent="0.2">
      <c r="A33" s="14">
        <v>23</v>
      </c>
      <c r="B33" s="15">
        <v>13</v>
      </c>
      <c r="C33" s="16">
        <v>19</v>
      </c>
      <c r="D33" s="17">
        <v>32</v>
      </c>
    </row>
    <row r="34" spans="1:4" ht="18" customHeight="1" x14ac:dyDescent="0.2">
      <c r="A34" s="14">
        <v>24</v>
      </c>
      <c r="B34" s="15">
        <v>24</v>
      </c>
      <c r="C34" s="16">
        <v>19</v>
      </c>
      <c r="D34" s="17">
        <v>43</v>
      </c>
    </row>
    <row r="35" spans="1:4" ht="18" customHeight="1" x14ac:dyDescent="0.2">
      <c r="A35" s="18" t="s">
        <v>97</v>
      </c>
      <c r="B35" s="15">
        <v>82</v>
      </c>
      <c r="C35" s="16">
        <v>68</v>
      </c>
      <c r="D35" s="17">
        <v>150</v>
      </c>
    </row>
    <row r="36" spans="1:4" ht="18" customHeight="1" x14ac:dyDescent="0.2">
      <c r="A36" s="14">
        <v>25</v>
      </c>
      <c r="B36" s="15">
        <v>19</v>
      </c>
      <c r="C36" s="16">
        <v>9</v>
      </c>
      <c r="D36" s="17">
        <v>28</v>
      </c>
    </row>
    <row r="37" spans="1:4" ht="18" customHeight="1" x14ac:dyDescent="0.2">
      <c r="A37" s="14">
        <v>26</v>
      </c>
      <c r="B37" s="15">
        <v>19</v>
      </c>
      <c r="C37" s="16">
        <v>20</v>
      </c>
      <c r="D37" s="17">
        <v>39</v>
      </c>
    </row>
    <row r="38" spans="1:4" ht="18" customHeight="1" x14ac:dyDescent="0.2">
      <c r="A38" s="14">
        <v>27</v>
      </c>
      <c r="B38" s="15">
        <v>17</v>
      </c>
      <c r="C38" s="16">
        <v>15</v>
      </c>
      <c r="D38" s="17">
        <v>32</v>
      </c>
    </row>
    <row r="39" spans="1:4" ht="18" customHeight="1" x14ac:dyDescent="0.2">
      <c r="A39" s="14">
        <v>28</v>
      </c>
      <c r="B39" s="15">
        <v>15</v>
      </c>
      <c r="C39" s="16">
        <v>11</v>
      </c>
      <c r="D39" s="17">
        <v>26</v>
      </c>
    </row>
    <row r="40" spans="1:4" ht="18" customHeight="1" x14ac:dyDescent="0.2">
      <c r="A40" s="14">
        <v>29</v>
      </c>
      <c r="B40" s="15">
        <v>16</v>
      </c>
      <c r="C40" s="16">
        <v>8</v>
      </c>
      <c r="D40" s="17">
        <v>24</v>
      </c>
    </row>
    <row r="41" spans="1:4" ht="18" customHeight="1" x14ac:dyDescent="0.2">
      <c r="A41" s="18" t="s">
        <v>98</v>
      </c>
      <c r="B41" s="15">
        <v>86</v>
      </c>
      <c r="C41" s="16">
        <v>63</v>
      </c>
      <c r="D41" s="17">
        <v>149</v>
      </c>
    </row>
    <row r="42" spans="1:4" ht="18" customHeight="1" x14ac:dyDescent="0.2">
      <c r="A42" s="14">
        <v>30</v>
      </c>
      <c r="B42" s="15">
        <v>18</v>
      </c>
      <c r="C42" s="16">
        <v>6</v>
      </c>
      <c r="D42" s="17">
        <v>24</v>
      </c>
    </row>
    <row r="43" spans="1:4" ht="18" customHeight="1" x14ac:dyDescent="0.2">
      <c r="A43" s="14">
        <v>31</v>
      </c>
      <c r="B43" s="15">
        <v>19</v>
      </c>
      <c r="C43" s="16">
        <v>9</v>
      </c>
      <c r="D43" s="17">
        <v>28</v>
      </c>
    </row>
    <row r="44" spans="1:4" ht="18" customHeight="1" x14ac:dyDescent="0.2">
      <c r="A44" s="14">
        <v>32</v>
      </c>
      <c r="B44" s="15">
        <v>11</v>
      </c>
      <c r="C44" s="16">
        <v>23</v>
      </c>
      <c r="D44" s="17">
        <v>34</v>
      </c>
    </row>
    <row r="45" spans="1:4" ht="18" customHeight="1" x14ac:dyDescent="0.2">
      <c r="A45" s="14">
        <v>33</v>
      </c>
      <c r="B45" s="15">
        <v>16</v>
      </c>
      <c r="C45" s="16">
        <v>21</v>
      </c>
      <c r="D45" s="17">
        <v>37</v>
      </c>
    </row>
    <row r="46" spans="1:4" ht="18" customHeight="1" x14ac:dyDescent="0.2">
      <c r="A46" s="14">
        <v>34</v>
      </c>
      <c r="B46" s="15">
        <v>24</v>
      </c>
      <c r="C46" s="16">
        <v>17</v>
      </c>
      <c r="D46" s="17">
        <v>41</v>
      </c>
    </row>
    <row r="47" spans="1:4" ht="18" customHeight="1" x14ac:dyDescent="0.2">
      <c r="A47" s="18" t="s">
        <v>99</v>
      </c>
      <c r="B47" s="15">
        <v>88</v>
      </c>
      <c r="C47" s="16">
        <v>76</v>
      </c>
      <c r="D47" s="17">
        <v>164</v>
      </c>
    </row>
    <row r="48" spans="1:4" ht="18" customHeight="1" x14ac:dyDescent="0.2">
      <c r="A48" s="14">
        <v>35</v>
      </c>
      <c r="B48" s="15">
        <v>16</v>
      </c>
      <c r="C48" s="16">
        <v>14</v>
      </c>
      <c r="D48" s="17">
        <v>30</v>
      </c>
    </row>
    <row r="49" spans="1:4" ht="18" customHeight="1" x14ac:dyDescent="0.2">
      <c r="A49" s="14">
        <v>36</v>
      </c>
      <c r="B49" s="15">
        <v>21</v>
      </c>
      <c r="C49" s="16">
        <v>24</v>
      </c>
      <c r="D49" s="17">
        <v>45</v>
      </c>
    </row>
    <row r="50" spans="1:4" ht="18" customHeight="1" x14ac:dyDescent="0.2">
      <c r="A50" s="14">
        <v>37</v>
      </c>
      <c r="B50" s="15">
        <v>27</v>
      </c>
      <c r="C50" s="16">
        <v>22</v>
      </c>
      <c r="D50" s="17">
        <v>49</v>
      </c>
    </row>
    <row r="51" spans="1:4" ht="18" customHeight="1" x14ac:dyDescent="0.2">
      <c r="A51" s="14">
        <v>38</v>
      </c>
      <c r="B51" s="15">
        <v>32</v>
      </c>
      <c r="C51" s="16">
        <v>19</v>
      </c>
      <c r="D51" s="17">
        <v>51</v>
      </c>
    </row>
    <row r="52" spans="1:4" ht="18" customHeight="1" x14ac:dyDescent="0.2">
      <c r="A52" s="14">
        <v>39</v>
      </c>
      <c r="B52" s="15">
        <v>27</v>
      </c>
      <c r="C52" s="16">
        <v>17</v>
      </c>
      <c r="D52" s="17">
        <v>44</v>
      </c>
    </row>
    <row r="53" spans="1:4" ht="18" customHeight="1" x14ac:dyDescent="0.2">
      <c r="A53" s="18" t="s">
        <v>100</v>
      </c>
      <c r="B53" s="15">
        <v>123</v>
      </c>
      <c r="C53" s="16">
        <v>96</v>
      </c>
      <c r="D53" s="17">
        <v>219</v>
      </c>
    </row>
    <row r="54" spans="1:4" ht="18" customHeight="1" x14ac:dyDescent="0.2">
      <c r="A54" s="14">
        <v>40</v>
      </c>
      <c r="B54" s="15">
        <v>18</v>
      </c>
      <c r="C54" s="16">
        <v>20</v>
      </c>
      <c r="D54" s="17">
        <v>38</v>
      </c>
    </row>
    <row r="55" spans="1:4" ht="18" customHeight="1" x14ac:dyDescent="0.2">
      <c r="A55" s="14">
        <v>41</v>
      </c>
      <c r="B55" s="15">
        <v>23</v>
      </c>
      <c r="C55" s="16">
        <v>27</v>
      </c>
      <c r="D55" s="17">
        <v>50</v>
      </c>
    </row>
    <row r="56" spans="1:4" ht="18" customHeight="1" x14ac:dyDescent="0.2">
      <c r="A56" s="14">
        <v>42</v>
      </c>
      <c r="B56" s="15">
        <v>27</v>
      </c>
      <c r="C56" s="16">
        <v>23</v>
      </c>
      <c r="D56" s="17">
        <v>50</v>
      </c>
    </row>
    <row r="57" spans="1:4" ht="18" customHeight="1" x14ac:dyDescent="0.2">
      <c r="A57" s="14">
        <v>43</v>
      </c>
      <c r="B57" s="15">
        <v>15</v>
      </c>
      <c r="C57" s="16">
        <v>21</v>
      </c>
      <c r="D57" s="17">
        <v>36</v>
      </c>
    </row>
    <row r="58" spans="1:4" ht="18" customHeight="1" x14ac:dyDescent="0.2">
      <c r="A58" s="14">
        <v>44</v>
      </c>
      <c r="B58" s="15">
        <v>19</v>
      </c>
      <c r="C58" s="16">
        <v>22</v>
      </c>
      <c r="D58" s="17">
        <v>41</v>
      </c>
    </row>
    <row r="59" spans="1:4" ht="18" customHeight="1" x14ac:dyDescent="0.2">
      <c r="A59" s="18" t="s">
        <v>101</v>
      </c>
      <c r="B59" s="15">
        <v>102</v>
      </c>
      <c r="C59" s="16">
        <v>113</v>
      </c>
      <c r="D59" s="17">
        <v>215</v>
      </c>
    </row>
    <row r="60" spans="1:4" ht="18" customHeight="1" x14ac:dyDescent="0.2">
      <c r="A60" s="14">
        <v>45</v>
      </c>
      <c r="B60" s="15">
        <v>20</v>
      </c>
      <c r="C60" s="16">
        <v>24</v>
      </c>
      <c r="D60" s="17">
        <v>44</v>
      </c>
    </row>
    <row r="61" spans="1:4" ht="18" customHeight="1" x14ac:dyDescent="0.2">
      <c r="A61" s="14">
        <v>46</v>
      </c>
      <c r="B61" s="15">
        <v>17</v>
      </c>
      <c r="C61" s="16">
        <v>26</v>
      </c>
      <c r="D61" s="17">
        <v>43</v>
      </c>
    </row>
    <row r="62" spans="1:4" ht="18" customHeight="1" x14ac:dyDescent="0.2">
      <c r="A62" s="14">
        <v>47</v>
      </c>
      <c r="B62" s="15">
        <v>15</v>
      </c>
      <c r="C62" s="16">
        <v>12</v>
      </c>
      <c r="D62" s="17">
        <v>27</v>
      </c>
    </row>
    <row r="63" spans="1:4" ht="18" customHeight="1" x14ac:dyDescent="0.2">
      <c r="A63" s="14">
        <v>48</v>
      </c>
      <c r="B63" s="15">
        <v>17</v>
      </c>
      <c r="C63" s="16">
        <v>14</v>
      </c>
      <c r="D63" s="17">
        <v>31</v>
      </c>
    </row>
    <row r="64" spans="1:4" ht="18" customHeight="1" x14ac:dyDescent="0.2">
      <c r="A64" s="14">
        <v>49</v>
      </c>
      <c r="B64" s="15">
        <v>19</v>
      </c>
      <c r="C64" s="16">
        <v>22</v>
      </c>
      <c r="D64" s="17">
        <v>41</v>
      </c>
    </row>
    <row r="65" spans="1:4" ht="18" customHeight="1" x14ac:dyDescent="0.2">
      <c r="A65" s="18" t="s">
        <v>102</v>
      </c>
      <c r="B65" s="15">
        <v>88</v>
      </c>
      <c r="C65" s="16">
        <v>98</v>
      </c>
      <c r="D65" s="17">
        <v>186</v>
      </c>
    </row>
    <row r="66" spans="1:4" ht="18" customHeight="1" x14ac:dyDescent="0.2">
      <c r="A66" s="14">
        <v>50</v>
      </c>
      <c r="B66" s="15">
        <v>10</v>
      </c>
      <c r="C66" s="16">
        <v>21</v>
      </c>
      <c r="D66" s="17">
        <v>31</v>
      </c>
    </row>
    <row r="67" spans="1:4" ht="18" customHeight="1" x14ac:dyDescent="0.2">
      <c r="A67" s="14">
        <v>51</v>
      </c>
      <c r="B67" s="15">
        <v>15</v>
      </c>
      <c r="C67" s="16">
        <v>16</v>
      </c>
      <c r="D67" s="17">
        <v>31</v>
      </c>
    </row>
    <row r="68" spans="1:4" ht="18" customHeight="1" x14ac:dyDescent="0.2">
      <c r="A68" s="14">
        <v>52</v>
      </c>
      <c r="B68" s="15">
        <v>19</v>
      </c>
      <c r="C68" s="16">
        <v>15</v>
      </c>
      <c r="D68" s="17">
        <v>34</v>
      </c>
    </row>
    <row r="69" spans="1:4" ht="18" customHeight="1" x14ac:dyDescent="0.2">
      <c r="A69" s="14">
        <v>53</v>
      </c>
      <c r="B69" s="15">
        <v>20</v>
      </c>
      <c r="C69" s="16">
        <v>20</v>
      </c>
      <c r="D69" s="17">
        <v>40</v>
      </c>
    </row>
    <row r="70" spans="1:4" ht="18" customHeight="1" x14ac:dyDescent="0.2">
      <c r="A70" s="14">
        <v>54</v>
      </c>
      <c r="B70" s="15">
        <v>21</v>
      </c>
      <c r="C70" s="16">
        <v>20</v>
      </c>
      <c r="D70" s="17">
        <v>41</v>
      </c>
    </row>
    <row r="71" spans="1:4" ht="18" customHeight="1" x14ac:dyDescent="0.2">
      <c r="A71" s="18" t="s">
        <v>103</v>
      </c>
      <c r="B71" s="15">
        <v>85</v>
      </c>
      <c r="C71" s="16">
        <v>92</v>
      </c>
      <c r="D71" s="17">
        <v>177</v>
      </c>
    </row>
    <row r="72" spans="1:4" ht="18" customHeight="1" x14ac:dyDescent="0.2">
      <c r="A72" s="14">
        <v>55</v>
      </c>
      <c r="B72" s="15">
        <v>20</v>
      </c>
      <c r="C72" s="16">
        <v>21</v>
      </c>
      <c r="D72" s="17">
        <v>41</v>
      </c>
    </row>
    <row r="73" spans="1:4" ht="18" customHeight="1" x14ac:dyDescent="0.2">
      <c r="A73" s="14">
        <v>56</v>
      </c>
      <c r="B73" s="15">
        <v>25</v>
      </c>
      <c r="C73" s="16">
        <v>38</v>
      </c>
      <c r="D73" s="17">
        <v>63</v>
      </c>
    </row>
    <row r="74" spans="1:4" ht="18" customHeight="1" x14ac:dyDescent="0.2">
      <c r="A74" s="14">
        <v>57</v>
      </c>
      <c r="B74" s="15">
        <v>17</v>
      </c>
      <c r="C74" s="16">
        <v>28</v>
      </c>
      <c r="D74" s="17">
        <v>45</v>
      </c>
    </row>
    <row r="75" spans="1:4" ht="18" customHeight="1" x14ac:dyDescent="0.2">
      <c r="A75" s="14">
        <v>58</v>
      </c>
      <c r="B75" s="15">
        <v>23</v>
      </c>
      <c r="C75" s="16">
        <v>27</v>
      </c>
      <c r="D75" s="17">
        <v>50</v>
      </c>
    </row>
    <row r="76" spans="1:4" ht="18" customHeight="1" x14ac:dyDescent="0.2">
      <c r="A76" s="14">
        <v>59</v>
      </c>
      <c r="B76" s="15">
        <v>22</v>
      </c>
      <c r="C76" s="16">
        <v>22</v>
      </c>
      <c r="D76" s="17">
        <v>44</v>
      </c>
    </row>
    <row r="77" spans="1:4" ht="18" customHeight="1" x14ac:dyDescent="0.2">
      <c r="A77" s="18" t="s">
        <v>104</v>
      </c>
      <c r="B77" s="15">
        <v>107</v>
      </c>
      <c r="C77" s="16">
        <v>136</v>
      </c>
      <c r="D77" s="17">
        <v>243</v>
      </c>
    </row>
    <row r="78" spans="1:4" ht="18" customHeight="1" x14ac:dyDescent="0.2">
      <c r="A78" s="14">
        <v>60</v>
      </c>
      <c r="B78" s="15">
        <v>39</v>
      </c>
      <c r="C78" s="16">
        <v>37</v>
      </c>
      <c r="D78" s="17">
        <v>76</v>
      </c>
    </row>
    <row r="79" spans="1:4" ht="18" customHeight="1" x14ac:dyDescent="0.2">
      <c r="A79" s="14">
        <v>61</v>
      </c>
      <c r="B79" s="15">
        <v>20</v>
      </c>
      <c r="C79" s="16">
        <v>33</v>
      </c>
      <c r="D79" s="17">
        <v>53</v>
      </c>
    </row>
    <row r="80" spans="1:4" ht="18" customHeight="1" x14ac:dyDescent="0.2">
      <c r="A80" s="14">
        <v>62</v>
      </c>
      <c r="B80" s="15">
        <v>24</v>
      </c>
      <c r="C80" s="16">
        <v>31</v>
      </c>
      <c r="D80" s="17">
        <v>55</v>
      </c>
    </row>
    <row r="81" spans="1:4" ht="18" customHeight="1" x14ac:dyDescent="0.2">
      <c r="A81" s="14">
        <v>63</v>
      </c>
      <c r="B81" s="15">
        <v>22</v>
      </c>
      <c r="C81" s="16">
        <v>14</v>
      </c>
      <c r="D81" s="17">
        <v>36</v>
      </c>
    </row>
    <row r="82" spans="1:4" ht="18" customHeight="1" x14ac:dyDescent="0.2">
      <c r="A82" s="14">
        <v>64</v>
      </c>
      <c r="B82" s="15">
        <v>18</v>
      </c>
      <c r="C82" s="16">
        <v>14</v>
      </c>
      <c r="D82" s="17">
        <v>32</v>
      </c>
    </row>
    <row r="83" spans="1:4" ht="18" customHeight="1" x14ac:dyDescent="0.2">
      <c r="A83" s="18" t="s">
        <v>105</v>
      </c>
      <c r="B83" s="15">
        <v>123</v>
      </c>
      <c r="C83" s="16">
        <v>129</v>
      </c>
      <c r="D83" s="17">
        <v>252</v>
      </c>
    </row>
    <row r="84" spans="1:4" ht="18" customHeight="1" x14ac:dyDescent="0.2">
      <c r="A84" s="18" t="s">
        <v>106</v>
      </c>
      <c r="B84" s="15">
        <v>943</v>
      </c>
      <c r="C84" s="16">
        <v>924</v>
      </c>
      <c r="D84" s="17">
        <v>1867</v>
      </c>
    </row>
    <row r="85" spans="1:4" ht="18" customHeight="1" x14ac:dyDescent="0.2">
      <c r="A85" s="14">
        <v>65</v>
      </c>
      <c r="B85" s="15">
        <v>21</v>
      </c>
      <c r="C85" s="16">
        <v>21</v>
      </c>
      <c r="D85" s="17">
        <v>42</v>
      </c>
    </row>
    <row r="86" spans="1:4" ht="18" customHeight="1" x14ac:dyDescent="0.2">
      <c r="A86" s="14">
        <v>66</v>
      </c>
      <c r="B86" s="15">
        <v>19</v>
      </c>
      <c r="C86" s="16">
        <v>27</v>
      </c>
      <c r="D86" s="17">
        <v>46</v>
      </c>
    </row>
    <row r="87" spans="1:4" ht="18" customHeight="1" x14ac:dyDescent="0.2">
      <c r="A87" s="14">
        <v>67</v>
      </c>
      <c r="B87" s="15">
        <v>18</v>
      </c>
      <c r="C87" s="16">
        <v>11</v>
      </c>
      <c r="D87" s="17">
        <v>29</v>
      </c>
    </row>
    <row r="88" spans="1:4" ht="18" customHeight="1" x14ac:dyDescent="0.2">
      <c r="A88" s="14">
        <v>68</v>
      </c>
      <c r="B88" s="15">
        <v>15</v>
      </c>
      <c r="C88" s="16">
        <v>16</v>
      </c>
      <c r="D88" s="17">
        <v>31</v>
      </c>
    </row>
    <row r="89" spans="1:4" ht="18" customHeight="1" x14ac:dyDescent="0.2">
      <c r="A89" s="14">
        <v>69</v>
      </c>
      <c r="B89" s="15">
        <v>18</v>
      </c>
      <c r="C89" s="16">
        <v>24</v>
      </c>
      <c r="D89" s="17">
        <v>42</v>
      </c>
    </row>
    <row r="90" spans="1:4" ht="18" customHeight="1" x14ac:dyDescent="0.2">
      <c r="A90" s="18" t="s">
        <v>107</v>
      </c>
      <c r="B90" s="15">
        <v>91</v>
      </c>
      <c r="C90" s="16">
        <v>99</v>
      </c>
      <c r="D90" s="17">
        <v>190</v>
      </c>
    </row>
    <row r="91" spans="1:4" ht="18" customHeight="1" x14ac:dyDescent="0.2">
      <c r="A91" s="14">
        <v>70</v>
      </c>
      <c r="B91" s="15">
        <v>10</v>
      </c>
      <c r="C91" s="16">
        <v>12</v>
      </c>
      <c r="D91" s="17">
        <v>22</v>
      </c>
    </row>
    <row r="92" spans="1:4" ht="18" customHeight="1" x14ac:dyDescent="0.2">
      <c r="A92" s="14">
        <v>71</v>
      </c>
      <c r="B92" s="15">
        <v>11</v>
      </c>
      <c r="C92" s="16">
        <v>18</v>
      </c>
      <c r="D92" s="17">
        <v>29</v>
      </c>
    </row>
    <row r="93" spans="1:4" ht="18" customHeight="1" x14ac:dyDescent="0.2">
      <c r="A93" s="14">
        <v>72</v>
      </c>
      <c r="B93" s="15">
        <v>14</v>
      </c>
      <c r="C93" s="16">
        <v>20</v>
      </c>
      <c r="D93" s="17">
        <v>34</v>
      </c>
    </row>
    <row r="94" spans="1:4" ht="18" customHeight="1" x14ac:dyDescent="0.2">
      <c r="A94" s="14">
        <v>73</v>
      </c>
      <c r="B94" s="15">
        <v>23</v>
      </c>
      <c r="C94" s="16">
        <v>25</v>
      </c>
      <c r="D94" s="17">
        <v>48</v>
      </c>
    </row>
    <row r="95" spans="1:4" ht="18" customHeight="1" x14ac:dyDescent="0.2">
      <c r="A95" s="14">
        <v>74</v>
      </c>
      <c r="B95" s="15">
        <v>11</v>
      </c>
      <c r="C95" s="16">
        <v>22</v>
      </c>
      <c r="D95" s="17">
        <v>33</v>
      </c>
    </row>
    <row r="96" spans="1:4" ht="18" customHeight="1" x14ac:dyDescent="0.2">
      <c r="A96" s="18" t="s">
        <v>108</v>
      </c>
      <c r="B96" s="15">
        <v>69</v>
      </c>
      <c r="C96" s="16">
        <v>97</v>
      </c>
      <c r="D96" s="17">
        <v>166</v>
      </c>
    </row>
    <row r="97" spans="1:4" ht="18" customHeight="1" x14ac:dyDescent="0.2">
      <c r="A97" s="14">
        <v>75</v>
      </c>
      <c r="B97" s="15">
        <v>17</v>
      </c>
      <c r="C97" s="16">
        <v>21</v>
      </c>
      <c r="D97" s="17">
        <v>38</v>
      </c>
    </row>
    <row r="98" spans="1:4" ht="18" customHeight="1" x14ac:dyDescent="0.2">
      <c r="A98" s="14">
        <v>76</v>
      </c>
      <c r="B98" s="15">
        <v>20</v>
      </c>
      <c r="C98" s="16">
        <v>30</v>
      </c>
      <c r="D98" s="17">
        <v>50</v>
      </c>
    </row>
    <row r="99" spans="1:4" ht="18" customHeight="1" x14ac:dyDescent="0.2">
      <c r="A99" s="14">
        <v>77</v>
      </c>
      <c r="B99" s="15">
        <v>11</v>
      </c>
      <c r="C99" s="16">
        <v>21</v>
      </c>
      <c r="D99" s="17">
        <v>32</v>
      </c>
    </row>
    <row r="100" spans="1:4" ht="18" customHeight="1" x14ac:dyDescent="0.2">
      <c r="A100" s="14">
        <v>78</v>
      </c>
      <c r="B100" s="15">
        <v>13</v>
      </c>
      <c r="C100" s="16">
        <v>26</v>
      </c>
      <c r="D100" s="17">
        <v>39</v>
      </c>
    </row>
    <row r="101" spans="1:4" ht="18" customHeight="1" x14ac:dyDescent="0.2">
      <c r="A101" s="14">
        <v>79</v>
      </c>
      <c r="B101" s="15">
        <v>15</v>
      </c>
      <c r="C101" s="16">
        <v>20</v>
      </c>
      <c r="D101" s="17">
        <v>35</v>
      </c>
    </row>
    <row r="102" spans="1:4" ht="18" customHeight="1" x14ac:dyDescent="0.2">
      <c r="A102" s="18" t="s">
        <v>109</v>
      </c>
      <c r="B102" s="15">
        <v>76</v>
      </c>
      <c r="C102" s="16">
        <v>118</v>
      </c>
      <c r="D102" s="17">
        <v>194</v>
      </c>
    </row>
    <row r="103" spans="1:4" ht="18" customHeight="1" x14ac:dyDescent="0.2">
      <c r="A103" s="14">
        <v>80</v>
      </c>
      <c r="B103" s="15">
        <v>8</v>
      </c>
      <c r="C103" s="16">
        <v>24</v>
      </c>
      <c r="D103" s="17">
        <v>32</v>
      </c>
    </row>
    <row r="104" spans="1:4" ht="18" customHeight="1" x14ac:dyDescent="0.2">
      <c r="A104" s="14">
        <v>81</v>
      </c>
      <c r="B104" s="15">
        <v>10</v>
      </c>
      <c r="C104" s="16">
        <v>23</v>
      </c>
      <c r="D104" s="17">
        <v>33</v>
      </c>
    </row>
    <row r="105" spans="1:4" ht="18" customHeight="1" x14ac:dyDescent="0.2">
      <c r="A105" s="14">
        <v>82</v>
      </c>
      <c r="B105" s="15">
        <v>10</v>
      </c>
      <c r="C105" s="16">
        <v>23</v>
      </c>
      <c r="D105" s="17">
        <v>33</v>
      </c>
    </row>
    <row r="106" spans="1:4" ht="18" customHeight="1" x14ac:dyDescent="0.2">
      <c r="A106" s="14">
        <v>83</v>
      </c>
      <c r="B106" s="15">
        <v>7</v>
      </c>
      <c r="C106" s="16">
        <v>21</v>
      </c>
      <c r="D106" s="17">
        <v>28</v>
      </c>
    </row>
    <row r="107" spans="1:4" ht="18" customHeight="1" x14ac:dyDescent="0.2">
      <c r="A107" s="14">
        <v>84</v>
      </c>
      <c r="B107" s="15">
        <v>5</v>
      </c>
      <c r="C107" s="16">
        <v>13</v>
      </c>
      <c r="D107" s="17">
        <v>18</v>
      </c>
    </row>
    <row r="108" spans="1:4" ht="18" customHeight="1" x14ac:dyDescent="0.2">
      <c r="A108" s="18" t="s">
        <v>110</v>
      </c>
      <c r="B108" s="15">
        <v>40</v>
      </c>
      <c r="C108" s="16">
        <v>104</v>
      </c>
      <c r="D108" s="17">
        <v>144</v>
      </c>
    </row>
    <row r="109" spans="1:4" ht="18" customHeight="1" x14ac:dyDescent="0.2">
      <c r="A109" s="14">
        <v>85</v>
      </c>
      <c r="B109" s="15">
        <v>8</v>
      </c>
      <c r="C109" s="16">
        <v>15</v>
      </c>
      <c r="D109" s="17">
        <v>23</v>
      </c>
    </row>
    <row r="110" spans="1:4" ht="18" customHeight="1" x14ac:dyDescent="0.2">
      <c r="A110" s="14">
        <v>86</v>
      </c>
      <c r="B110" s="15">
        <v>10</v>
      </c>
      <c r="C110" s="16">
        <v>10</v>
      </c>
      <c r="D110" s="17">
        <v>20</v>
      </c>
    </row>
    <row r="111" spans="1:4" ht="18" customHeight="1" x14ac:dyDescent="0.2">
      <c r="A111" s="14">
        <v>87</v>
      </c>
      <c r="B111" s="15">
        <v>10</v>
      </c>
      <c r="C111" s="16">
        <v>15</v>
      </c>
      <c r="D111" s="17">
        <v>25</v>
      </c>
    </row>
    <row r="112" spans="1:4" ht="18" customHeight="1" x14ac:dyDescent="0.2">
      <c r="A112" s="14">
        <v>88</v>
      </c>
      <c r="B112" s="15">
        <v>2</v>
      </c>
      <c r="C112" s="16">
        <v>22</v>
      </c>
      <c r="D112" s="17">
        <v>24</v>
      </c>
    </row>
    <row r="113" spans="1:4" ht="18" customHeight="1" x14ac:dyDescent="0.2">
      <c r="A113" s="14">
        <v>89</v>
      </c>
      <c r="B113" s="15">
        <v>9</v>
      </c>
      <c r="C113" s="16">
        <v>9</v>
      </c>
      <c r="D113" s="17">
        <v>18</v>
      </c>
    </row>
    <row r="114" spans="1:4" ht="18" customHeight="1" x14ac:dyDescent="0.2">
      <c r="A114" s="18" t="s">
        <v>111</v>
      </c>
      <c r="B114" s="15">
        <v>39</v>
      </c>
      <c r="C114" s="16">
        <v>71</v>
      </c>
      <c r="D114" s="17">
        <v>110</v>
      </c>
    </row>
    <row r="115" spans="1:4" ht="18" customHeight="1" x14ac:dyDescent="0.2">
      <c r="A115" s="14">
        <v>90</v>
      </c>
      <c r="B115" s="15">
        <v>1</v>
      </c>
      <c r="C115" s="16">
        <v>9</v>
      </c>
      <c r="D115" s="17">
        <v>10</v>
      </c>
    </row>
    <row r="116" spans="1:4" ht="18" customHeight="1" x14ac:dyDescent="0.2">
      <c r="A116" s="14">
        <v>91</v>
      </c>
      <c r="B116" s="15">
        <v>1</v>
      </c>
      <c r="C116" s="16">
        <v>6</v>
      </c>
      <c r="D116" s="17">
        <v>7</v>
      </c>
    </row>
    <row r="117" spans="1:4" ht="18" customHeight="1" x14ac:dyDescent="0.2">
      <c r="A117" s="14">
        <v>92</v>
      </c>
      <c r="B117" s="15">
        <v>5</v>
      </c>
      <c r="C117" s="16">
        <v>8</v>
      </c>
      <c r="D117" s="17">
        <v>13</v>
      </c>
    </row>
    <row r="118" spans="1:4" ht="18" customHeight="1" x14ac:dyDescent="0.2">
      <c r="A118" s="14">
        <v>93</v>
      </c>
      <c r="B118" s="15">
        <v>3</v>
      </c>
      <c r="C118" s="16">
        <v>4</v>
      </c>
      <c r="D118" s="17">
        <v>7</v>
      </c>
    </row>
    <row r="119" spans="1:4" ht="18" customHeight="1" x14ac:dyDescent="0.2">
      <c r="A119" s="14">
        <v>94</v>
      </c>
      <c r="B119" s="15">
        <v>3</v>
      </c>
      <c r="C119" s="16">
        <v>1</v>
      </c>
      <c r="D119" s="17">
        <v>4</v>
      </c>
    </row>
    <row r="120" spans="1:4" ht="18" customHeight="1" x14ac:dyDescent="0.2">
      <c r="A120" s="18" t="s">
        <v>112</v>
      </c>
      <c r="B120" s="15">
        <v>13</v>
      </c>
      <c r="C120" s="16">
        <v>28</v>
      </c>
      <c r="D120" s="17">
        <v>41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113</v>
      </c>
      <c r="B126" s="15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114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115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116</v>
      </c>
      <c r="B130" s="4">
        <v>329</v>
      </c>
      <c r="C130" s="5">
        <v>529</v>
      </c>
      <c r="D130" s="6">
        <v>858</v>
      </c>
    </row>
    <row r="131" spans="1:4" ht="18" customHeight="1" x14ac:dyDescent="0.2">
      <c r="A131" s="20" t="s">
        <v>65</v>
      </c>
      <c r="B131" s="7">
        <v>1452</v>
      </c>
      <c r="C131" s="8">
        <v>1627</v>
      </c>
      <c r="D131" s="9">
        <v>307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39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5</v>
      </c>
      <c r="C5" s="12">
        <v>11</v>
      </c>
      <c r="D5" s="13">
        <v>26</v>
      </c>
    </row>
    <row r="6" spans="1:4" ht="18" customHeight="1" x14ac:dyDescent="0.2">
      <c r="A6" s="14">
        <v>1</v>
      </c>
      <c r="B6" s="15">
        <v>17</v>
      </c>
      <c r="C6" s="16">
        <v>15</v>
      </c>
      <c r="D6" s="17">
        <v>32</v>
      </c>
    </row>
    <row r="7" spans="1:4" ht="18" customHeight="1" x14ac:dyDescent="0.2">
      <c r="A7" s="14">
        <v>2</v>
      </c>
      <c r="B7" s="15">
        <v>17</v>
      </c>
      <c r="C7" s="16">
        <v>16</v>
      </c>
      <c r="D7" s="17">
        <v>33</v>
      </c>
    </row>
    <row r="8" spans="1:4" ht="18" customHeight="1" x14ac:dyDescent="0.2">
      <c r="A8" s="14">
        <v>3</v>
      </c>
      <c r="B8" s="15">
        <v>11</v>
      </c>
      <c r="C8" s="16">
        <v>14</v>
      </c>
      <c r="D8" s="17">
        <v>25</v>
      </c>
    </row>
    <row r="9" spans="1:4" ht="18" customHeight="1" x14ac:dyDescent="0.2">
      <c r="A9" s="14">
        <v>4</v>
      </c>
      <c r="B9" s="15">
        <v>9</v>
      </c>
      <c r="C9" s="16">
        <v>19</v>
      </c>
      <c r="D9" s="17">
        <v>28</v>
      </c>
    </row>
    <row r="10" spans="1:4" ht="18" customHeight="1" x14ac:dyDescent="0.2">
      <c r="A10" s="18" t="s">
        <v>66</v>
      </c>
      <c r="B10" s="15">
        <v>69</v>
      </c>
      <c r="C10" s="16">
        <v>75</v>
      </c>
      <c r="D10" s="17">
        <v>144</v>
      </c>
    </row>
    <row r="11" spans="1:4" ht="18" customHeight="1" x14ac:dyDescent="0.2">
      <c r="A11" s="14">
        <v>5</v>
      </c>
      <c r="B11" s="15">
        <v>15</v>
      </c>
      <c r="C11" s="16">
        <v>20</v>
      </c>
      <c r="D11" s="17">
        <v>35</v>
      </c>
    </row>
    <row r="12" spans="1:4" ht="18" customHeight="1" x14ac:dyDescent="0.2">
      <c r="A12" s="14">
        <v>6</v>
      </c>
      <c r="B12" s="15">
        <v>15</v>
      </c>
      <c r="C12" s="16">
        <v>16</v>
      </c>
      <c r="D12" s="17">
        <v>31</v>
      </c>
    </row>
    <row r="13" spans="1:4" ht="18" customHeight="1" x14ac:dyDescent="0.2">
      <c r="A13" s="14">
        <v>7</v>
      </c>
      <c r="B13" s="15">
        <v>17</v>
      </c>
      <c r="C13" s="16">
        <v>13</v>
      </c>
      <c r="D13" s="17">
        <v>30</v>
      </c>
    </row>
    <row r="14" spans="1:4" ht="18" customHeight="1" x14ac:dyDescent="0.2">
      <c r="A14" s="14">
        <v>8</v>
      </c>
      <c r="B14" s="15">
        <v>21</v>
      </c>
      <c r="C14" s="16">
        <v>16</v>
      </c>
      <c r="D14" s="17">
        <v>37</v>
      </c>
    </row>
    <row r="15" spans="1:4" ht="18" customHeight="1" x14ac:dyDescent="0.2">
      <c r="A15" s="14">
        <v>9</v>
      </c>
      <c r="B15" s="15">
        <v>28</v>
      </c>
      <c r="C15" s="16">
        <v>16</v>
      </c>
      <c r="D15" s="17">
        <v>44</v>
      </c>
    </row>
    <row r="16" spans="1:4" ht="18" customHeight="1" x14ac:dyDescent="0.2">
      <c r="A16" s="18" t="s">
        <v>67</v>
      </c>
      <c r="B16" s="15">
        <v>96</v>
      </c>
      <c r="C16" s="16">
        <v>81</v>
      </c>
      <c r="D16" s="17">
        <v>177</v>
      </c>
    </row>
    <row r="17" spans="1:4" ht="18" customHeight="1" x14ac:dyDescent="0.2">
      <c r="A17" s="14">
        <v>10</v>
      </c>
      <c r="B17" s="15">
        <v>15</v>
      </c>
      <c r="C17" s="16">
        <v>26</v>
      </c>
      <c r="D17" s="17">
        <v>41</v>
      </c>
    </row>
    <row r="18" spans="1:4" ht="18" customHeight="1" x14ac:dyDescent="0.2">
      <c r="A18" s="14">
        <v>11</v>
      </c>
      <c r="B18" s="15">
        <v>20</v>
      </c>
      <c r="C18" s="16">
        <v>29</v>
      </c>
      <c r="D18" s="17">
        <v>49</v>
      </c>
    </row>
    <row r="19" spans="1:4" ht="18" customHeight="1" x14ac:dyDescent="0.2">
      <c r="A19" s="14">
        <v>12</v>
      </c>
      <c r="B19" s="15">
        <v>17</v>
      </c>
      <c r="C19" s="16">
        <v>17</v>
      </c>
      <c r="D19" s="17">
        <v>34</v>
      </c>
    </row>
    <row r="20" spans="1:4" ht="18" customHeight="1" x14ac:dyDescent="0.2">
      <c r="A20" s="14">
        <v>13</v>
      </c>
      <c r="B20" s="15">
        <v>25</v>
      </c>
      <c r="C20" s="16">
        <v>24</v>
      </c>
      <c r="D20" s="17">
        <v>49</v>
      </c>
    </row>
    <row r="21" spans="1:4" ht="18" customHeight="1" x14ac:dyDescent="0.2">
      <c r="A21" s="14">
        <v>14</v>
      </c>
      <c r="B21" s="15">
        <v>20</v>
      </c>
      <c r="C21" s="16">
        <v>26</v>
      </c>
      <c r="D21" s="17">
        <v>46</v>
      </c>
    </row>
    <row r="22" spans="1:4" ht="18" customHeight="1" x14ac:dyDescent="0.2">
      <c r="A22" s="18" t="s">
        <v>68</v>
      </c>
      <c r="B22" s="15">
        <v>97</v>
      </c>
      <c r="C22" s="16">
        <v>122</v>
      </c>
      <c r="D22" s="17">
        <v>219</v>
      </c>
    </row>
    <row r="23" spans="1:4" ht="18" customHeight="1" x14ac:dyDescent="0.2">
      <c r="A23" s="18" t="s">
        <v>69</v>
      </c>
      <c r="B23" s="15">
        <v>262</v>
      </c>
      <c r="C23" s="16">
        <v>278</v>
      </c>
      <c r="D23" s="17">
        <v>540</v>
      </c>
    </row>
    <row r="24" spans="1:4" ht="18" customHeight="1" x14ac:dyDescent="0.2">
      <c r="A24" s="14">
        <v>15</v>
      </c>
      <c r="B24" s="15">
        <v>23</v>
      </c>
      <c r="C24" s="16">
        <v>24</v>
      </c>
      <c r="D24" s="17">
        <v>47</v>
      </c>
    </row>
    <row r="25" spans="1:4" ht="18" customHeight="1" x14ac:dyDescent="0.2">
      <c r="A25" s="14">
        <v>16</v>
      </c>
      <c r="B25" s="15">
        <v>18</v>
      </c>
      <c r="C25" s="16">
        <v>24</v>
      </c>
      <c r="D25" s="17">
        <v>42</v>
      </c>
    </row>
    <row r="26" spans="1:4" ht="18" customHeight="1" x14ac:dyDescent="0.2">
      <c r="A26" s="14">
        <v>17</v>
      </c>
      <c r="B26" s="15">
        <v>27</v>
      </c>
      <c r="C26" s="16">
        <v>20</v>
      </c>
      <c r="D26" s="17">
        <v>47</v>
      </c>
    </row>
    <row r="27" spans="1:4" ht="18" customHeight="1" x14ac:dyDescent="0.2">
      <c r="A27" s="14">
        <v>18</v>
      </c>
      <c r="B27" s="15">
        <v>18</v>
      </c>
      <c r="C27" s="16">
        <v>20</v>
      </c>
      <c r="D27" s="17">
        <v>38</v>
      </c>
    </row>
    <row r="28" spans="1:4" ht="18" customHeight="1" x14ac:dyDescent="0.2">
      <c r="A28" s="14">
        <v>19</v>
      </c>
      <c r="B28" s="15">
        <v>19</v>
      </c>
      <c r="C28" s="16">
        <v>17</v>
      </c>
      <c r="D28" s="17">
        <v>36</v>
      </c>
    </row>
    <row r="29" spans="1:4" ht="18" customHeight="1" x14ac:dyDescent="0.2">
      <c r="A29" s="18" t="s">
        <v>70</v>
      </c>
      <c r="B29" s="15">
        <v>105</v>
      </c>
      <c r="C29" s="16">
        <v>105</v>
      </c>
      <c r="D29" s="17">
        <v>210</v>
      </c>
    </row>
    <row r="30" spans="1:4" ht="18" customHeight="1" x14ac:dyDescent="0.2">
      <c r="A30" s="14">
        <v>20</v>
      </c>
      <c r="B30" s="15">
        <v>17</v>
      </c>
      <c r="C30" s="16">
        <v>24</v>
      </c>
      <c r="D30" s="17">
        <v>41</v>
      </c>
    </row>
    <row r="31" spans="1:4" ht="18" customHeight="1" x14ac:dyDescent="0.2">
      <c r="A31" s="14">
        <v>21</v>
      </c>
      <c r="B31" s="15">
        <v>24</v>
      </c>
      <c r="C31" s="16">
        <v>21</v>
      </c>
      <c r="D31" s="17">
        <v>45</v>
      </c>
    </row>
    <row r="32" spans="1:4" ht="18" customHeight="1" x14ac:dyDescent="0.2">
      <c r="A32" s="14">
        <v>22</v>
      </c>
      <c r="B32" s="15">
        <v>25</v>
      </c>
      <c r="C32" s="16">
        <v>23</v>
      </c>
      <c r="D32" s="17">
        <v>48</v>
      </c>
    </row>
    <row r="33" spans="1:4" ht="18" customHeight="1" x14ac:dyDescent="0.2">
      <c r="A33" s="14">
        <v>23</v>
      </c>
      <c r="B33" s="15">
        <v>28</v>
      </c>
      <c r="C33" s="16">
        <v>20</v>
      </c>
      <c r="D33" s="17">
        <v>48</v>
      </c>
    </row>
    <row r="34" spans="1:4" ht="18" customHeight="1" x14ac:dyDescent="0.2">
      <c r="A34" s="14">
        <v>24</v>
      </c>
      <c r="B34" s="15">
        <v>20</v>
      </c>
      <c r="C34" s="16">
        <v>20</v>
      </c>
      <c r="D34" s="17">
        <v>40</v>
      </c>
    </row>
    <row r="35" spans="1:4" ht="18" customHeight="1" x14ac:dyDescent="0.2">
      <c r="A35" s="18" t="s">
        <v>71</v>
      </c>
      <c r="B35" s="15">
        <v>114</v>
      </c>
      <c r="C35" s="16">
        <v>108</v>
      </c>
      <c r="D35" s="17">
        <v>222</v>
      </c>
    </row>
    <row r="36" spans="1:4" ht="18" customHeight="1" x14ac:dyDescent="0.2">
      <c r="A36" s="14">
        <v>25</v>
      </c>
      <c r="B36" s="15">
        <v>20</v>
      </c>
      <c r="C36" s="16">
        <v>28</v>
      </c>
      <c r="D36" s="17">
        <v>48</v>
      </c>
    </row>
    <row r="37" spans="1:4" ht="18" customHeight="1" x14ac:dyDescent="0.2">
      <c r="A37" s="14">
        <v>26</v>
      </c>
      <c r="B37" s="15">
        <v>18</v>
      </c>
      <c r="C37" s="16">
        <v>24</v>
      </c>
      <c r="D37" s="17">
        <v>42</v>
      </c>
    </row>
    <row r="38" spans="1:4" ht="18" customHeight="1" x14ac:dyDescent="0.2">
      <c r="A38" s="14">
        <v>27</v>
      </c>
      <c r="B38" s="15">
        <v>23</v>
      </c>
      <c r="C38" s="16">
        <v>27</v>
      </c>
      <c r="D38" s="17">
        <v>50</v>
      </c>
    </row>
    <row r="39" spans="1:4" ht="18" customHeight="1" x14ac:dyDescent="0.2">
      <c r="A39" s="14">
        <v>28</v>
      </c>
      <c r="B39" s="15">
        <v>14</v>
      </c>
      <c r="C39" s="16">
        <v>16</v>
      </c>
      <c r="D39" s="17">
        <v>30</v>
      </c>
    </row>
    <row r="40" spans="1:4" ht="18" customHeight="1" x14ac:dyDescent="0.2">
      <c r="A40" s="14">
        <v>29</v>
      </c>
      <c r="B40" s="15">
        <v>27</v>
      </c>
      <c r="C40" s="16">
        <v>27</v>
      </c>
      <c r="D40" s="17">
        <v>54</v>
      </c>
    </row>
    <row r="41" spans="1:4" ht="18" customHeight="1" x14ac:dyDescent="0.2">
      <c r="A41" s="18" t="s">
        <v>72</v>
      </c>
      <c r="B41" s="15">
        <v>102</v>
      </c>
      <c r="C41" s="16">
        <v>122</v>
      </c>
      <c r="D41" s="17">
        <v>224</v>
      </c>
    </row>
    <row r="42" spans="1:4" ht="18" customHeight="1" x14ac:dyDescent="0.2">
      <c r="A42" s="14">
        <v>30</v>
      </c>
      <c r="B42" s="15">
        <v>28</v>
      </c>
      <c r="C42" s="16">
        <v>35</v>
      </c>
      <c r="D42" s="17">
        <v>63</v>
      </c>
    </row>
    <row r="43" spans="1:4" ht="18" customHeight="1" x14ac:dyDescent="0.2">
      <c r="A43" s="14">
        <v>31</v>
      </c>
      <c r="B43" s="15">
        <v>29</v>
      </c>
      <c r="C43" s="16">
        <v>34</v>
      </c>
      <c r="D43" s="17">
        <v>63</v>
      </c>
    </row>
    <row r="44" spans="1:4" ht="18" customHeight="1" x14ac:dyDescent="0.2">
      <c r="A44" s="14">
        <v>32</v>
      </c>
      <c r="B44" s="15">
        <v>27</v>
      </c>
      <c r="C44" s="16">
        <v>23</v>
      </c>
      <c r="D44" s="17">
        <v>50</v>
      </c>
    </row>
    <row r="45" spans="1:4" ht="18" customHeight="1" x14ac:dyDescent="0.2">
      <c r="A45" s="14">
        <v>33</v>
      </c>
      <c r="B45" s="15">
        <v>37</v>
      </c>
      <c r="C45" s="16">
        <v>24</v>
      </c>
      <c r="D45" s="17">
        <v>61</v>
      </c>
    </row>
    <row r="46" spans="1:4" ht="18" customHeight="1" x14ac:dyDescent="0.2">
      <c r="A46" s="14">
        <v>34</v>
      </c>
      <c r="B46" s="15">
        <v>36</v>
      </c>
      <c r="C46" s="16">
        <v>29</v>
      </c>
      <c r="D46" s="17">
        <v>65</v>
      </c>
    </row>
    <row r="47" spans="1:4" ht="18" customHeight="1" x14ac:dyDescent="0.2">
      <c r="A47" s="18" t="s">
        <v>73</v>
      </c>
      <c r="B47" s="15">
        <v>157</v>
      </c>
      <c r="C47" s="16">
        <v>145</v>
      </c>
      <c r="D47" s="17">
        <v>302</v>
      </c>
    </row>
    <row r="48" spans="1:4" ht="18" customHeight="1" x14ac:dyDescent="0.2">
      <c r="A48" s="14">
        <v>35</v>
      </c>
      <c r="B48" s="15">
        <v>38</v>
      </c>
      <c r="C48" s="16">
        <v>31</v>
      </c>
      <c r="D48" s="17">
        <v>69</v>
      </c>
    </row>
    <row r="49" spans="1:4" ht="18" customHeight="1" x14ac:dyDescent="0.2">
      <c r="A49" s="14">
        <v>36</v>
      </c>
      <c r="B49" s="15">
        <v>27</v>
      </c>
      <c r="C49" s="16">
        <v>32</v>
      </c>
      <c r="D49" s="17">
        <v>59</v>
      </c>
    </row>
    <row r="50" spans="1:4" ht="18" customHeight="1" x14ac:dyDescent="0.2">
      <c r="A50" s="14">
        <v>37</v>
      </c>
      <c r="B50" s="15">
        <v>35</v>
      </c>
      <c r="C50" s="16">
        <v>25</v>
      </c>
      <c r="D50" s="17">
        <v>60</v>
      </c>
    </row>
    <row r="51" spans="1:4" ht="18" customHeight="1" x14ac:dyDescent="0.2">
      <c r="A51" s="14">
        <v>38</v>
      </c>
      <c r="B51" s="15">
        <v>30</v>
      </c>
      <c r="C51" s="16">
        <v>22</v>
      </c>
      <c r="D51" s="17">
        <v>52</v>
      </c>
    </row>
    <row r="52" spans="1:4" ht="18" customHeight="1" x14ac:dyDescent="0.2">
      <c r="A52" s="14">
        <v>39</v>
      </c>
      <c r="B52" s="15">
        <v>22</v>
      </c>
      <c r="C52" s="16">
        <v>27</v>
      </c>
      <c r="D52" s="17">
        <v>49</v>
      </c>
    </row>
    <row r="53" spans="1:4" ht="18" customHeight="1" x14ac:dyDescent="0.2">
      <c r="A53" s="18" t="s">
        <v>74</v>
      </c>
      <c r="B53" s="15">
        <v>152</v>
      </c>
      <c r="C53" s="16">
        <v>137</v>
      </c>
      <c r="D53" s="17">
        <v>289</v>
      </c>
    </row>
    <row r="54" spans="1:4" ht="18" customHeight="1" x14ac:dyDescent="0.2">
      <c r="A54" s="14">
        <v>40</v>
      </c>
      <c r="B54" s="15">
        <v>30</v>
      </c>
      <c r="C54" s="16">
        <v>36</v>
      </c>
      <c r="D54" s="17">
        <v>66</v>
      </c>
    </row>
    <row r="55" spans="1:4" ht="18" customHeight="1" x14ac:dyDescent="0.2">
      <c r="A55" s="14">
        <v>41</v>
      </c>
      <c r="B55" s="15">
        <v>37</v>
      </c>
      <c r="C55" s="16">
        <v>32</v>
      </c>
      <c r="D55" s="17">
        <v>69</v>
      </c>
    </row>
    <row r="56" spans="1:4" ht="18" customHeight="1" x14ac:dyDescent="0.2">
      <c r="A56" s="14">
        <v>42</v>
      </c>
      <c r="B56" s="15">
        <v>27</v>
      </c>
      <c r="C56" s="16">
        <v>35</v>
      </c>
      <c r="D56" s="17">
        <v>62</v>
      </c>
    </row>
    <row r="57" spans="1:4" ht="18" customHeight="1" x14ac:dyDescent="0.2">
      <c r="A57" s="14">
        <v>43</v>
      </c>
      <c r="B57" s="15">
        <v>25</v>
      </c>
      <c r="C57" s="16">
        <v>22</v>
      </c>
      <c r="D57" s="17">
        <v>47</v>
      </c>
    </row>
    <row r="58" spans="1:4" ht="18" customHeight="1" x14ac:dyDescent="0.2">
      <c r="A58" s="14">
        <v>44</v>
      </c>
      <c r="B58" s="15">
        <v>21</v>
      </c>
      <c r="C58" s="16">
        <v>28</v>
      </c>
      <c r="D58" s="17">
        <v>49</v>
      </c>
    </row>
    <row r="59" spans="1:4" ht="18" customHeight="1" x14ac:dyDescent="0.2">
      <c r="A59" s="18" t="s">
        <v>75</v>
      </c>
      <c r="B59" s="15">
        <v>140</v>
      </c>
      <c r="C59" s="16">
        <v>153</v>
      </c>
      <c r="D59" s="17">
        <v>293</v>
      </c>
    </row>
    <row r="60" spans="1:4" ht="18" customHeight="1" x14ac:dyDescent="0.2">
      <c r="A60" s="14">
        <v>45</v>
      </c>
      <c r="B60" s="15">
        <v>36</v>
      </c>
      <c r="C60" s="16">
        <v>32</v>
      </c>
      <c r="D60" s="17">
        <v>68</v>
      </c>
    </row>
    <row r="61" spans="1:4" ht="18" customHeight="1" x14ac:dyDescent="0.2">
      <c r="A61" s="14">
        <v>46</v>
      </c>
      <c r="B61" s="15">
        <v>26</v>
      </c>
      <c r="C61" s="16">
        <v>27</v>
      </c>
      <c r="D61" s="17">
        <v>53</v>
      </c>
    </row>
    <row r="62" spans="1:4" ht="18" customHeight="1" x14ac:dyDescent="0.2">
      <c r="A62" s="14">
        <v>47</v>
      </c>
      <c r="B62" s="15">
        <v>23</v>
      </c>
      <c r="C62" s="16">
        <v>22</v>
      </c>
      <c r="D62" s="17">
        <v>45</v>
      </c>
    </row>
    <row r="63" spans="1:4" ht="18" customHeight="1" x14ac:dyDescent="0.2">
      <c r="A63" s="14">
        <v>48</v>
      </c>
      <c r="B63" s="15">
        <v>26</v>
      </c>
      <c r="C63" s="16">
        <v>20</v>
      </c>
      <c r="D63" s="17">
        <v>46</v>
      </c>
    </row>
    <row r="64" spans="1:4" ht="18" customHeight="1" x14ac:dyDescent="0.2">
      <c r="A64" s="14">
        <v>49</v>
      </c>
      <c r="B64" s="15">
        <v>28</v>
      </c>
      <c r="C64" s="16">
        <v>24</v>
      </c>
      <c r="D64" s="17">
        <v>52</v>
      </c>
    </row>
    <row r="65" spans="1:4" ht="18" customHeight="1" x14ac:dyDescent="0.2">
      <c r="A65" s="18" t="s">
        <v>76</v>
      </c>
      <c r="B65" s="15">
        <v>139</v>
      </c>
      <c r="C65" s="16">
        <v>125</v>
      </c>
      <c r="D65" s="17">
        <v>264</v>
      </c>
    </row>
    <row r="66" spans="1:4" ht="18" customHeight="1" x14ac:dyDescent="0.2">
      <c r="A66" s="14">
        <v>50</v>
      </c>
      <c r="B66" s="15">
        <v>21</v>
      </c>
      <c r="C66" s="16">
        <v>25</v>
      </c>
      <c r="D66" s="17">
        <v>46</v>
      </c>
    </row>
    <row r="67" spans="1:4" ht="18" customHeight="1" x14ac:dyDescent="0.2">
      <c r="A67" s="14">
        <v>51</v>
      </c>
      <c r="B67" s="15">
        <v>23</v>
      </c>
      <c r="C67" s="16">
        <v>25</v>
      </c>
      <c r="D67" s="17">
        <v>48</v>
      </c>
    </row>
    <row r="68" spans="1:4" ht="18" customHeight="1" x14ac:dyDescent="0.2">
      <c r="A68" s="14">
        <v>52</v>
      </c>
      <c r="B68" s="15">
        <v>21</v>
      </c>
      <c r="C68" s="16">
        <v>25</v>
      </c>
      <c r="D68" s="17">
        <v>46</v>
      </c>
    </row>
    <row r="69" spans="1:4" ht="18" customHeight="1" x14ac:dyDescent="0.2">
      <c r="A69" s="14">
        <v>53</v>
      </c>
      <c r="B69" s="15">
        <v>15</v>
      </c>
      <c r="C69" s="16">
        <v>25</v>
      </c>
      <c r="D69" s="17">
        <v>40</v>
      </c>
    </row>
    <row r="70" spans="1:4" ht="18" customHeight="1" x14ac:dyDescent="0.2">
      <c r="A70" s="14">
        <v>54</v>
      </c>
      <c r="B70" s="15">
        <v>31</v>
      </c>
      <c r="C70" s="16">
        <v>22</v>
      </c>
      <c r="D70" s="17">
        <v>53</v>
      </c>
    </row>
    <row r="71" spans="1:4" ht="18" customHeight="1" x14ac:dyDescent="0.2">
      <c r="A71" s="18" t="s">
        <v>77</v>
      </c>
      <c r="B71" s="15">
        <v>111</v>
      </c>
      <c r="C71" s="16">
        <v>122</v>
      </c>
      <c r="D71" s="17">
        <v>233</v>
      </c>
    </row>
    <row r="72" spans="1:4" ht="18" customHeight="1" x14ac:dyDescent="0.2">
      <c r="A72" s="14">
        <v>55</v>
      </c>
      <c r="B72" s="15">
        <v>29</v>
      </c>
      <c r="C72" s="16">
        <v>30</v>
      </c>
      <c r="D72" s="17">
        <v>59</v>
      </c>
    </row>
    <row r="73" spans="1:4" ht="18" customHeight="1" x14ac:dyDescent="0.2">
      <c r="A73" s="14">
        <v>56</v>
      </c>
      <c r="B73" s="15">
        <v>31</v>
      </c>
      <c r="C73" s="16">
        <v>39</v>
      </c>
      <c r="D73" s="17">
        <v>70</v>
      </c>
    </row>
    <row r="74" spans="1:4" ht="18" customHeight="1" x14ac:dyDescent="0.2">
      <c r="A74" s="14">
        <v>57</v>
      </c>
      <c r="B74" s="15">
        <v>36</v>
      </c>
      <c r="C74" s="16">
        <v>37</v>
      </c>
      <c r="D74" s="17">
        <v>73</v>
      </c>
    </row>
    <row r="75" spans="1:4" ht="18" customHeight="1" x14ac:dyDescent="0.2">
      <c r="A75" s="14">
        <v>58</v>
      </c>
      <c r="B75" s="15">
        <v>40</v>
      </c>
      <c r="C75" s="16">
        <v>34</v>
      </c>
      <c r="D75" s="17">
        <v>74</v>
      </c>
    </row>
    <row r="76" spans="1:4" ht="18" customHeight="1" x14ac:dyDescent="0.2">
      <c r="A76" s="14">
        <v>59</v>
      </c>
      <c r="B76" s="15">
        <v>35</v>
      </c>
      <c r="C76" s="16">
        <v>38</v>
      </c>
      <c r="D76" s="17">
        <v>73</v>
      </c>
    </row>
    <row r="77" spans="1:4" ht="18" customHeight="1" x14ac:dyDescent="0.2">
      <c r="A77" s="18" t="s">
        <v>78</v>
      </c>
      <c r="B77" s="15">
        <v>171</v>
      </c>
      <c r="C77" s="16">
        <v>178</v>
      </c>
      <c r="D77" s="17">
        <v>349</v>
      </c>
    </row>
    <row r="78" spans="1:4" ht="18" customHeight="1" x14ac:dyDescent="0.2">
      <c r="A78" s="14">
        <v>60</v>
      </c>
      <c r="B78" s="15">
        <v>46</v>
      </c>
      <c r="C78" s="16">
        <v>48</v>
      </c>
      <c r="D78" s="17">
        <v>94</v>
      </c>
    </row>
    <row r="79" spans="1:4" ht="18" customHeight="1" x14ac:dyDescent="0.2">
      <c r="A79" s="14">
        <v>61</v>
      </c>
      <c r="B79" s="15">
        <v>42</v>
      </c>
      <c r="C79" s="16">
        <v>55</v>
      </c>
      <c r="D79" s="17">
        <v>97</v>
      </c>
    </row>
    <row r="80" spans="1:4" ht="18" customHeight="1" x14ac:dyDescent="0.2">
      <c r="A80" s="14">
        <v>62</v>
      </c>
      <c r="B80" s="15">
        <v>46</v>
      </c>
      <c r="C80" s="16">
        <v>55</v>
      </c>
      <c r="D80" s="17">
        <v>101</v>
      </c>
    </row>
    <row r="81" spans="1:4" ht="18" customHeight="1" x14ac:dyDescent="0.2">
      <c r="A81" s="14">
        <v>63</v>
      </c>
      <c r="B81" s="15">
        <v>22</v>
      </c>
      <c r="C81" s="16">
        <v>23</v>
      </c>
      <c r="D81" s="17">
        <v>45</v>
      </c>
    </row>
    <row r="82" spans="1:4" ht="18" customHeight="1" x14ac:dyDescent="0.2">
      <c r="A82" s="14">
        <v>64</v>
      </c>
      <c r="B82" s="15">
        <v>20</v>
      </c>
      <c r="C82" s="16">
        <v>34</v>
      </c>
      <c r="D82" s="17">
        <v>54</v>
      </c>
    </row>
    <row r="83" spans="1:4" ht="18" customHeight="1" x14ac:dyDescent="0.2">
      <c r="A83" s="18" t="s">
        <v>79</v>
      </c>
      <c r="B83" s="15">
        <v>176</v>
      </c>
      <c r="C83" s="16">
        <v>215</v>
      </c>
      <c r="D83" s="17">
        <v>391</v>
      </c>
    </row>
    <row r="84" spans="1:4" ht="18" customHeight="1" x14ac:dyDescent="0.2">
      <c r="A84" s="18" t="s">
        <v>80</v>
      </c>
      <c r="B84" s="15">
        <v>1367</v>
      </c>
      <c r="C84" s="16">
        <v>1410</v>
      </c>
      <c r="D84" s="17">
        <v>2777</v>
      </c>
    </row>
    <row r="85" spans="1:4" ht="18" customHeight="1" x14ac:dyDescent="0.2">
      <c r="A85" s="14">
        <v>65</v>
      </c>
      <c r="B85" s="15">
        <v>26</v>
      </c>
      <c r="C85" s="16">
        <v>47</v>
      </c>
      <c r="D85" s="17">
        <v>73</v>
      </c>
    </row>
    <row r="86" spans="1:4" ht="18" customHeight="1" x14ac:dyDescent="0.2">
      <c r="A86" s="14">
        <v>66</v>
      </c>
      <c r="B86" s="15">
        <v>40</v>
      </c>
      <c r="C86" s="16">
        <v>39</v>
      </c>
      <c r="D86" s="17">
        <v>79</v>
      </c>
    </row>
    <row r="87" spans="1:4" ht="18" customHeight="1" x14ac:dyDescent="0.2">
      <c r="A87" s="14">
        <v>67</v>
      </c>
      <c r="B87" s="15">
        <v>41</v>
      </c>
      <c r="C87" s="16">
        <v>29</v>
      </c>
      <c r="D87" s="17">
        <v>70</v>
      </c>
    </row>
    <row r="88" spans="1:4" ht="18" customHeight="1" x14ac:dyDescent="0.2">
      <c r="A88" s="14">
        <v>68</v>
      </c>
      <c r="B88" s="15">
        <v>37</v>
      </c>
      <c r="C88" s="16">
        <v>37</v>
      </c>
      <c r="D88" s="17">
        <v>74</v>
      </c>
    </row>
    <row r="89" spans="1:4" ht="18" customHeight="1" x14ac:dyDescent="0.2">
      <c r="A89" s="14">
        <v>69</v>
      </c>
      <c r="B89" s="15">
        <v>25</v>
      </c>
      <c r="C89" s="16">
        <v>30</v>
      </c>
      <c r="D89" s="17">
        <v>55</v>
      </c>
    </row>
    <row r="90" spans="1:4" ht="18" customHeight="1" x14ac:dyDescent="0.2">
      <c r="A90" s="18" t="s">
        <v>81</v>
      </c>
      <c r="B90" s="15">
        <v>169</v>
      </c>
      <c r="C90" s="16">
        <v>182</v>
      </c>
      <c r="D90" s="17">
        <v>351</v>
      </c>
    </row>
    <row r="91" spans="1:4" ht="18" customHeight="1" x14ac:dyDescent="0.2">
      <c r="A91" s="14">
        <v>70</v>
      </c>
      <c r="B91" s="15">
        <v>19</v>
      </c>
      <c r="C91" s="16">
        <v>28</v>
      </c>
      <c r="D91" s="17">
        <v>47</v>
      </c>
    </row>
    <row r="92" spans="1:4" ht="18" customHeight="1" x14ac:dyDescent="0.2">
      <c r="A92" s="14">
        <v>71</v>
      </c>
      <c r="B92" s="15">
        <v>20</v>
      </c>
      <c r="C92" s="16">
        <v>24</v>
      </c>
      <c r="D92" s="17">
        <v>44</v>
      </c>
    </row>
    <row r="93" spans="1:4" ht="18" customHeight="1" x14ac:dyDescent="0.2">
      <c r="A93" s="14">
        <v>72</v>
      </c>
      <c r="B93" s="15">
        <v>33</v>
      </c>
      <c r="C93" s="16">
        <v>20</v>
      </c>
      <c r="D93" s="17">
        <v>53</v>
      </c>
    </row>
    <row r="94" spans="1:4" ht="18" customHeight="1" x14ac:dyDescent="0.2">
      <c r="A94" s="14">
        <v>73</v>
      </c>
      <c r="B94" s="15">
        <v>15</v>
      </c>
      <c r="C94" s="16">
        <v>29</v>
      </c>
      <c r="D94" s="17">
        <v>44</v>
      </c>
    </row>
    <row r="95" spans="1:4" ht="18" customHeight="1" x14ac:dyDescent="0.2">
      <c r="A95" s="14">
        <v>74</v>
      </c>
      <c r="B95" s="15">
        <v>21</v>
      </c>
      <c r="C95" s="16">
        <v>15</v>
      </c>
      <c r="D95" s="17">
        <v>36</v>
      </c>
    </row>
    <row r="96" spans="1:4" ht="18" customHeight="1" x14ac:dyDescent="0.2">
      <c r="A96" s="18" t="s">
        <v>82</v>
      </c>
      <c r="B96" s="15">
        <v>108</v>
      </c>
      <c r="C96" s="16">
        <v>116</v>
      </c>
      <c r="D96" s="17">
        <v>224</v>
      </c>
    </row>
    <row r="97" spans="1:4" ht="18" customHeight="1" x14ac:dyDescent="0.2">
      <c r="A97" s="14">
        <v>75</v>
      </c>
      <c r="B97" s="15">
        <v>20</v>
      </c>
      <c r="C97" s="16">
        <v>22</v>
      </c>
      <c r="D97" s="17">
        <v>42</v>
      </c>
    </row>
    <row r="98" spans="1:4" ht="18" customHeight="1" x14ac:dyDescent="0.2">
      <c r="A98" s="14">
        <v>76</v>
      </c>
      <c r="B98" s="15">
        <v>23</v>
      </c>
      <c r="C98" s="16">
        <v>31</v>
      </c>
      <c r="D98" s="17">
        <v>54</v>
      </c>
    </row>
    <row r="99" spans="1:4" ht="18" customHeight="1" x14ac:dyDescent="0.2">
      <c r="A99" s="14">
        <v>77</v>
      </c>
      <c r="B99" s="15">
        <v>22</v>
      </c>
      <c r="C99" s="16">
        <v>26</v>
      </c>
      <c r="D99" s="17">
        <v>48</v>
      </c>
    </row>
    <row r="100" spans="1:4" ht="18" customHeight="1" x14ac:dyDescent="0.2">
      <c r="A100" s="14">
        <v>78</v>
      </c>
      <c r="B100" s="15">
        <v>16</v>
      </c>
      <c r="C100" s="16">
        <v>13</v>
      </c>
      <c r="D100" s="17">
        <v>29</v>
      </c>
    </row>
    <row r="101" spans="1:4" ht="18" customHeight="1" x14ac:dyDescent="0.2">
      <c r="A101" s="14">
        <v>79</v>
      </c>
      <c r="B101" s="15">
        <v>11</v>
      </c>
      <c r="C101" s="16">
        <v>19</v>
      </c>
      <c r="D101" s="17">
        <v>30</v>
      </c>
    </row>
    <row r="102" spans="1:4" ht="18" customHeight="1" x14ac:dyDescent="0.2">
      <c r="A102" s="18" t="s">
        <v>83</v>
      </c>
      <c r="B102" s="15">
        <v>92</v>
      </c>
      <c r="C102" s="16">
        <v>111</v>
      </c>
      <c r="D102" s="17">
        <v>203</v>
      </c>
    </row>
    <row r="103" spans="1:4" ht="18" customHeight="1" x14ac:dyDescent="0.2">
      <c r="A103" s="14">
        <v>80</v>
      </c>
      <c r="B103" s="15">
        <v>13</v>
      </c>
      <c r="C103" s="16">
        <v>26</v>
      </c>
      <c r="D103" s="17">
        <v>39</v>
      </c>
    </row>
    <row r="104" spans="1:4" ht="18" customHeight="1" x14ac:dyDescent="0.2">
      <c r="A104" s="14">
        <v>81</v>
      </c>
      <c r="B104" s="15">
        <v>10</v>
      </c>
      <c r="C104" s="16">
        <v>20</v>
      </c>
      <c r="D104" s="17">
        <v>30</v>
      </c>
    </row>
    <row r="105" spans="1:4" ht="18" customHeight="1" x14ac:dyDescent="0.2">
      <c r="A105" s="14">
        <v>82</v>
      </c>
      <c r="B105" s="15">
        <v>14</v>
      </c>
      <c r="C105" s="16">
        <v>20</v>
      </c>
      <c r="D105" s="17">
        <v>34</v>
      </c>
    </row>
    <row r="106" spans="1:4" ht="18" customHeight="1" x14ac:dyDescent="0.2">
      <c r="A106" s="14">
        <v>83</v>
      </c>
      <c r="B106" s="15">
        <v>12</v>
      </c>
      <c r="C106" s="16">
        <v>18</v>
      </c>
      <c r="D106" s="17">
        <v>30</v>
      </c>
    </row>
    <row r="107" spans="1:4" ht="18" customHeight="1" x14ac:dyDescent="0.2">
      <c r="A107" s="14">
        <v>84</v>
      </c>
      <c r="B107" s="15">
        <v>6</v>
      </c>
      <c r="C107" s="16">
        <v>12</v>
      </c>
      <c r="D107" s="17">
        <v>18</v>
      </c>
    </row>
    <row r="108" spans="1:4" ht="18" customHeight="1" x14ac:dyDescent="0.2">
      <c r="A108" s="18" t="s">
        <v>84</v>
      </c>
      <c r="B108" s="15">
        <v>55</v>
      </c>
      <c r="C108" s="16">
        <v>96</v>
      </c>
      <c r="D108" s="17">
        <v>151</v>
      </c>
    </row>
    <row r="109" spans="1:4" ht="18" customHeight="1" x14ac:dyDescent="0.2">
      <c r="A109" s="14">
        <v>85</v>
      </c>
      <c r="B109" s="15">
        <v>7</v>
      </c>
      <c r="C109" s="16">
        <v>13</v>
      </c>
      <c r="D109" s="17">
        <v>20</v>
      </c>
    </row>
    <row r="110" spans="1:4" ht="18" customHeight="1" x14ac:dyDescent="0.2">
      <c r="A110" s="14">
        <v>86</v>
      </c>
      <c r="B110" s="15">
        <v>8</v>
      </c>
      <c r="C110" s="16">
        <v>15</v>
      </c>
      <c r="D110" s="17">
        <v>23</v>
      </c>
    </row>
    <row r="111" spans="1:4" ht="18" customHeight="1" x14ac:dyDescent="0.2">
      <c r="A111" s="14">
        <v>87</v>
      </c>
      <c r="B111" s="15">
        <v>6</v>
      </c>
      <c r="C111" s="16">
        <v>16</v>
      </c>
      <c r="D111" s="17">
        <v>22</v>
      </c>
    </row>
    <row r="112" spans="1:4" ht="18" customHeight="1" x14ac:dyDescent="0.2">
      <c r="A112" s="14">
        <v>88</v>
      </c>
      <c r="B112" s="15">
        <v>4</v>
      </c>
      <c r="C112" s="16">
        <v>7</v>
      </c>
      <c r="D112" s="17">
        <v>11</v>
      </c>
    </row>
    <row r="113" spans="1:4" ht="18" customHeight="1" x14ac:dyDescent="0.2">
      <c r="A113" s="14">
        <v>89</v>
      </c>
      <c r="B113" s="15">
        <v>5</v>
      </c>
      <c r="C113" s="16">
        <v>7</v>
      </c>
      <c r="D113" s="17">
        <v>12</v>
      </c>
    </row>
    <row r="114" spans="1:4" ht="18" customHeight="1" x14ac:dyDescent="0.2">
      <c r="A114" s="18" t="s">
        <v>85</v>
      </c>
      <c r="B114" s="15">
        <v>30</v>
      </c>
      <c r="C114" s="16">
        <v>58</v>
      </c>
      <c r="D114" s="17">
        <v>88</v>
      </c>
    </row>
    <row r="115" spans="1:4" ht="18" customHeight="1" x14ac:dyDescent="0.2">
      <c r="A115" s="14">
        <v>90</v>
      </c>
      <c r="B115" s="15">
        <v>2</v>
      </c>
      <c r="C115" s="16">
        <v>8</v>
      </c>
      <c r="D115" s="17">
        <v>10</v>
      </c>
    </row>
    <row r="116" spans="1:4" ht="18" customHeight="1" x14ac:dyDescent="0.2">
      <c r="A116" s="14">
        <v>91</v>
      </c>
      <c r="B116" s="15">
        <v>1</v>
      </c>
      <c r="C116" s="16">
        <v>6</v>
      </c>
      <c r="D116" s="17">
        <v>7</v>
      </c>
    </row>
    <row r="117" spans="1:4" ht="18" customHeight="1" x14ac:dyDescent="0.2">
      <c r="A117" s="14">
        <v>92</v>
      </c>
      <c r="B117" s="15">
        <v>0</v>
      </c>
      <c r="C117" s="16">
        <v>4</v>
      </c>
      <c r="D117" s="17">
        <v>4</v>
      </c>
    </row>
    <row r="118" spans="1:4" ht="18" customHeight="1" x14ac:dyDescent="0.2">
      <c r="A118" s="14">
        <v>93</v>
      </c>
      <c r="B118" s="15">
        <v>1</v>
      </c>
      <c r="C118" s="16">
        <v>4</v>
      </c>
      <c r="D118" s="17">
        <v>5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86</v>
      </c>
      <c r="B120" s="15">
        <v>5</v>
      </c>
      <c r="C120" s="16">
        <v>26</v>
      </c>
      <c r="D120" s="17">
        <v>31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4</v>
      </c>
      <c r="D126" s="17">
        <v>5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90</v>
      </c>
      <c r="B130" s="4">
        <v>461</v>
      </c>
      <c r="C130" s="5">
        <v>595</v>
      </c>
      <c r="D130" s="6">
        <v>1056</v>
      </c>
    </row>
    <row r="131" spans="1:4" ht="18" customHeight="1" x14ac:dyDescent="0.2">
      <c r="A131" s="20" t="s">
        <v>65</v>
      </c>
      <c r="B131" s="7">
        <v>2090</v>
      </c>
      <c r="C131" s="8">
        <v>2283</v>
      </c>
      <c r="D131" s="9">
        <v>437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40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</v>
      </c>
      <c r="C5" s="12">
        <v>5</v>
      </c>
      <c r="D5" s="13">
        <v>8</v>
      </c>
    </row>
    <row r="6" spans="1:4" ht="18" customHeight="1" x14ac:dyDescent="0.2">
      <c r="A6" s="14">
        <v>1</v>
      </c>
      <c r="B6" s="15">
        <v>4</v>
      </c>
      <c r="C6" s="16">
        <v>7</v>
      </c>
      <c r="D6" s="17">
        <v>11</v>
      </c>
    </row>
    <row r="7" spans="1:4" ht="18" customHeight="1" x14ac:dyDescent="0.2">
      <c r="A7" s="14">
        <v>2</v>
      </c>
      <c r="B7" s="15">
        <v>6</v>
      </c>
      <c r="C7" s="16">
        <v>6</v>
      </c>
      <c r="D7" s="17">
        <v>12</v>
      </c>
    </row>
    <row r="8" spans="1:4" ht="18" customHeight="1" x14ac:dyDescent="0.2">
      <c r="A8" s="14">
        <v>3</v>
      </c>
      <c r="B8" s="15">
        <v>6</v>
      </c>
      <c r="C8" s="16">
        <v>7</v>
      </c>
      <c r="D8" s="17">
        <v>13</v>
      </c>
    </row>
    <row r="9" spans="1:4" ht="18" customHeight="1" x14ac:dyDescent="0.2">
      <c r="A9" s="14">
        <v>4</v>
      </c>
      <c r="B9" s="15">
        <v>7</v>
      </c>
      <c r="C9" s="16">
        <v>5</v>
      </c>
      <c r="D9" s="17">
        <v>12</v>
      </c>
    </row>
    <row r="10" spans="1:4" ht="18" customHeight="1" x14ac:dyDescent="0.2">
      <c r="A10" s="18" t="s">
        <v>66</v>
      </c>
      <c r="B10" s="15">
        <v>26</v>
      </c>
      <c r="C10" s="16">
        <v>30</v>
      </c>
      <c r="D10" s="17">
        <v>56</v>
      </c>
    </row>
    <row r="11" spans="1:4" ht="18" customHeight="1" x14ac:dyDescent="0.2">
      <c r="A11" s="14">
        <v>5</v>
      </c>
      <c r="B11" s="15">
        <v>11</v>
      </c>
      <c r="C11" s="16">
        <v>10</v>
      </c>
      <c r="D11" s="17">
        <v>21</v>
      </c>
    </row>
    <row r="12" spans="1:4" ht="18" customHeight="1" x14ac:dyDescent="0.2">
      <c r="A12" s="14">
        <v>6</v>
      </c>
      <c r="B12" s="15">
        <v>9</v>
      </c>
      <c r="C12" s="16">
        <v>8</v>
      </c>
      <c r="D12" s="17">
        <v>17</v>
      </c>
    </row>
    <row r="13" spans="1:4" ht="18" customHeight="1" x14ac:dyDescent="0.2">
      <c r="A13" s="14">
        <v>7</v>
      </c>
      <c r="B13" s="15">
        <v>11</v>
      </c>
      <c r="C13" s="16">
        <v>4</v>
      </c>
      <c r="D13" s="17">
        <v>15</v>
      </c>
    </row>
    <row r="14" spans="1:4" ht="18" customHeight="1" x14ac:dyDescent="0.2">
      <c r="A14" s="14">
        <v>8</v>
      </c>
      <c r="B14" s="15">
        <v>7</v>
      </c>
      <c r="C14" s="16">
        <v>8</v>
      </c>
      <c r="D14" s="17">
        <v>15</v>
      </c>
    </row>
    <row r="15" spans="1:4" ht="18" customHeight="1" x14ac:dyDescent="0.2">
      <c r="A15" s="14">
        <v>9</v>
      </c>
      <c r="B15" s="15">
        <v>9</v>
      </c>
      <c r="C15" s="16">
        <v>4</v>
      </c>
      <c r="D15" s="17">
        <v>13</v>
      </c>
    </row>
    <row r="16" spans="1:4" ht="18" customHeight="1" x14ac:dyDescent="0.2">
      <c r="A16" s="18" t="s">
        <v>67</v>
      </c>
      <c r="B16" s="15">
        <v>47</v>
      </c>
      <c r="C16" s="16">
        <v>34</v>
      </c>
      <c r="D16" s="17">
        <v>81</v>
      </c>
    </row>
    <row r="17" spans="1:4" ht="18" customHeight="1" x14ac:dyDescent="0.2">
      <c r="A17" s="14">
        <v>10</v>
      </c>
      <c r="B17" s="15">
        <v>13</v>
      </c>
      <c r="C17" s="16">
        <v>11</v>
      </c>
      <c r="D17" s="17">
        <v>24</v>
      </c>
    </row>
    <row r="18" spans="1:4" ht="18" customHeight="1" x14ac:dyDescent="0.2">
      <c r="A18" s="14">
        <v>11</v>
      </c>
      <c r="B18" s="15">
        <v>12</v>
      </c>
      <c r="C18" s="16">
        <v>8</v>
      </c>
      <c r="D18" s="17">
        <v>20</v>
      </c>
    </row>
    <row r="19" spans="1:4" ht="18" customHeight="1" x14ac:dyDescent="0.2">
      <c r="A19" s="14">
        <v>12</v>
      </c>
      <c r="B19" s="15">
        <v>10</v>
      </c>
      <c r="C19" s="16">
        <v>7</v>
      </c>
      <c r="D19" s="17">
        <v>17</v>
      </c>
    </row>
    <row r="20" spans="1:4" ht="18" customHeight="1" x14ac:dyDescent="0.2">
      <c r="A20" s="14">
        <v>13</v>
      </c>
      <c r="B20" s="15">
        <v>9</v>
      </c>
      <c r="C20" s="16">
        <v>13</v>
      </c>
      <c r="D20" s="17">
        <v>22</v>
      </c>
    </row>
    <row r="21" spans="1:4" ht="18" customHeight="1" x14ac:dyDescent="0.2">
      <c r="A21" s="14">
        <v>14</v>
      </c>
      <c r="B21" s="15">
        <v>8</v>
      </c>
      <c r="C21" s="16">
        <v>7</v>
      </c>
      <c r="D21" s="17">
        <v>15</v>
      </c>
    </row>
    <row r="22" spans="1:4" ht="18" customHeight="1" x14ac:dyDescent="0.2">
      <c r="A22" s="18" t="s">
        <v>68</v>
      </c>
      <c r="B22" s="15">
        <v>52</v>
      </c>
      <c r="C22" s="16">
        <v>46</v>
      </c>
      <c r="D22" s="17">
        <v>98</v>
      </c>
    </row>
    <row r="23" spans="1:4" ht="18" customHeight="1" x14ac:dyDescent="0.2">
      <c r="A23" s="18" t="s">
        <v>69</v>
      </c>
      <c r="B23" s="15">
        <v>125</v>
      </c>
      <c r="C23" s="16">
        <v>110</v>
      </c>
      <c r="D23" s="17">
        <v>235</v>
      </c>
    </row>
    <row r="24" spans="1:4" ht="18" customHeight="1" x14ac:dyDescent="0.2">
      <c r="A24" s="14">
        <v>15</v>
      </c>
      <c r="B24" s="15">
        <v>11</v>
      </c>
      <c r="C24" s="16">
        <v>10</v>
      </c>
      <c r="D24" s="17">
        <v>21</v>
      </c>
    </row>
    <row r="25" spans="1:4" ht="18" customHeight="1" x14ac:dyDescent="0.2">
      <c r="A25" s="14">
        <v>16</v>
      </c>
      <c r="B25" s="15">
        <v>12</v>
      </c>
      <c r="C25" s="16">
        <v>6</v>
      </c>
      <c r="D25" s="17">
        <v>18</v>
      </c>
    </row>
    <row r="26" spans="1:4" ht="18" customHeight="1" x14ac:dyDescent="0.2">
      <c r="A26" s="14">
        <v>17</v>
      </c>
      <c r="B26" s="15">
        <v>11</v>
      </c>
      <c r="C26" s="16">
        <v>12</v>
      </c>
      <c r="D26" s="17">
        <v>23</v>
      </c>
    </row>
    <row r="27" spans="1:4" ht="18" customHeight="1" x14ac:dyDescent="0.2">
      <c r="A27" s="14">
        <v>18</v>
      </c>
      <c r="B27" s="15">
        <v>7</v>
      </c>
      <c r="C27" s="16">
        <v>10</v>
      </c>
      <c r="D27" s="17">
        <v>17</v>
      </c>
    </row>
    <row r="28" spans="1:4" ht="18" customHeight="1" x14ac:dyDescent="0.2">
      <c r="A28" s="14">
        <v>19</v>
      </c>
      <c r="B28" s="15">
        <v>11</v>
      </c>
      <c r="C28" s="16">
        <v>8</v>
      </c>
      <c r="D28" s="17">
        <v>19</v>
      </c>
    </row>
    <row r="29" spans="1:4" ht="18" customHeight="1" x14ac:dyDescent="0.2">
      <c r="A29" s="18" t="s">
        <v>70</v>
      </c>
      <c r="B29" s="15">
        <v>52</v>
      </c>
      <c r="C29" s="16">
        <v>46</v>
      </c>
      <c r="D29" s="17">
        <v>98</v>
      </c>
    </row>
    <row r="30" spans="1:4" ht="18" customHeight="1" x14ac:dyDescent="0.2">
      <c r="A30" s="14">
        <v>20</v>
      </c>
      <c r="B30" s="15">
        <v>9</v>
      </c>
      <c r="C30" s="16">
        <v>7</v>
      </c>
      <c r="D30" s="17">
        <v>16</v>
      </c>
    </row>
    <row r="31" spans="1:4" ht="18" customHeight="1" x14ac:dyDescent="0.2">
      <c r="A31" s="14">
        <v>21</v>
      </c>
      <c r="B31" s="15">
        <v>13</v>
      </c>
      <c r="C31" s="16">
        <v>5</v>
      </c>
      <c r="D31" s="17">
        <v>18</v>
      </c>
    </row>
    <row r="32" spans="1:4" ht="18" customHeight="1" x14ac:dyDescent="0.2">
      <c r="A32" s="14">
        <v>22</v>
      </c>
      <c r="B32" s="15">
        <v>7</v>
      </c>
      <c r="C32" s="16">
        <v>11</v>
      </c>
      <c r="D32" s="17">
        <v>18</v>
      </c>
    </row>
    <row r="33" spans="1:4" ht="18" customHeight="1" x14ac:dyDescent="0.2">
      <c r="A33" s="14">
        <v>23</v>
      </c>
      <c r="B33" s="15">
        <v>13</v>
      </c>
      <c r="C33" s="16">
        <v>8</v>
      </c>
      <c r="D33" s="17">
        <v>21</v>
      </c>
    </row>
    <row r="34" spans="1:4" ht="18" customHeight="1" x14ac:dyDescent="0.2">
      <c r="A34" s="14">
        <v>24</v>
      </c>
      <c r="B34" s="15">
        <v>11</v>
      </c>
      <c r="C34" s="16">
        <v>5</v>
      </c>
      <c r="D34" s="17">
        <v>16</v>
      </c>
    </row>
    <row r="35" spans="1:4" ht="18" customHeight="1" x14ac:dyDescent="0.2">
      <c r="A35" s="18" t="s">
        <v>71</v>
      </c>
      <c r="B35" s="15">
        <v>53</v>
      </c>
      <c r="C35" s="16">
        <v>36</v>
      </c>
      <c r="D35" s="17">
        <v>89</v>
      </c>
    </row>
    <row r="36" spans="1:4" ht="18" customHeight="1" x14ac:dyDescent="0.2">
      <c r="A36" s="14">
        <v>25</v>
      </c>
      <c r="B36" s="15">
        <v>7</v>
      </c>
      <c r="C36" s="16">
        <v>10</v>
      </c>
      <c r="D36" s="17">
        <v>17</v>
      </c>
    </row>
    <row r="37" spans="1:4" ht="18" customHeight="1" x14ac:dyDescent="0.2">
      <c r="A37" s="14">
        <v>26</v>
      </c>
      <c r="B37" s="15">
        <v>14</v>
      </c>
      <c r="C37" s="16">
        <v>6</v>
      </c>
      <c r="D37" s="17">
        <v>20</v>
      </c>
    </row>
    <row r="38" spans="1:4" ht="18" customHeight="1" x14ac:dyDescent="0.2">
      <c r="A38" s="14">
        <v>27</v>
      </c>
      <c r="B38" s="15">
        <v>12</v>
      </c>
      <c r="C38" s="16">
        <v>6</v>
      </c>
      <c r="D38" s="17">
        <v>18</v>
      </c>
    </row>
    <row r="39" spans="1:4" ht="18" customHeight="1" x14ac:dyDescent="0.2">
      <c r="A39" s="14">
        <v>28</v>
      </c>
      <c r="B39" s="15">
        <v>5</v>
      </c>
      <c r="C39" s="16">
        <v>10</v>
      </c>
      <c r="D39" s="17">
        <v>15</v>
      </c>
    </row>
    <row r="40" spans="1:4" ht="18" customHeight="1" x14ac:dyDescent="0.2">
      <c r="A40" s="14">
        <v>29</v>
      </c>
      <c r="B40" s="15">
        <v>9</v>
      </c>
      <c r="C40" s="16">
        <v>13</v>
      </c>
      <c r="D40" s="17">
        <v>22</v>
      </c>
    </row>
    <row r="41" spans="1:4" ht="18" customHeight="1" x14ac:dyDescent="0.2">
      <c r="A41" s="18" t="s">
        <v>72</v>
      </c>
      <c r="B41" s="15">
        <v>47</v>
      </c>
      <c r="C41" s="16">
        <v>45</v>
      </c>
      <c r="D41" s="17">
        <v>92</v>
      </c>
    </row>
    <row r="42" spans="1:4" ht="18" customHeight="1" x14ac:dyDescent="0.2">
      <c r="A42" s="14">
        <v>30</v>
      </c>
      <c r="B42" s="15">
        <v>8</v>
      </c>
      <c r="C42" s="16">
        <v>7</v>
      </c>
      <c r="D42" s="17">
        <v>15</v>
      </c>
    </row>
    <row r="43" spans="1:4" ht="18" customHeight="1" x14ac:dyDescent="0.2">
      <c r="A43" s="14">
        <v>31</v>
      </c>
      <c r="B43" s="15">
        <v>10</v>
      </c>
      <c r="C43" s="16">
        <v>6</v>
      </c>
      <c r="D43" s="17">
        <v>16</v>
      </c>
    </row>
    <row r="44" spans="1:4" ht="18" customHeight="1" x14ac:dyDescent="0.2">
      <c r="A44" s="14">
        <v>32</v>
      </c>
      <c r="B44" s="15">
        <v>14</v>
      </c>
      <c r="C44" s="16">
        <v>6</v>
      </c>
      <c r="D44" s="17">
        <v>20</v>
      </c>
    </row>
    <row r="45" spans="1:4" ht="18" customHeight="1" x14ac:dyDescent="0.2">
      <c r="A45" s="14">
        <v>33</v>
      </c>
      <c r="B45" s="15">
        <v>11</v>
      </c>
      <c r="C45" s="16">
        <v>19</v>
      </c>
      <c r="D45" s="17">
        <v>30</v>
      </c>
    </row>
    <row r="46" spans="1:4" ht="18" customHeight="1" x14ac:dyDescent="0.2">
      <c r="A46" s="14">
        <v>34</v>
      </c>
      <c r="B46" s="15">
        <v>12</v>
      </c>
      <c r="C46" s="16">
        <v>10</v>
      </c>
      <c r="D46" s="17">
        <v>22</v>
      </c>
    </row>
    <row r="47" spans="1:4" ht="18" customHeight="1" x14ac:dyDescent="0.2">
      <c r="A47" s="18" t="s">
        <v>73</v>
      </c>
      <c r="B47" s="15">
        <v>55</v>
      </c>
      <c r="C47" s="16">
        <v>48</v>
      </c>
      <c r="D47" s="17">
        <v>103</v>
      </c>
    </row>
    <row r="48" spans="1:4" ht="18" customHeight="1" x14ac:dyDescent="0.2">
      <c r="A48" s="14">
        <v>35</v>
      </c>
      <c r="B48" s="15">
        <v>8</v>
      </c>
      <c r="C48" s="16">
        <v>11</v>
      </c>
      <c r="D48" s="17">
        <v>19</v>
      </c>
    </row>
    <row r="49" spans="1:4" ht="18" customHeight="1" x14ac:dyDescent="0.2">
      <c r="A49" s="14">
        <v>36</v>
      </c>
      <c r="B49" s="15">
        <v>13</v>
      </c>
      <c r="C49" s="16">
        <v>12</v>
      </c>
      <c r="D49" s="17">
        <v>25</v>
      </c>
    </row>
    <row r="50" spans="1:4" ht="18" customHeight="1" x14ac:dyDescent="0.2">
      <c r="A50" s="14">
        <v>37</v>
      </c>
      <c r="B50" s="15">
        <v>14</v>
      </c>
      <c r="C50" s="16">
        <v>12</v>
      </c>
      <c r="D50" s="17">
        <v>26</v>
      </c>
    </row>
    <row r="51" spans="1:4" ht="18" customHeight="1" x14ac:dyDescent="0.2">
      <c r="A51" s="14">
        <v>38</v>
      </c>
      <c r="B51" s="15">
        <v>12</v>
      </c>
      <c r="C51" s="16">
        <v>14</v>
      </c>
      <c r="D51" s="17">
        <v>26</v>
      </c>
    </row>
    <row r="52" spans="1:4" ht="18" customHeight="1" x14ac:dyDescent="0.2">
      <c r="A52" s="14">
        <v>39</v>
      </c>
      <c r="B52" s="15">
        <v>11</v>
      </c>
      <c r="C52" s="16">
        <v>8</v>
      </c>
      <c r="D52" s="17">
        <v>19</v>
      </c>
    </row>
    <row r="53" spans="1:4" ht="18" customHeight="1" x14ac:dyDescent="0.2">
      <c r="A53" s="18" t="s">
        <v>74</v>
      </c>
      <c r="B53" s="15">
        <v>58</v>
      </c>
      <c r="C53" s="16">
        <v>57</v>
      </c>
      <c r="D53" s="17">
        <v>115</v>
      </c>
    </row>
    <row r="54" spans="1:4" ht="18" customHeight="1" x14ac:dyDescent="0.2">
      <c r="A54" s="14">
        <v>40</v>
      </c>
      <c r="B54" s="15">
        <v>9</v>
      </c>
      <c r="C54" s="16">
        <v>10</v>
      </c>
      <c r="D54" s="17">
        <v>19</v>
      </c>
    </row>
    <row r="55" spans="1:4" ht="18" customHeight="1" x14ac:dyDescent="0.2">
      <c r="A55" s="14">
        <v>41</v>
      </c>
      <c r="B55" s="15">
        <v>10</v>
      </c>
      <c r="C55" s="16">
        <v>8</v>
      </c>
      <c r="D55" s="17">
        <v>18</v>
      </c>
    </row>
    <row r="56" spans="1:4" ht="18" customHeight="1" x14ac:dyDescent="0.2">
      <c r="A56" s="14">
        <v>42</v>
      </c>
      <c r="B56" s="15">
        <v>18</v>
      </c>
      <c r="C56" s="16">
        <v>13</v>
      </c>
      <c r="D56" s="17">
        <v>31</v>
      </c>
    </row>
    <row r="57" spans="1:4" ht="18" customHeight="1" x14ac:dyDescent="0.2">
      <c r="A57" s="14">
        <v>43</v>
      </c>
      <c r="B57" s="15">
        <v>6</v>
      </c>
      <c r="C57" s="16">
        <v>5</v>
      </c>
      <c r="D57" s="17">
        <v>11</v>
      </c>
    </row>
    <row r="58" spans="1:4" ht="18" customHeight="1" x14ac:dyDescent="0.2">
      <c r="A58" s="14">
        <v>44</v>
      </c>
      <c r="B58" s="15">
        <v>9</v>
      </c>
      <c r="C58" s="16">
        <v>6</v>
      </c>
      <c r="D58" s="17">
        <v>15</v>
      </c>
    </row>
    <row r="59" spans="1:4" ht="18" customHeight="1" x14ac:dyDescent="0.2">
      <c r="A59" s="18" t="s">
        <v>75</v>
      </c>
      <c r="B59" s="15">
        <v>52</v>
      </c>
      <c r="C59" s="16">
        <v>42</v>
      </c>
      <c r="D59" s="17">
        <v>94</v>
      </c>
    </row>
    <row r="60" spans="1:4" ht="18" customHeight="1" x14ac:dyDescent="0.2">
      <c r="A60" s="14">
        <v>45</v>
      </c>
      <c r="B60" s="15">
        <v>11</v>
      </c>
      <c r="C60" s="16">
        <v>11</v>
      </c>
      <c r="D60" s="17">
        <v>22</v>
      </c>
    </row>
    <row r="61" spans="1:4" ht="18" customHeight="1" x14ac:dyDescent="0.2">
      <c r="A61" s="14">
        <v>46</v>
      </c>
      <c r="B61" s="15">
        <v>18</v>
      </c>
      <c r="C61" s="16">
        <v>13</v>
      </c>
      <c r="D61" s="17">
        <v>31</v>
      </c>
    </row>
    <row r="62" spans="1:4" ht="18" customHeight="1" x14ac:dyDescent="0.2">
      <c r="A62" s="14">
        <v>47</v>
      </c>
      <c r="B62" s="15">
        <v>5</v>
      </c>
      <c r="C62" s="16">
        <v>9</v>
      </c>
      <c r="D62" s="17">
        <v>14</v>
      </c>
    </row>
    <row r="63" spans="1:4" ht="18" customHeight="1" x14ac:dyDescent="0.2">
      <c r="A63" s="14">
        <v>48</v>
      </c>
      <c r="B63" s="15">
        <v>10</v>
      </c>
      <c r="C63" s="16">
        <v>9</v>
      </c>
      <c r="D63" s="17">
        <v>19</v>
      </c>
    </row>
    <row r="64" spans="1:4" ht="18" customHeight="1" x14ac:dyDescent="0.2">
      <c r="A64" s="14">
        <v>49</v>
      </c>
      <c r="B64" s="15">
        <v>11</v>
      </c>
      <c r="C64" s="16">
        <v>12</v>
      </c>
      <c r="D64" s="17">
        <v>23</v>
      </c>
    </row>
    <row r="65" spans="1:4" ht="18" customHeight="1" x14ac:dyDescent="0.2">
      <c r="A65" s="18" t="s">
        <v>76</v>
      </c>
      <c r="B65" s="15">
        <v>55</v>
      </c>
      <c r="C65" s="16">
        <v>54</v>
      </c>
      <c r="D65" s="17">
        <v>109</v>
      </c>
    </row>
    <row r="66" spans="1:4" ht="18" customHeight="1" x14ac:dyDescent="0.2">
      <c r="A66" s="14">
        <v>50</v>
      </c>
      <c r="B66" s="15">
        <v>12</v>
      </c>
      <c r="C66" s="16">
        <v>14</v>
      </c>
      <c r="D66" s="17">
        <v>26</v>
      </c>
    </row>
    <row r="67" spans="1:4" ht="18" customHeight="1" x14ac:dyDescent="0.2">
      <c r="A67" s="14">
        <v>51</v>
      </c>
      <c r="B67" s="15">
        <v>13</v>
      </c>
      <c r="C67" s="16">
        <v>13</v>
      </c>
      <c r="D67" s="17">
        <v>26</v>
      </c>
    </row>
    <row r="68" spans="1:4" ht="18" customHeight="1" x14ac:dyDescent="0.2">
      <c r="A68" s="14">
        <v>52</v>
      </c>
      <c r="B68" s="15">
        <v>7</v>
      </c>
      <c r="C68" s="16">
        <v>11</v>
      </c>
      <c r="D68" s="17">
        <v>18</v>
      </c>
    </row>
    <row r="69" spans="1:4" ht="18" customHeight="1" x14ac:dyDescent="0.2">
      <c r="A69" s="14">
        <v>53</v>
      </c>
      <c r="B69" s="15">
        <v>11</v>
      </c>
      <c r="C69" s="16">
        <v>6</v>
      </c>
      <c r="D69" s="17">
        <v>17</v>
      </c>
    </row>
    <row r="70" spans="1:4" ht="18" customHeight="1" x14ac:dyDescent="0.2">
      <c r="A70" s="14">
        <v>54</v>
      </c>
      <c r="B70" s="15">
        <v>16</v>
      </c>
      <c r="C70" s="16">
        <v>11</v>
      </c>
      <c r="D70" s="17">
        <v>27</v>
      </c>
    </row>
    <row r="71" spans="1:4" ht="18" customHeight="1" x14ac:dyDescent="0.2">
      <c r="A71" s="18" t="s">
        <v>77</v>
      </c>
      <c r="B71" s="15">
        <v>59</v>
      </c>
      <c r="C71" s="16">
        <v>55</v>
      </c>
      <c r="D71" s="17">
        <v>114</v>
      </c>
    </row>
    <row r="72" spans="1:4" ht="18" customHeight="1" x14ac:dyDescent="0.2">
      <c r="A72" s="14">
        <v>55</v>
      </c>
      <c r="B72" s="15">
        <v>9</v>
      </c>
      <c r="C72" s="16">
        <v>8</v>
      </c>
      <c r="D72" s="17">
        <v>17</v>
      </c>
    </row>
    <row r="73" spans="1:4" ht="18" customHeight="1" x14ac:dyDescent="0.2">
      <c r="A73" s="14">
        <v>56</v>
      </c>
      <c r="B73" s="15">
        <v>13</v>
      </c>
      <c r="C73" s="16">
        <v>13</v>
      </c>
      <c r="D73" s="17">
        <v>26</v>
      </c>
    </row>
    <row r="74" spans="1:4" ht="18" customHeight="1" x14ac:dyDescent="0.2">
      <c r="A74" s="14">
        <v>57</v>
      </c>
      <c r="B74" s="15">
        <v>17</v>
      </c>
      <c r="C74" s="16">
        <v>18</v>
      </c>
      <c r="D74" s="17">
        <v>35</v>
      </c>
    </row>
    <row r="75" spans="1:4" ht="18" customHeight="1" x14ac:dyDescent="0.2">
      <c r="A75" s="14">
        <v>58</v>
      </c>
      <c r="B75" s="15">
        <v>8</v>
      </c>
      <c r="C75" s="16">
        <v>9</v>
      </c>
      <c r="D75" s="17">
        <v>17</v>
      </c>
    </row>
    <row r="76" spans="1:4" ht="18" customHeight="1" x14ac:dyDescent="0.2">
      <c r="A76" s="14">
        <v>59</v>
      </c>
      <c r="B76" s="15">
        <v>5</v>
      </c>
      <c r="C76" s="16">
        <v>13</v>
      </c>
      <c r="D76" s="17">
        <v>18</v>
      </c>
    </row>
    <row r="77" spans="1:4" ht="18" customHeight="1" x14ac:dyDescent="0.2">
      <c r="A77" s="18" t="s">
        <v>78</v>
      </c>
      <c r="B77" s="15">
        <v>52</v>
      </c>
      <c r="C77" s="16">
        <v>61</v>
      </c>
      <c r="D77" s="17">
        <v>113</v>
      </c>
    </row>
    <row r="78" spans="1:4" ht="18" customHeight="1" x14ac:dyDescent="0.2">
      <c r="A78" s="14">
        <v>60</v>
      </c>
      <c r="B78" s="15">
        <v>24</v>
      </c>
      <c r="C78" s="16">
        <v>18</v>
      </c>
      <c r="D78" s="17">
        <v>42</v>
      </c>
    </row>
    <row r="79" spans="1:4" ht="18" customHeight="1" x14ac:dyDescent="0.2">
      <c r="A79" s="14">
        <v>61</v>
      </c>
      <c r="B79" s="15">
        <v>20</v>
      </c>
      <c r="C79" s="16">
        <v>18</v>
      </c>
      <c r="D79" s="17">
        <v>38</v>
      </c>
    </row>
    <row r="80" spans="1:4" ht="18" customHeight="1" x14ac:dyDescent="0.2">
      <c r="A80" s="14">
        <v>62</v>
      </c>
      <c r="B80" s="15">
        <v>19</v>
      </c>
      <c r="C80" s="16">
        <v>15</v>
      </c>
      <c r="D80" s="17">
        <v>34</v>
      </c>
    </row>
    <row r="81" spans="1:4" ht="18" customHeight="1" x14ac:dyDescent="0.2">
      <c r="A81" s="14">
        <v>63</v>
      </c>
      <c r="B81" s="15">
        <v>7</v>
      </c>
      <c r="C81" s="16">
        <v>15</v>
      </c>
      <c r="D81" s="17">
        <v>22</v>
      </c>
    </row>
    <row r="82" spans="1:4" ht="18" customHeight="1" x14ac:dyDescent="0.2">
      <c r="A82" s="14">
        <v>64</v>
      </c>
      <c r="B82" s="15">
        <v>12</v>
      </c>
      <c r="C82" s="16">
        <v>10</v>
      </c>
      <c r="D82" s="17">
        <v>22</v>
      </c>
    </row>
    <row r="83" spans="1:4" ht="18" customHeight="1" x14ac:dyDescent="0.2">
      <c r="A83" s="18" t="s">
        <v>79</v>
      </c>
      <c r="B83" s="15">
        <v>82</v>
      </c>
      <c r="C83" s="16">
        <v>76</v>
      </c>
      <c r="D83" s="17">
        <v>158</v>
      </c>
    </row>
    <row r="84" spans="1:4" ht="18" customHeight="1" x14ac:dyDescent="0.2">
      <c r="A84" s="18" t="s">
        <v>80</v>
      </c>
      <c r="B84" s="15">
        <v>565</v>
      </c>
      <c r="C84" s="16">
        <v>520</v>
      </c>
      <c r="D84" s="17">
        <v>1085</v>
      </c>
    </row>
    <row r="85" spans="1:4" ht="18" customHeight="1" x14ac:dyDescent="0.2">
      <c r="A85" s="14">
        <v>65</v>
      </c>
      <c r="B85" s="15">
        <v>15</v>
      </c>
      <c r="C85" s="16">
        <v>15</v>
      </c>
      <c r="D85" s="17">
        <v>30</v>
      </c>
    </row>
    <row r="86" spans="1:4" ht="18" customHeight="1" x14ac:dyDescent="0.2">
      <c r="A86" s="14">
        <v>66</v>
      </c>
      <c r="B86" s="15">
        <v>9</v>
      </c>
      <c r="C86" s="16">
        <v>15</v>
      </c>
      <c r="D86" s="17">
        <v>24</v>
      </c>
    </row>
    <row r="87" spans="1:4" ht="18" customHeight="1" x14ac:dyDescent="0.2">
      <c r="A87" s="14">
        <v>67</v>
      </c>
      <c r="B87" s="15">
        <v>16</v>
      </c>
      <c r="C87" s="16">
        <v>14</v>
      </c>
      <c r="D87" s="17">
        <v>30</v>
      </c>
    </row>
    <row r="88" spans="1:4" ht="18" customHeight="1" x14ac:dyDescent="0.2">
      <c r="A88" s="14">
        <v>68</v>
      </c>
      <c r="B88" s="15">
        <v>9</v>
      </c>
      <c r="C88" s="16">
        <v>18</v>
      </c>
      <c r="D88" s="17">
        <v>27</v>
      </c>
    </row>
    <row r="89" spans="1:4" ht="18" customHeight="1" x14ac:dyDescent="0.2">
      <c r="A89" s="14">
        <v>69</v>
      </c>
      <c r="B89" s="15">
        <v>16</v>
      </c>
      <c r="C89" s="16">
        <v>12</v>
      </c>
      <c r="D89" s="17">
        <v>28</v>
      </c>
    </row>
    <row r="90" spans="1:4" ht="18" customHeight="1" x14ac:dyDescent="0.2">
      <c r="A90" s="18" t="s">
        <v>81</v>
      </c>
      <c r="B90" s="15">
        <v>65</v>
      </c>
      <c r="C90" s="16">
        <v>74</v>
      </c>
      <c r="D90" s="17">
        <v>139</v>
      </c>
    </row>
    <row r="91" spans="1:4" ht="18" customHeight="1" x14ac:dyDescent="0.2">
      <c r="A91" s="14">
        <v>70</v>
      </c>
      <c r="B91" s="15">
        <v>9</v>
      </c>
      <c r="C91" s="16">
        <v>12</v>
      </c>
      <c r="D91" s="17">
        <v>21</v>
      </c>
    </row>
    <row r="92" spans="1:4" ht="18" customHeight="1" x14ac:dyDescent="0.2">
      <c r="A92" s="14">
        <v>71</v>
      </c>
      <c r="B92" s="15">
        <v>11</v>
      </c>
      <c r="C92" s="16">
        <v>9</v>
      </c>
      <c r="D92" s="17">
        <v>20</v>
      </c>
    </row>
    <row r="93" spans="1:4" ht="18" customHeight="1" x14ac:dyDescent="0.2">
      <c r="A93" s="14">
        <v>72</v>
      </c>
      <c r="B93" s="15">
        <v>9</v>
      </c>
      <c r="C93" s="16">
        <v>17</v>
      </c>
      <c r="D93" s="17">
        <v>26</v>
      </c>
    </row>
    <row r="94" spans="1:4" ht="18" customHeight="1" x14ac:dyDescent="0.2">
      <c r="A94" s="14">
        <v>73</v>
      </c>
      <c r="B94" s="15">
        <v>7</v>
      </c>
      <c r="C94" s="16">
        <v>19</v>
      </c>
      <c r="D94" s="17">
        <v>26</v>
      </c>
    </row>
    <row r="95" spans="1:4" ht="18" customHeight="1" x14ac:dyDescent="0.2">
      <c r="A95" s="14">
        <v>74</v>
      </c>
      <c r="B95" s="15">
        <v>12</v>
      </c>
      <c r="C95" s="16">
        <v>11</v>
      </c>
      <c r="D95" s="17">
        <v>23</v>
      </c>
    </row>
    <row r="96" spans="1:4" ht="18" customHeight="1" x14ac:dyDescent="0.2">
      <c r="A96" s="18" t="s">
        <v>82</v>
      </c>
      <c r="B96" s="15">
        <v>48</v>
      </c>
      <c r="C96" s="16">
        <v>68</v>
      </c>
      <c r="D96" s="17">
        <v>116</v>
      </c>
    </row>
    <row r="97" spans="1:4" ht="18" customHeight="1" x14ac:dyDescent="0.2">
      <c r="A97" s="14">
        <v>75</v>
      </c>
      <c r="B97" s="15">
        <v>11</v>
      </c>
      <c r="C97" s="16">
        <v>7</v>
      </c>
      <c r="D97" s="17">
        <v>18</v>
      </c>
    </row>
    <row r="98" spans="1:4" ht="18" customHeight="1" x14ac:dyDescent="0.2">
      <c r="A98" s="14">
        <v>76</v>
      </c>
      <c r="B98" s="15">
        <v>5</v>
      </c>
      <c r="C98" s="16">
        <v>5</v>
      </c>
      <c r="D98" s="17">
        <v>10</v>
      </c>
    </row>
    <row r="99" spans="1:4" ht="18" customHeight="1" x14ac:dyDescent="0.2">
      <c r="A99" s="14">
        <v>77</v>
      </c>
      <c r="B99" s="15">
        <v>9</v>
      </c>
      <c r="C99" s="16">
        <v>10</v>
      </c>
      <c r="D99" s="17">
        <v>19</v>
      </c>
    </row>
    <row r="100" spans="1:4" ht="18" customHeight="1" x14ac:dyDescent="0.2">
      <c r="A100" s="14">
        <v>78</v>
      </c>
      <c r="B100" s="15">
        <v>5</v>
      </c>
      <c r="C100" s="16">
        <v>16</v>
      </c>
      <c r="D100" s="17">
        <v>21</v>
      </c>
    </row>
    <row r="101" spans="1:4" ht="18" customHeight="1" x14ac:dyDescent="0.2">
      <c r="A101" s="14">
        <v>79</v>
      </c>
      <c r="B101" s="15">
        <v>7</v>
      </c>
      <c r="C101" s="16">
        <v>14</v>
      </c>
      <c r="D101" s="17">
        <v>21</v>
      </c>
    </row>
    <row r="102" spans="1:4" ht="18" customHeight="1" x14ac:dyDescent="0.2">
      <c r="A102" s="18" t="s">
        <v>83</v>
      </c>
      <c r="B102" s="15">
        <v>37</v>
      </c>
      <c r="C102" s="16">
        <v>52</v>
      </c>
      <c r="D102" s="17">
        <v>89</v>
      </c>
    </row>
    <row r="103" spans="1:4" ht="18" customHeight="1" x14ac:dyDescent="0.2">
      <c r="A103" s="14">
        <v>80</v>
      </c>
      <c r="B103" s="15">
        <v>1</v>
      </c>
      <c r="C103" s="16">
        <v>6</v>
      </c>
      <c r="D103" s="17">
        <v>7</v>
      </c>
    </row>
    <row r="104" spans="1:4" ht="18" customHeight="1" x14ac:dyDescent="0.2">
      <c r="A104" s="14">
        <v>81</v>
      </c>
      <c r="B104" s="15">
        <v>6</v>
      </c>
      <c r="C104" s="16">
        <v>8</v>
      </c>
      <c r="D104" s="17">
        <v>14</v>
      </c>
    </row>
    <row r="105" spans="1:4" ht="18" customHeight="1" x14ac:dyDescent="0.2">
      <c r="A105" s="14">
        <v>82</v>
      </c>
      <c r="B105" s="15">
        <v>2</v>
      </c>
      <c r="C105" s="16">
        <v>6</v>
      </c>
      <c r="D105" s="17">
        <v>8</v>
      </c>
    </row>
    <row r="106" spans="1:4" ht="18" customHeight="1" x14ac:dyDescent="0.2">
      <c r="A106" s="14">
        <v>83</v>
      </c>
      <c r="B106" s="15">
        <v>5</v>
      </c>
      <c r="C106" s="16">
        <v>5</v>
      </c>
      <c r="D106" s="17">
        <v>10</v>
      </c>
    </row>
    <row r="107" spans="1:4" ht="18" customHeight="1" x14ac:dyDescent="0.2">
      <c r="A107" s="14">
        <v>84</v>
      </c>
      <c r="B107" s="15">
        <v>3</v>
      </c>
      <c r="C107" s="16">
        <v>9</v>
      </c>
      <c r="D107" s="17">
        <v>12</v>
      </c>
    </row>
    <row r="108" spans="1:4" ht="18" customHeight="1" x14ac:dyDescent="0.2">
      <c r="A108" s="18" t="s">
        <v>84</v>
      </c>
      <c r="B108" s="15">
        <v>17</v>
      </c>
      <c r="C108" s="16">
        <v>34</v>
      </c>
      <c r="D108" s="17">
        <v>51</v>
      </c>
    </row>
    <row r="109" spans="1:4" ht="18" customHeight="1" x14ac:dyDescent="0.2">
      <c r="A109" s="14">
        <v>85</v>
      </c>
      <c r="B109" s="15">
        <v>6</v>
      </c>
      <c r="C109" s="16">
        <v>7</v>
      </c>
      <c r="D109" s="17">
        <v>13</v>
      </c>
    </row>
    <row r="110" spans="1:4" ht="18" customHeight="1" x14ac:dyDescent="0.2">
      <c r="A110" s="14">
        <v>86</v>
      </c>
      <c r="B110" s="15">
        <v>4</v>
      </c>
      <c r="C110" s="16">
        <v>8</v>
      </c>
      <c r="D110" s="17">
        <v>12</v>
      </c>
    </row>
    <row r="111" spans="1:4" ht="18" customHeight="1" x14ac:dyDescent="0.2">
      <c r="A111" s="14">
        <v>87</v>
      </c>
      <c r="B111" s="15">
        <v>2</v>
      </c>
      <c r="C111" s="16">
        <v>7</v>
      </c>
      <c r="D111" s="17">
        <v>9</v>
      </c>
    </row>
    <row r="112" spans="1:4" ht="18" customHeight="1" x14ac:dyDescent="0.2">
      <c r="A112" s="14">
        <v>88</v>
      </c>
      <c r="B112" s="15">
        <v>2</v>
      </c>
      <c r="C112" s="16">
        <v>3</v>
      </c>
      <c r="D112" s="17">
        <v>5</v>
      </c>
    </row>
    <row r="113" spans="1:4" ht="18" customHeight="1" x14ac:dyDescent="0.2">
      <c r="A113" s="14">
        <v>89</v>
      </c>
      <c r="B113" s="15">
        <v>2</v>
      </c>
      <c r="C113" s="16">
        <v>5</v>
      </c>
      <c r="D113" s="17">
        <v>7</v>
      </c>
    </row>
    <row r="114" spans="1:4" ht="18" customHeight="1" x14ac:dyDescent="0.2">
      <c r="A114" s="18" t="s">
        <v>85</v>
      </c>
      <c r="B114" s="15">
        <v>16</v>
      </c>
      <c r="C114" s="16">
        <v>30</v>
      </c>
      <c r="D114" s="17">
        <v>46</v>
      </c>
    </row>
    <row r="115" spans="1:4" ht="18" customHeight="1" x14ac:dyDescent="0.2">
      <c r="A115" s="14">
        <v>90</v>
      </c>
      <c r="B115" s="15">
        <v>1</v>
      </c>
      <c r="C115" s="16">
        <v>3</v>
      </c>
      <c r="D115" s="17">
        <v>4</v>
      </c>
    </row>
    <row r="116" spans="1:4" ht="18" customHeight="1" x14ac:dyDescent="0.2">
      <c r="A116" s="14">
        <v>91</v>
      </c>
      <c r="B116" s="15">
        <v>3</v>
      </c>
      <c r="C116" s="16">
        <v>0</v>
      </c>
      <c r="D116" s="17">
        <v>3</v>
      </c>
    </row>
    <row r="117" spans="1:4" ht="18" customHeight="1" x14ac:dyDescent="0.2">
      <c r="A117" s="14">
        <v>92</v>
      </c>
      <c r="B117" s="15">
        <v>0</v>
      </c>
      <c r="C117" s="16">
        <v>0</v>
      </c>
      <c r="D117" s="17">
        <v>0</v>
      </c>
    </row>
    <row r="118" spans="1:4" ht="18" customHeight="1" x14ac:dyDescent="0.2">
      <c r="A118" s="14">
        <v>93</v>
      </c>
      <c r="B118" s="15">
        <v>2</v>
      </c>
      <c r="C118" s="16">
        <v>2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86</v>
      </c>
      <c r="B120" s="15">
        <v>6</v>
      </c>
      <c r="C120" s="16">
        <v>7</v>
      </c>
      <c r="D120" s="17">
        <v>13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4</v>
      </c>
      <c r="D126" s="17">
        <v>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190</v>
      </c>
      <c r="C130" s="5">
        <v>270</v>
      </c>
      <c r="D130" s="6">
        <v>460</v>
      </c>
    </row>
    <row r="131" spans="1:4" ht="18" customHeight="1" x14ac:dyDescent="0.2">
      <c r="A131" s="20" t="s">
        <v>65</v>
      </c>
      <c r="B131" s="7">
        <v>880</v>
      </c>
      <c r="C131" s="8">
        <v>900</v>
      </c>
      <c r="D131" s="9">
        <v>178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41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</v>
      </c>
      <c r="C5" s="12">
        <v>4</v>
      </c>
      <c r="D5" s="13">
        <v>7</v>
      </c>
    </row>
    <row r="6" spans="1:4" ht="18" customHeight="1" x14ac:dyDescent="0.2">
      <c r="A6" s="14">
        <v>1</v>
      </c>
      <c r="B6" s="15">
        <v>3</v>
      </c>
      <c r="C6" s="16">
        <v>6</v>
      </c>
      <c r="D6" s="17">
        <v>9</v>
      </c>
    </row>
    <row r="7" spans="1:4" ht="18" customHeight="1" x14ac:dyDescent="0.2">
      <c r="A7" s="14">
        <v>2</v>
      </c>
      <c r="B7" s="15">
        <v>4</v>
      </c>
      <c r="C7" s="16">
        <v>7</v>
      </c>
      <c r="D7" s="17">
        <v>11</v>
      </c>
    </row>
    <row r="8" spans="1:4" ht="18" customHeight="1" x14ac:dyDescent="0.2">
      <c r="A8" s="14">
        <v>3</v>
      </c>
      <c r="B8" s="15">
        <v>3</v>
      </c>
      <c r="C8" s="16">
        <v>3</v>
      </c>
      <c r="D8" s="17">
        <v>6</v>
      </c>
    </row>
    <row r="9" spans="1:4" ht="18" customHeight="1" x14ac:dyDescent="0.2">
      <c r="A9" s="14">
        <v>4</v>
      </c>
      <c r="B9" s="15">
        <v>5</v>
      </c>
      <c r="C9" s="16">
        <v>7</v>
      </c>
      <c r="D9" s="17">
        <v>12</v>
      </c>
    </row>
    <row r="10" spans="1:4" ht="18" customHeight="1" x14ac:dyDescent="0.2">
      <c r="A10" s="18" t="s">
        <v>66</v>
      </c>
      <c r="B10" s="15">
        <v>18</v>
      </c>
      <c r="C10" s="16">
        <v>27</v>
      </c>
      <c r="D10" s="17">
        <v>45</v>
      </c>
    </row>
    <row r="11" spans="1:4" ht="18" customHeight="1" x14ac:dyDescent="0.2">
      <c r="A11" s="14">
        <v>5</v>
      </c>
      <c r="B11" s="15">
        <v>10</v>
      </c>
      <c r="C11" s="16">
        <v>6</v>
      </c>
      <c r="D11" s="17">
        <v>16</v>
      </c>
    </row>
    <row r="12" spans="1:4" ht="18" customHeight="1" x14ac:dyDescent="0.2">
      <c r="A12" s="14">
        <v>6</v>
      </c>
      <c r="B12" s="15">
        <v>7</v>
      </c>
      <c r="C12" s="16">
        <v>8</v>
      </c>
      <c r="D12" s="17">
        <v>15</v>
      </c>
    </row>
    <row r="13" spans="1:4" ht="18" customHeight="1" x14ac:dyDescent="0.2">
      <c r="A13" s="14">
        <v>7</v>
      </c>
      <c r="B13" s="15">
        <v>6</v>
      </c>
      <c r="C13" s="16">
        <v>5</v>
      </c>
      <c r="D13" s="17">
        <v>11</v>
      </c>
    </row>
    <row r="14" spans="1:4" ht="18" customHeight="1" x14ac:dyDescent="0.2">
      <c r="A14" s="14">
        <v>8</v>
      </c>
      <c r="B14" s="15">
        <v>4</v>
      </c>
      <c r="C14" s="16">
        <v>7</v>
      </c>
      <c r="D14" s="17">
        <v>11</v>
      </c>
    </row>
    <row r="15" spans="1:4" ht="18" customHeight="1" x14ac:dyDescent="0.2">
      <c r="A15" s="14">
        <v>9</v>
      </c>
      <c r="B15" s="15">
        <v>5</v>
      </c>
      <c r="C15" s="16">
        <v>7</v>
      </c>
      <c r="D15" s="17">
        <v>12</v>
      </c>
    </row>
    <row r="16" spans="1:4" ht="18" customHeight="1" x14ac:dyDescent="0.2">
      <c r="A16" s="18" t="s">
        <v>67</v>
      </c>
      <c r="B16" s="15">
        <v>32</v>
      </c>
      <c r="C16" s="16">
        <v>33</v>
      </c>
      <c r="D16" s="17">
        <v>65</v>
      </c>
    </row>
    <row r="17" spans="1:4" ht="18" customHeight="1" x14ac:dyDescent="0.2">
      <c r="A17" s="14">
        <v>10</v>
      </c>
      <c r="B17" s="15">
        <v>3</v>
      </c>
      <c r="C17" s="16">
        <v>6</v>
      </c>
      <c r="D17" s="17">
        <v>9</v>
      </c>
    </row>
    <row r="18" spans="1:4" ht="18" customHeight="1" x14ac:dyDescent="0.2">
      <c r="A18" s="14">
        <v>11</v>
      </c>
      <c r="B18" s="15">
        <v>4</v>
      </c>
      <c r="C18" s="16">
        <v>7</v>
      </c>
      <c r="D18" s="17">
        <v>11</v>
      </c>
    </row>
    <row r="19" spans="1:4" ht="18" customHeight="1" x14ac:dyDescent="0.2">
      <c r="A19" s="14">
        <v>12</v>
      </c>
      <c r="B19" s="15">
        <v>4</v>
      </c>
      <c r="C19" s="16">
        <v>2</v>
      </c>
      <c r="D19" s="17">
        <v>6</v>
      </c>
    </row>
    <row r="20" spans="1:4" ht="18" customHeight="1" x14ac:dyDescent="0.2">
      <c r="A20" s="14">
        <v>13</v>
      </c>
      <c r="B20" s="15">
        <v>7</v>
      </c>
      <c r="C20" s="16">
        <v>6</v>
      </c>
      <c r="D20" s="17">
        <v>13</v>
      </c>
    </row>
    <row r="21" spans="1:4" ht="18" customHeight="1" x14ac:dyDescent="0.2">
      <c r="A21" s="14">
        <v>14</v>
      </c>
      <c r="B21" s="15">
        <v>8</v>
      </c>
      <c r="C21" s="16">
        <v>5</v>
      </c>
      <c r="D21" s="17">
        <v>13</v>
      </c>
    </row>
    <row r="22" spans="1:4" ht="18" customHeight="1" x14ac:dyDescent="0.2">
      <c r="A22" s="18" t="s">
        <v>68</v>
      </c>
      <c r="B22" s="15">
        <v>26</v>
      </c>
      <c r="C22" s="16">
        <v>26</v>
      </c>
      <c r="D22" s="17">
        <v>52</v>
      </c>
    </row>
    <row r="23" spans="1:4" ht="18" customHeight="1" x14ac:dyDescent="0.2">
      <c r="A23" s="18" t="s">
        <v>69</v>
      </c>
      <c r="B23" s="15">
        <v>76</v>
      </c>
      <c r="C23" s="16">
        <v>86</v>
      </c>
      <c r="D23" s="17">
        <v>162</v>
      </c>
    </row>
    <row r="24" spans="1:4" ht="18" customHeight="1" x14ac:dyDescent="0.2">
      <c r="A24" s="14">
        <v>15</v>
      </c>
      <c r="B24" s="15">
        <v>3</v>
      </c>
      <c r="C24" s="16">
        <v>8</v>
      </c>
      <c r="D24" s="17">
        <v>11</v>
      </c>
    </row>
    <row r="25" spans="1:4" ht="18" customHeight="1" x14ac:dyDescent="0.2">
      <c r="A25" s="14">
        <v>16</v>
      </c>
      <c r="B25" s="15">
        <v>4</v>
      </c>
      <c r="C25" s="16">
        <v>6</v>
      </c>
      <c r="D25" s="17">
        <v>10</v>
      </c>
    </row>
    <row r="26" spans="1:4" ht="18" customHeight="1" x14ac:dyDescent="0.2">
      <c r="A26" s="14">
        <v>17</v>
      </c>
      <c r="B26" s="15">
        <v>7</v>
      </c>
      <c r="C26" s="16">
        <v>7</v>
      </c>
      <c r="D26" s="17">
        <v>14</v>
      </c>
    </row>
    <row r="27" spans="1:4" ht="18" customHeight="1" x14ac:dyDescent="0.2">
      <c r="A27" s="14">
        <v>18</v>
      </c>
      <c r="B27" s="15">
        <v>10</v>
      </c>
      <c r="C27" s="16">
        <v>9</v>
      </c>
      <c r="D27" s="17">
        <v>19</v>
      </c>
    </row>
    <row r="28" spans="1:4" ht="18" customHeight="1" x14ac:dyDescent="0.2">
      <c r="A28" s="14">
        <v>19</v>
      </c>
      <c r="B28" s="15">
        <v>27</v>
      </c>
      <c r="C28" s="16">
        <v>12</v>
      </c>
      <c r="D28" s="17">
        <v>39</v>
      </c>
    </row>
    <row r="29" spans="1:4" ht="18" customHeight="1" x14ac:dyDescent="0.2">
      <c r="A29" s="18" t="s">
        <v>70</v>
      </c>
      <c r="B29" s="15">
        <v>51</v>
      </c>
      <c r="C29" s="16">
        <v>42</v>
      </c>
      <c r="D29" s="17">
        <v>93</v>
      </c>
    </row>
    <row r="30" spans="1:4" ht="18" customHeight="1" x14ac:dyDescent="0.2">
      <c r="A30" s="14">
        <v>20</v>
      </c>
      <c r="B30" s="15">
        <v>34</v>
      </c>
      <c r="C30" s="16">
        <v>25</v>
      </c>
      <c r="D30" s="17">
        <v>59</v>
      </c>
    </row>
    <row r="31" spans="1:4" ht="18" customHeight="1" x14ac:dyDescent="0.2">
      <c r="A31" s="14">
        <v>21</v>
      </c>
      <c r="B31" s="15">
        <v>43</v>
      </c>
      <c r="C31" s="16">
        <v>21</v>
      </c>
      <c r="D31" s="17">
        <v>64</v>
      </c>
    </row>
    <row r="32" spans="1:4" ht="18" customHeight="1" x14ac:dyDescent="0.2">
      <c r="A32" s="14">
        <v>22</v>
      </c>
      <c r="B32" s="15">
        <v>35</v>
      </c>
      <c r="C32" s="16">
        <v>22</v>
      </c>
      <c r="D32" s="17">
        <v>57</v>
      </c>
    </row>
    <row r="33" spans="1:4" ht="18" customHeight="1" x14ac:dyDescent="0.2">
      <c r="A33" s="14">
        <v>23</v>
      </c>
      <c r="B33" s="15">
        <v>45</v>
      </c>
      <c r="C33" s="16">
        <v>31</v>
      </c>
      <c r="D33" s="17">
        <v>76</v>
      </c>
    </row>
    <row r="34" spans="1:4" ht="18" customHeight="1" x14ac:dyDescent="0.2">
      <c r="A34" s="14">
        <v>24</v>
      </c>
      <c r="B34" s="15">
        <v>48</v>
      </c>
      <c r="C34" s="16">
        <v>26</v>
      </c>
      <c r="D34" s="17">
        <v>74</v>
      </c>
    </row>
    <row r="35" spans="1:4" ht="18" customHeight="1" x14ac:dyDescent="0.2">
      <c r="A35" s="18" t="s">
        <v>71</v>
      </c>
      <c r="B35" s="15">
        <v>205</v>
      </c>
      <c r="C35" s="16">
        <v>125</v>
      </c>
      <c r="D35" s="17">
        <v>330</v>
      </c>
    </row>
    <row r="36" spans="1:4" ht="18" customHeight="1" x14ac:dyDescent="0.2">
      <c r="A36" s="14">
        <v>25</v>
      </c>
      <c r="B36" s="15">
        <v>22</v>
      </c>
      <c r="C36" s="16">
        <v>17</v>
      </c>
      <c r="D36" s="17">
        <v>39</v>
      </c>
    </row>
    <row r="37" spans="1:4" ht="18" customHeight="1" x14ac:dyDescent="0.2">
      <c r="A37" s="14">
        <v>26</v>
      </c>
      <c r="B37" s="15">
        <v>21</v>
      </c>
      <c r="C37" s="16">
        <v>8</v>
      </c>
      <c r="D37" s="17">
        <v>29</v>
      </c>
    </row>
    <row r="38" spans="1:4" ht="18" customHeight="1" x14ac:dyDescent="0.2">
      <c r="A38" s="14">
        <v>27</v>
      </c>
      <c r="B38" s="15">
        <v>21</v>
      </c>
      <c r="C38" s="16">
        <v>8</v>
      </c>
      <c r="D38" s="17">
        <v>29</v>
      </c>
    </row>
    <row r="39" spans="1:4" ht="18" customHeight="1" x14ac:dyDescent="0.2">
      <c r="A39" s="14">
        <v>28</v>
      </c>
      <c r="B39" s="15">
        <v>15</v>
      </c>
      <c r="C39" s="16">
        <v>13</v>
      </c>
      <c r="D39" s="17">
        <v>28</v>
      </c>
    </row>
    <row r="40" spans="1:4" ht="18" customHeight="1" x14ac:dyDescent="0.2">
      <c r="A40" s="14">
        <v>29</v>
      </c>
      <c r="B40" s="15">
        <v>18</v>
      </c>
      <c r="C40" s="16">
        <v>13</v>
      </c>
      <c r="D40" s="17">
        <v>31</v>
      </c>
    </row>
    <row r="41" spans="1:4" ht="18" customHeight="1" x14ac:dyDescent="0.2">
      <c r="A41" s="18" t="s">
        <v>72</v>
      </c>
      <c r="B41" s="15">
        <v>97</v>
      </c>
      <c r="C41" s="16">
        <v>59</v>
      </c>
      <c r="D41" s="17">
        <v>156</v>
      </c>
    </row>
    <row r="42" spans="1:4" ht="18" customHeight="1" x14ac:dyDescent="0.2">
      <c r="A42" s="14">
        <v>30</v>
      </c>
      <c r="B42" s="15">
        <v>3</v>
      </c>
      <c r="C42" s="16">
        <v>10</v>
      </c>
      <c r="D42" s="17">
        <v>13</v>
      </c>
    </row>
    <row r="43" spans="1:4" ht="18" customHeight="1" x14ac:dyDescent="0.2">
      <c r="A43" s="14">
        <v>31</v>
      </c>
      <c r="B43" s="15">
        <v>11</v>
      </c>
      <c r="C43" s="16">
        <v>8</v>
      </c>
      <c r="D43" s="17">
        <v>19</v>
      </c>
    </row>
    <row r="44" spans="1:4" ht="18" customHeight="1" x14ac:dyDescent="0.2">
      <c r="A44" s="14">
        <v>32</v>
      </c>
      <c r="B44" s="15">
        <v>14</v>
      </c>
      <c r="C44" s="16">
        <v>13</v>
      </c>
      <c r="D44" s="17">
        <v>27</v>
      </c>
    </row>
    <row r="45" spans="1:4" ht="18" customHeight="1" x14ac:dyDescent="0.2">
      <c r="A45" s="14">
        <v>33</v>
      </c>
      <c r="B45" s="15">
        <v>12</v>
      </c>
      <c r="C45" s="16">
        <v>11</v>
      </c>
      <c r="D45" s="17">
        <v>23</v>
      </c>
    </row>
    <row r="46" spans="1:4" ht="18" customHeight="1" x14ac:dyDescent="0.2">
      <c r="A46" s="14">
        <v>34</v>
      </c>
      <c r="B46" s="15">
        <v>18</v>
      </c>
      <c r="C46" s="16">
        <v>12</v>
      </c>
      <c r="D46" s="17">
        <v>30</v>
      </c>
    </row>
    <row r="47" spans="1:4" ht="18" customHeight="1" x14ac:dyDescent="0.2">
      <c r="A47" s="18" t="s">
        <v>73</v>
      </c>
      <c r="B47" s="15">
        <v>58</v>
      </c>
      <c r="C47" s="16">
        <v>54</v>
      </c>
      <c r="D47" s="17">
        <v>112</v>
      </c>
    </row>
    <row r="48" spans="1:4" ht="18" customHeight="1" x14ac:dyDescent="0.2">
      <c r="A48" s="14">
        <v>35</v>
      </c>
      <c r="B48" s="15">
        <v>9</v>
      </c>
      <c r="C48" s="16">
        <v>17</v>
      </c>
      <c r="D48" s="17">
        <v>26</v>
      </c>
    </row>
    <row r="49" spans="1:4" ht="18" customHeight="1" x14ac:dyDescent="0.2">
      <c r="A49" s="14">
        <v>36</v>
      </c>
      <c r="B49" s="15">
        <v>24</v>
      </c>
      <c r="C49" s="16">
        <v>13</v>
      </c>
      <c r="D49" s="17">
        <v>37</v>
      </c>
    </row>
    <row r="50" spans="1:4" ht="18" customHeight="1" x14ac:dyDescent="0.2">
      <c r="A50" s="14">
        <v>37</v>
      </c>
      <c r="B50" s="15">
        <v>11</v>
      </c>
      <c r="C50" s="16">
        <v>9</v>
      </c>
      <c r="D50" s="17">
        <v>20</v>
      </c>
    </row>
    <row r="51" spans="1:4" ht="18" customHeight="1" x14ac:dyDescent="0.2">
      <c r="A51" s="14">
        <v>38</v>
      </c>
      <c r="B51" s="15">
        <v>14</v>
      </c>
      <c r="C51" s="16">
        <v>11</v>
      </c>
      <c r="D51" s="17">
        <v>25</v>
      </c>
    </row>
    <row r="52" spans="1:4" ht="18" customHeight="1" x14ac:dyDescent="0.2">
      <c r="A52" s="14">
        <v>39</v>
      </c>
      <c r="B52" s="15">
        <v>9</v>
      </c>
      <c r="C52" s="16">
        <v>12</v>
      </c>
      <c r="D52" s="17">
        <v>21</v>
      </c>
    </row>
    <row r="53" spans="1:4" ht="18" customHeight="1" x14ac:dyDescent="0.2">
      <c r="A53" s="18" t="s">
        <v>74</v>
      </c>
      <c r="B53" s="15">
        <v>67</v>
      </c>
      <c r="C53" s="16">
        <v>62</v>
      </c>
      <c r="D53" s="17">
        <v>129</v>
      </c>
    </row>
    <row r="54" spans="1:4" ht="18" customHeight="1" x14ac:dyDescent="0.2">
      <c r="A54" s="14">
        <v>40</v>
      </c>
      <c r="B54" s="15">
        <v>12</v>
      </c>
      <c r="C54" s="16">
        <v>4</v>
      </c>
      <c r="D54" s="17">
        <v>16</v>
      </c>
    </row>
    <row r="55" spans="1:4" ht="18" customHeight="1" x14ac:dyDescent="0.2">
      <c r="A55" s="14">
        <v>41</v>
      </c>
      <c r="B55" s="15">
        <v>11</v>
      </c>
      <c r="C55" s="16">
        <v>5</v>
      </c>
      <c r="D55" s="17">
        <v>16</v>
      </c>
    </row>
    <row r="56" spans="1:4" ht="18" customHeight="1" x14ac:dyDescent="0.2">
      <c r="A56" s="14">
        <v>42</v>
      </c>
      <c r="B56" s="15">
        <v>14</v>
      </c>
      <c r="C56" s="16">
        <v>8</v>
      </c>
      <c r="D56" s="17">
        <v>22</v>
      </c>
    </row>
    <row r="57" spans="1:4" ht="18" customHeight="1" x14ac:dyDescent="0.2">
      <c r="A57" s="14">
        <v>43</v>
      </c>
      <c r="B57" s="15">
        <v>13</v>
      </c>
      <c r="C57" s="16">
        <v>8</v>
      </c>
      <c r="D57" s="17">
        <v>21</v>
      </c>
    </row>
    <row r="58" spans="1:4" ht="18" customHeight="1" x14ac:dyDescent="0.2">
      <c r="A58" s="14">
        <v>44</v>
      </c>
      <c r="B58" s="15">
        <v>12</v>
      </c>
      <c r="C58" s="16">
        <v>10</v>
      </c>
      <c r="D58" s="17">
        <v>22</v>
      </c>
    </row>
    <row r="59" spans="1:4" ht="18" customHeight="1" x14ac:dyDescent="0.2">
      <c r="A59" s="18" t="s">
        <v>75</v>
      </c>
      <c r="B59" s="15">
        <v>62</v>
      </c>
      <c r="C59" s="16">
        <v>35</v>
      </c>
      <c r="D59" s="17">
        <v>97</v>
      </c>
    </row>
    <row r="60" spans="1:4" ht="18" customHeight="1" x14ac:dyDescent="0.2">
      <c r="A60" s="14">
        <v>45</v>
      </c>
      <c r="B60" s="15">
        <v>10</v>
      </c>
      <c r="C60" s="16">
        <v>7</v>
      </c>
      <c r="D60" s="17">
        <v>17</v>
      </c>
    </row>
    <row r="61" spans="1:4" ht="18" customHeight="1" x14ac:dyDescent="0.2">
      <c r="A61" s="14">
        <v>46</v>
      </c>
      <c r="B61" s="15">
        <v>8</v>
      </c>
      <c r="C61" s="16">
        <v>12</v>
      </c>
      <c r="D61" s="17">
        <v>20</v>
      </c>
    </row>
    <row r="62" spans="1:4" ht="18" customHeight="1" x14ac:dyDescent="0.2">
      <c r="A62" s="14">
        <v>47</v>
      </c>
      <c r="B62" s="15">
        <v>8</v>
      </c>
      <c r="C62" s="16">
        <v>11</v>
      </c>
      <c r="D62" s="17">
        <v>19</v>
      </c>
    </row>
    <row r="63" spans="1:4" ht="18" customHeight="1" x14ac:dyDescent="0.2">
      <c r="A63" s="14">
        <v>48</v>
      </c>
      <c r="B63" s="15">
        <v>12</v>
      </c>
      <c r="C63" s="16">
        <v>12</v>
      </c>
      <c r="D63" s="17">
        <v>24</v>
      </c>
    </row>
    <row r="64" spans="1:4" ht="18" customHeight="1" x14ac:dyDescent="0.2">
      <c r="A64" s="14">
        <v>49</v>
      </c>
      <c r="B64" s="15">
        <v>9</v>
      </c>
      <c r="C64" s="16">
        <v>7</v>
      </c>
      <c r="D64" s="17">
        <v>16</v>
      </c>
    </row>
    <row r="65" spans="1:4" ht="18" customHeight="1" x14ac:dyDescent="0.2">
      <c r="A65" s="18" t="s">
        <v>76</v>
      </c>
      <c r="B65" s="15">
        <v>47</v>
      </c>
      <c r="C65" s="16">
        <v>49</v>
      </c>
      <c r="D65" s="17">
        <v>96</v>
      </c>
    </row>
    <row r="66" spans="1:4" ht="18" customHeight="1" x14ac:dyDescent="0.2">
      <c r="A66" s="14">
        <v>50</v>
      </c>
      <c r="B66" s="15">
        <v>4</v>
      </c>
      <c r="C66" s="16">
        <v>6</v>
      </c>
      <c r="D66" s="17">
        <v>10</v>
      </c>
    </row>
    <row r="67" spans="1:4" ht="18" customHeight="1" x14ac:dyDescent="0.2">
      <c r="A67" s="14">
        <v>51</v>
      </c>
      <c r="B67" s="15">
        <v>10</v>
      </c>
      <c r="C67" s="16">
        <v>4</v>
      </c>
      <c r="D67" s="17">
        <v>14</v>
      </c>
    </row>
    <row r="68" spans="1:4" ht="18" customHeight="1" x14ac:dyDescent="0.2">
      <c r="A68" s="14">
        <v>52</v>
      </c>
      <c r="B68" s="15">
        <v>8</v>
      </c>
      <c r="C68" s="16">
        <v>11</v>
      </c>
      <c r="D68" s="17">
        <v>19</v>
      </c>
    </row>
    <row r="69" spans="1:4" ht="18" customHeight="1" x14ac:dyDescent="0.2">
      <c r="A69" s="14">
        <v>53</v>
      </c>
      <c r="B69" s="15">
        <v>10</v>
      </c>
      <c r="C69" s="16">
        <v>10</v>
      </c>
      <c r="D69" s="17">
        <v>20</v>
      </c>
    </row>
    <row r="70" spans="1:4" ht="18" customHeight="1" x14ac:dyDescent="0.2">
      <c r="A70" s="14">
        <v>54</v>
      </c>
      <c r="B70" s="15">
        <v>6</v>
      </c>
      <c r="C70" s="16">
        <v>3</v>
      </c>
      <c r="D70" s="17">
        <v>9</v>
      </c>
    </row>
    <row r="71" spans="1:4" ht="18" customHeight="1" x14ac:dyDescent="0.2">
      <c r="A71" s="18" t="s">
        <v>77</v>
      </c>
      <c r="B71" s="15">
        <v>38</v>
      </c>
      <c r="C71" s="16">
        <v>34</v>
      </c>
      <c r="D71" s="17">
        <v>72</v>
      </c>
    </row>
    <row r="72" spans="1:4" ht="18" customHeight="1" x14ac:dyDescent="0.2">
      <c r="A72" s="14">
        <v>55</v>
      </c>
      <c r="B72" s="15">
        <v>9</v>
      </c>
      <c r="C72" s="16">
        <v>16</v>
      </c>
      <c r="D72" s="17">
        <v>25</v>
      </c>
    </row>
    <row r="73" spans="1:4" ht="18" customHeight="1" x14ac:dyDescent="0.2">
      <c r="A73" s="14">
        <v>56</v>
      </c>
      <c r="B73" s="15">
        <v>8</v>
      </c>
      <c r="C73" s="16">
        <v>8</v>
      </c>
      <c r="D73" s="17">
        <v>16</v>
      </c>
    </row>
    <row r="74" spans="1:4" ht="18" customHeight="1" x14ac:dyDescent="0.2">
      <c r="A74" s="14">
        <v>57</v>
      </c>
      <c r="B74" s="15">
        <v>9</v>
      </c>
      <c r="C74" s="16">
        <v>14</v>
      </c>
      <c r="D74" s="17">
        <v>23</v>
      </c>
    </row>
    <row r="75" spans="1:4" ht="18" customHeight="1" x14ac:dyDescent="0.2">
      <c r="A75" s="14">
        <v>58</v>
      </c>
      <c r="B75" s="15">
        <v>16</v>
      </c>
      <c r="C75" s="16">
        <v>9</v>
      </c>
      <c r="D75" s="17">
        <v>25</v>
      </c>
    </row>
    <row r="76" spans="1:4" ht="18" customHeight="1" x14ac:dyDescent="0.2">
      <c r="A76" s="14">
        <v>59</v>
      </c>
      <c r="B76" s="15">
        <v>15</v>
      </c>
      <c r="C76" s="16">
        <v>24</v>
      </c>
      <c r="D76" s="17">
        <v>39</v>
      </c>
    </row>
    <row r="77" spans="1:4" ht="18" customHeight="1" x14ac:dyDescent="0.2">
      <c r="A77" s="18" t="s">
        <v>78</v>
      </c>
      <c r="B77" s="15">
        <v>57</v>
      </c>
      <c r="C77" s="16">
        <v>71</v>
      </c>
      <c r="D77" s="17">
        <v>128</v>
      </c>
    </row>
    <row r="78" spans="1:4" ht="18" customHeight="1" x14ac:dyDescent="0.2">
      <c r="A78" s="14">
        <v>60</v>
      </c>
      <c r="B78" s="15">
        <v>20</v>
      </c>
      <c r="C78" s="16">
        <v>16</v>
      </c>
      <c r="D78" s="17">
        <v>36</v>
      </c>
    </row>
    <row r="79" spans="1:4" ht="18" customHeight="1" x14ac:dyDescent="0.2">
      <c r="A79" s="14">
        <v>61</v>
      </c>
      <c r="B79" s="15">
        <v>22</v>
      </c>
      <c r="C79" s="16">
        <v>21</v>
      </c>
      <c r="D79" s="17">
        <v>43</v>
      </c>
    </row>
    <row r="80" spans="1:4" ht="18" customHeight="1" x14ac:dyDescent="0.2">
      <c r="A80" s="14">
        <v>62</v>
      </c>
      <c r="B80" s="15">
        <v>18</v>
      </c>
      <c r="C80" s="16">
        <v>14</v>
      </c>
      <c r="D80" s="17">
        <v>32</v>
      </c>
    </row>
    <row r="81" spans="1:4" ht="18" customHeight="1" x14ac:dyDescent="0.2">
      <c r="A81" s="14">
        <v>63</v>
      </c>
      <c r="B81" s="15">
        <v>5</v>
      </c>
      <c r="C81" s="16">
        <v>10</v>
      </c>
      <c r="D81" s="17">
        <v>15</v>
      </c>
    </row>
    <row r="82" spans="1:4" ht="18" customHeight="1" x14ac:dyDescent="0.2">
      <c r="A82" s="14">
        <v>64</v>
      </c>
      <c r="B82" s="15">
        <v>7</v>
      </c>
      <c r="C82" s="16">
        <v>10</v>
      </c>
      <c r="D82" s="17">
        <v>17</v>
      </c>
    </row>
    <row r="83" spans="1:4" ht="18" customHeight="1" x14ac:dyDescent="0.2">
      <c r="A83" s="18" t="s">
        <v>79</v>
      </c>
      <c r="B83" s="15">
        <v>72</v>
      </c>
      <c r="C83" s="16">
        <v>71</v>
      </c>
      <c r="D83" s="17">
        <v>143</v>
      </c>
    </row>
    <row r="84" spans="1:4" ht="18" customHeight="1" x14ac:dyDescent="0.2">
      <c r="A84" s="18" t="s">
        <v>80</v>
      </c>
      <c r="B84" s="15">
        <v>754</v>
      </c>
      <c r="C84" s="16">
        <v>602</v>
      </c>
      <c r="D84" s="17">
        <v>1356</v>
      </c>
    </row>
    <row r="85" spans="1:4" ht="18" customHeight="1" x14ac:dyDescent="0.2">
      <c r="A85" s="14">
        <v>65</v>
      </c>
      <c r="B85" s="15">
        <v>12</v>
      </c>
      <c r="C85" s="16">
        <v>9</v>
      </c>
      <c r="D85" s="17">
        <v>21</v>
      </c>
    </row>
    <row r="86" spans="1:4" ht="18" customHeight="1" x14ac:dyDescent="0.2">
      <c r="A86" s="14">
        <v>66</v>
      </c>
      <c r="B86" s="15">
        <v>10</v>
      </c>
      <c r="C86" s="16">
        <v>5</v>
      </c>
      <c r="D86" s="17">
        <v>15</v>
      </c>
    </row>
    <row r="87" spans="1:4" ht="18" customHeight="1" x14ac:dyDescent="0.2">
      <c r="A87" s="14">
        <v>67</v>
      </c>
      <c r="B87" s="15">
        <v>9</v>
      </c>
      <c r="C87" s="16">
        <v>6</v>
      </c>
      <c r="D87" s="17">
        <v>15</v>
      </c>
    </row>
    <row r="88" spans="1:4" ht="18" customHeight="1" x14ac:dyDescent="0.2">
      <c r="A88" s="14">
        <v>68</v>
      </c>
      <c r="B88" s="15">
        <v>6</v>
      </c>
      <c r="C88" s="16">
        <v>9</v>
      </c>
      <c r="D88" s="17">
        <v>15</v>
      </c>
    </row>
    <row r="89" spans="1:4" ht="18" customHeight="1" x14ac:dyDescent="0.2">
      <c r="A89" s="14">
        <v>69</v>
      </c>
      <c r="B89" s="15">
        <v>7</v>
      </c>
      <c r="C89" s="16">
        <v>10</v>
      </c>
      <c r="D89" s="17">
        <v>17</v>
      </c>
    </row>
    <row r="90" spans="1:4" ht="18" customHeight="1" x14ac:dyDescent="0.2">
      <c r="A90" s="18" t="s">
        <v>81</v>
      </c>
      <c r="B90" s="15">
        <v>44</v>
      </c>
      <c r="C90" s="16">
        <v>39</v>
      </c>
      <c r="D90" s="17">
        <v>83</v>
      </c>
    </row>
    <row r="91" spans="1:4" ht="18" customHeight="1" x14ac:dyDescent="0.2">
      <c r="A91" s="14">
        <v>70</v>
      </c>
      <c r="B91" s="15">
        <v>5</v>
      </c>
      <c r="C91" s="16">
        <v>6</v>
      </c>
      <c r="D91" s="17">
        <v>11</v>
      </c>
    </row>
    <row r="92" spans="1:4" ht="18" customHeight="1" x14ac:dyDescent="0.2">
      <c r="A92" s="14">
        <v>71</v>
      </c>
      <c r="B92" s="15">
        <v>9</v>
      </c>
      <c r="C92" s="16">
        <v>9</v>
      </c>
      <c r="D92" s="17">
        <v>18</v>
      </c>
    </row>
    <row r="93" spans="1:4" ht="18" customHeight="1" x14ac:dyDescent="0.2">
      <c r="A93" s="14">
        <v>72</v>
      </c>
      <c r="B93" s="15">
        <v>2</v>
      </c>
      <c r="C93" s="16">
        <v>6</v>
      </c>
      <c r="D93" s="17">
        <v>8</v>
      </c>
    </row>
    <row r="94" spans="1:4" ht="18" customHeight="1" x14ac:dyDescent="0.2">
      <c r="A94" s="14">
        <v>73</v>
      </c>
      <c r="B94" s="15">
        <v>4</v>
      </c>
      <c r="C94" s="16">
        <v>11</v>
      </c>
      <c r="D94" s="17">
        <v>15</v>
      </c>
    </row>
    <row r="95" spans="1:4" ht="18" customHeight="1" x14ac:dyDescent="0.2">
      <c r="A95" s="14">
        <v>74</v>
      </c>
      <c r="B95" s="15">
        <v>10</v>
      </c>
      <c r="C95" s="16">
        <v>6</v>
      </c>
      <c r="D95" s="17">
        <v>16</v>
      </c>
    </row>
    <row r="96" spans="1:4" ht="18" customHeight="1" x14ac:dyDescent="0.2">
      <c r="A96" s="18" t="s">
        <v>82</v>
      </c>
      <c r="B96" s="15">
        <v>30</v>
      </c>
      <c r="C96" s="16">
        <v>38</v>
      </c>
      <c r="D96" s="17">
        <v>68</v>
      </c>
    </row>
    <row r="97" spans="1:4" ht="18" customHeight="1" x14ac:dyDescent="0.2">
      <c r="A97" s="14">
        <v>75</v>
      </c>
      <c r="B97" s="15">
        <v>5</v>
      </c>
      <c r="C97" s="16">
        <v>7</v>
      </c>
      <c r="D97" s="17">
        <v>12</v>
      </c>
    </row>
    <row r="98" spans="1:4" ht="18" customHeight="1" x14ac:dyDescent="0.2">
      <c r="A98" s="14">
        <v>76</v>
      </c>
      <c r="B98" s="15">
        <v>8</v>
      </c>
      <c r="C98" s="16">
        <v>13</v>
      </c>
      <c r="D98" s="17">
        <v>21</v>
      </c>
    </row>
    <row r="99" spans="1:4" ht="18" customHeight="1" x14ac:dyDescent="0.2">
      <c r="A99" s="14">
        <v>77</v>
      </c>
      <c r="B99" s="15">
        <v>4</v>
      </c>
      <c r="C99" s="16">
        <v>8</v>
      </c>
      <c r="D99" s="17">
        <v>12</v>
      </c>
    </row>
    <row r="100" spans="1:4" ht="18" customHeight="1" x14ac:dyDescent="0.2">
      <c r="A100" s="14">
        <v>78</v>
      </c>
      <c r="B100" s="15">
        <v>8</v>
      </c>
      <c r="C100" s="16">
        <v>6</v>
      </c>
      <c r="D100" s="17">
        <v>14</v>
      </c>
    </row>
    <row r="101" spans="1:4" ht="18" customHeight="1" x14ac:dyDescent="0.2">
      <c r="A101" s="14">
        <v>79</v>
      </c>
      <c r="B101" s="15">
        <v>6</v>
      </c>
      <c r="C101" s="16">
        <v>9</v>
      </c>
      <c r="D101" s="17">
        <v>15</v>
      </c>
    </row>
    <row r="102" spans="1:4" ht="18" customHeight="1" x14ac:dyDescent="0.2">
      <c r="A102" s="18" t="s">
        <v>83</v>
      </c>
      <c r="B102" s="15">
        <v>31</v>
      </c>
      <c r="C102" s="16">
        <v>43</v>
      </c>
      <c r="D102" s="17">
        <v>74</v>
      </c>
    </row>
    <row r="103" spans="1:4" ht="18" customHeight="1" x14ac:dyDescent="0.2">
      <c r="A103" s="14">
        <v>80</v>
      </c>
      <c r="B103" s="15">
        <v>3</v>
      </c>
      <c r="C103" s="16">
        <v>10</v>
      </c>
      <c r="D103" s="17">
        <v>13</v>
      </c>
    </row>
    <row r="104" spans="1:4" ht="18" customHeight="1" x14ac:dyDescent="0.2">
      <c r="A104" s="14">
        <v>81</v>
      </c>
      <c r="B104" s="15">
        <v>3</v>
      </c>
      <c r="C104" s="16">
        <v>5</v>
      </c>
      <c r="D104" s="17">
        <v>8</v>
      </c>
    </row>
    <row r="105" spans="1:4" ht="18" customHeight="1" x14ac:dyDescent="0.2">
      <c r="A105" s="14">
        <v>82</v>
      </c>
      <c r="B105" s="15">
        <v>5</v>
      </c>
      <c r="C105" s="16">
        <v>7</v>
      </c>
      <c r="D105" s="17">
        <v>12</v>
      </c>
    </row>
    <row r="106" spans="1:4" ht="18" customHeight="1" x14ac:dyDescent="0.2">
      <c r="A106" s="14">
        <v>83</v>
      </c>
      <c r="B106" s="15">
        <v>1</v>
      </c>
      <c r="C106" s="16">
        <v>11</v>
      </c>
      <c r="D106" s="17">
        <v>12</v>
      </c>
    </row>
    <row r="107" spans="1:4" ht="18" customHeight="1" x14ac:dyDescent="0.2">
      <c r="A107" s="14">
        <v>84</v>
      </c>
      <c r="B107" s="15">
        <v>1</v>
      </c>
      <c r="C107" s="16">
        <v>6</v>
      </c>
      <c r="D107" s="17">
        <v>7</v>
      </c>
    </row>
    <row r="108" spans="1:4" ht="18" customHeight="1" x14ac:dyDescent="0.2">
      <c r="A108" s="18" t="s">
        <v>84</v>
      </c>
      <c r="B108" s="15">
        <v>13</v>
      </c>
      <c r="C108" s="16">
        <v>39</v>
      </c>
      <c r="D108" s="17">
        <v>52</v>
      </c>
    </row>
    <row r="109" spans="1:4" ht="18" customHeight="1" x14ac:dyDescent="0.2">
      <c r="A109" s="14">
        <v>85</v>
      </c>
      <c r="B109" s="15">
        <v>3</v>
      </c>
      <c r="C109" s="16">
        <v>3</v>
      </c>
      <c r="D109" s="17">
        <v>6</v>
      </c>
    </row>
    <row r="110" spans="1:4" ht="18" customHeight="1" x14ac:dyDescent="0.2">
      <c r="A110" s="14">
        <v>86</v>
      </c>
      <c r="B110" s="15">
        <v>5</v>
      </c>
      <c r="C110" s="16">
        <v>8</v>
      </c>
      <c r="D110" s="17">
        <v>13</v>
      </c>
    </row>
    <row r="111" spans="1:4" ht="18" customHeight="1" x14ac:dyDescent="0.2">
      <c r="A111" s="14">
        <v>87</v>
      </c>
      <c r="B111" s="15">
        <v>1</v>
      </c>
      <c r="C111" s="16">
        <v>7</v>
      </c>
      <c r="D111" s="17">
        <v>8</v>
      </c>
    </row>
    <row r="112" spans="1:4" ht="18" customHeight="1" x14ac:dyDescent="0.2">
      <c r="A112" s="14">
        <v>88</v>
      </c>
      <c r="B112" s="15">
        <v>3</v>
      </c>
      <c r="C112" s="16">
        <v>2</v>
      </c>
      <c r="D112" s="17">
        <v>5</v>
      </c>
    </row>
    <row r="113" spans="1:4" ht="18" customHeight="1" x14ac:dyDescent="0.2">
      <c r="A113" s="14">
        <v>89</v>
      </c>
      <c r="B113" s="15">
        <v>0</v>
      </c>
      <c r="C113" s="16">
        <v>2</v>
      </c>
      <c r="D113" s="17">
        <v>2</v>
      </c>
    </row>
    <row r="114" spans="1:4" ht="18" customHeight="1" x14ac:dyDescent="0.2">
      <c r="A114" s="18" t="s">
        <v>85</v>
      </c>
      <c r="B114" s="15">
        <v>12</v>
      </c>
      <c r="C114" s="16">
        <v>22</v>
      </c>
      <c r="D114" s="17">
        <v>34</v>
      </c>
    </row>
    <row r="115" spans="1:4" ht="18" customHeight="1" x14ac:dyDescent="0.2">
      <c r="A115" s="14">
        <v>90</v>
      </c>
      <c r="B115" s="15">
        <v>0</v>
      </c>
      <c r="C115" s="16">
        <v>3</v>
      </c>
      <c r="D115" s="17">
        <v>3</v>
      </c>
    </row>
    <row r="116" spans="1:4" ht="18" customHeight="1" x14ac:dyDescent="0.2">
      <c r="A116" s="14">
        <v>91</v>
      </c>
      <c r="B116" s="15">
        <v>0</v>
      </c>
      <c r="C116" s="16">
        <v>0</v>
      </c>
      <c r="D116" s="17">
        <v>0</v>
      </c>
    </row>
    <row r="117" spans="1:4" ht="18" customHeight="1" x14ac:dyDescent="0.2">
      <c r="A117" s="14">
        <v>92</v>
      </c>
      <c r="B117" s="15">
        <v>2</v>
      </c>
      <c r="C117" s="16">
        <v>1</v>
      </c>
      <c r="D117" s="17">
        <v>3</v>
      </c>
    </row>
    <row r="118" spans="1:4" ht="18" customHeight="1" x14ac:dyDescent="0.2">
      <c r="A118" s="14">
        <v>93</v>
      </c>
      <c r="B118" s="15">
        <v>0</v>
      </c>
      <c r="C118" s="16">
        <v>3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86</v>
      </c>
      <c r="B120" s="15">
        <v>2</v>
      </c>
      <c r="C120" s="16">
        <v>8</v>
      </c>
      <c r="D120" s="17">
        <v>10</v>
      </c>
    </row>
    <row r="121" spans="1:4" ht="18" customHeight="1" x14ac:dyDescent="0.2">
      <c r="A121" s="14">
        <v>95</v>
      </c>
      <c r="B121" s="15">
        <v>0</v>
      </c>
      <c r="C121" s="16">
        <v>0</v>
      </c>
      <c r="D121" s="17">
        <v>0</v>
      </c>
    </row>
    <row r="122" spans="1:4" ht="18" customHeight="1" x14ac:dyDescent="0.2">
      <c r="A122" s="14">
        <v>96</v>
      </c>
      <c r="B122" s="15">
        <v>1</v>
      </c>
      <c r="C122" s="16">
        <v>0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2</v>
      </c>
      <c r="D126" s="17">
        <v>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90</v>
      </c>
      <c r="B130" s="4">
        <v>133</v>
      </c>
      <c r="C130" s="5">
        <v>191</v>
      </c>
      <c r="D130" s="6">
        <v>324</v>
      </c>
    </row>
    <row r="131" spans="1:4" ht="18" customHeight="1" x14ac:dyDescent="0.2">
      <c r="A131" s="20" t="s">
        <v>65</v>
      </c>
      <c r="B131" s="7">
        <v>963</v>
      </c>
      <c r="C131" s="8">
        <v>879</v>
      </c>
      <c r="D131" s="9">
        <v>184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42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0</v>
      </c>
      <c r="C5" s="12">
        <v>10</v>
      </c>
      <c r="D5" s="13">
        <v>20</v>
      </c>
    </row>
    <row r="6" spans="1:4" ht="18" customHeight="1" x14ac:dyDescent="0.2">
      <c r="A6" s="14">
        <v>1</v>
      </c>
      <c r="B6" s="15">
        <v>17</v>
      </c>
      <c r="C6" s="16">
        <v>12</v>
      </c>
      <c r="D6" s="17">
        <v>29</v>
      </c>
    </row>
    <row r="7" spans="1:4" ht="18" customHeight="1" x14ac:dyDescent="0.2">
      <c r="A7" s="14">
        <v>2</v>
      </c>
      <c r="B7" s="15">
        <v>17</v>
      </c>
      <c r="C7" s="16">
        <v>19</v>
      </c>
      <c r="D7" s="17">
        <v>36</v>
      </c>
    </row>
    <row r="8" spans="1:4" ht="18" customHeight="1" x14ac:dyDescent="0.2">
      <c r="A8" s="14">
        <v>3</v>
      </c>
      <c r="B8" s="15">
        <v>14</v>
      </c>
      <c r="C8" s="16">
        <v>12</v>
      </c>
      <c r="D8" s="17">
        <v>26</v>
      </c>
    </row>
    <row r="9" spans="1:4" ht="18" customHeight="1" x14ac:dyDescent="0.2">
      <c r="A9" s="14">
        <v>4</v>
      </c>
      <c r="B9" s="15">
        <v>16</v>
      </c>
      <c r="C9" s="16">
        <v>11</v>
      </c>
      <c r="D9" s="17">
        <v>27</v>
      </c>
    </row>
    <row r="10" spans="1:4" ht="18" customHeight="1" x14ac:dyDescent="0.2">
      <c r="A10" s="18" t="s">
        <v>66</v>
      </c>
      <c r="B10" s="15">
        <v>74</v>
      </c>
      <c r="C10" s="16">
        <v>64</v>
      </c>
      <c r="D10" s="17">
        <v>138</v>
      </c>
    </row>
    <row r="11" spans="1:4" ht="18" customHeight="1" x14ac:dyDescent="0.2">
      <c r="A11" s="14">
        <v>5</v>
      </c>
      <c r="B11" s="15">
        <v>12</v>
      </c>
      <c r="C11" s="16">
        <v>16</v>
      </c>
      <c r="D11" s="17">
        <v>28</v>
      </c>
    </row>
    <row r="12" spans="1:4" ht="18" customHeight="1" x14ac:dyDescent="0.2">
      <c r="A12" s="14">
        <v>6</v>
      </c>
      <c r="B12" s="15">
        <v>16</v>
      </c>
      <c r="C12" s="16">
        <v>16</v>
      </c>
      <c r="D12" s="17">
        <v>32</v>
      </c>
    </row>
    <row r="13" spans="1:4" ht="18" customHeight="1" x14ac:dyDescent="0.2">
      <c r="A13" s="14">
        <v>7</v>
      </c>
      <c r="B13" s="15">
        <v>15</v>
      </c>
      <c r="C13" s="16">
        <v>13</v>
      </c>
      <c r="D13" s="17">
        <v>28</v>
      </c>
    </row>
    <row r="14" spans="1:4" ht="18" customHeight="1" x14ac:dyDescent="0.2">
      <c r="A14" s="14">
        <v>8</v>
      </c>
      <c r="B14" s="15">
        <v>19</v>
      </c>
      <c r="C14" s="16">
        <v>21</v>
      </c>
      <c r="D14" s="17">
        <v>40</v>
      </c>
    </row>
    <row r="15" spans="1:4" ht="18" customHeight="1" x14ac:dyDescent="0.2">
      <c r="A15" s="14">
        <v>9</v>
      </c>
      <c r="B15" s="15">
        <v>19</v>
      </c>
      <c r="C15" s="16">
        <v>12</v>
      </c>
      <c r="D15" s="17">
        <v>31</v>
      </c>
    </row>
    <row r="16" spans="1:4" ht="18" customHeight="1" x14ac:dyDescent="0.2">
      <c r="A16" s="18" t="s">
        <v>67</v>
      </c>
      <c r="B16" s="15">
        <v>81</v>
      </c>
      <c r="C16" s="16">
        <v>78</v>
      </c>
      <c r="D16" s="17">
        <v>159</v>
      </c>
    </row>
    <row r="17" spans="1:4" ht="18" customHeight="1" x14ac:dyDescent="0.2">
      <c r="A17" s="14">
        <v>10</v>
      </c>
      <c r="B17" s="15">
        <v>20</v>
      </c>
      <c r="C17" s="16">
        <v>15</v>
      </c>
      <c r="D17" s="17">
        <v>35</v>
      </c>
    </row>
    <row r="18" spans="1:4" ht="18" customHeight="1" x14ac:dyDescent="0.2">
      <c r="A18" s="14">
        <v>11</v>
      </c>
      <c r="B18" s="15">
        <v>14</v>
      </c>
      <c r="C18" s="16">
        <v>15</v>
      </c>
      <c r="D18" s="17">
        <v>29</v>
      </c>
    </row>
    <row r="19" spans="1:4" ht="18" customHeight="1" x14ac:dyDescent="0.2">
      <c r="A19" s="14">
        <v>12</v>
      </c>
      <c r="B19" s="15">
        <v>25</v>
      </c>
      <c r="C19" s="16">
        <v>14</v>
      </c>
      <c r="D19" s="17">
        <v>39</v>
      </c>
    </row>
    <row r="20" spans="1:4" ht="18" customHeight="1" x14ac:dyDescent="0.2">
      <c r="A20" s="14">
        <v>13</v>
      </c>
      <c r="B20" s="15">
        <v>11</v>
      </c>
      <c r="C20" s="16">
        <v>9</v>
      </c>
      <c r="D20" s="17">
        <v>20</v>
      </c>
    </row>
    <row r="21" spans="1:4" ht="18" customHeight="1" x14ac:dyDescent="0.2">
      <c r="A21" s="14">
        <v>14</v>
      </c>
      <c r="B21" s="15">
        <v>20</v>
      </c>
      <c r="C21" s="16">
        <v>11</v>
      </c>
      <c r="D21" s="17">
        <v>31</v>
      </c>
    </row>
    <row r="22" spans="1:4" ht="18" customHeight="1" x14ac:dyDescent="0.2">
      <c r="A22" s="18" t="s">
        <v>68</v>
      </c>
      <c r="B22" s="15">
        <v>90</v>
      </c>
      <c r="C22" s="16">
        <v>64</v>
      </c>
      <c r="D22" s="17">
        <v>154</v>
      </c>
    </row>
    <row r="23" spans="1:4" ht="18" customHeight="1" x14ac:dyDescent="0.2">
      <c r="A23" s="18" t="s">
        <v>69</v>
      </c>
      <c r="B23" s="15">
        <v>245</v>
      </c>
      <c r="C23" s="16">
        <v>206</v>
      </c>
      <c r="D23" s="17">
        <v>451</v>
      </c>
    </row>
    <row r="24" spans="1:4" ht="18" customHeight="1" x14ac:dyDescent="0.2">
      <c r="A24" s="14">
        <v>15</v>
      </c>
      <c r="B24" s="15">
        <v>16</v>
      </c>
      <c r="C24" s="16">
        <v>18</v>
      </c>
      <c r="D24" s="17">
        <v>34</v>
      </c>
    </row>
    <row r="25" spans="1:4" ht="18" customHeight="1" x14ac:dyDescent="0.2">
      <c r="A25" s="14">
        <v>16</v>
      </c>
      <c r="B25" s="15">
        <v>14</v>
      </c>
      <c r="C25" s="16">
        <v>15</v>
      </c>
      <c r="D25" s="17">
        <v>29</v>
      </c>
    </row>
    <row r="26" spans="1:4" ht="18" customHeight="1" x14ac:dyDescent="0.2">
      <c r="A26" s="14">
        <v>17</v>
      </c>
      <c r="B26" s="15">
        <v>10</v>
      </c>
      <c r="C26" s="16">
        <v>13</v>
      </c>
      <c r="D26" s="17">
        <v>23</v>
      </c>
    </row>
    <row r="27" spans="1:4" ht="18" customHeight="1" x14ac:dyDescent="0.2">
      <c r="A27" s="14">
        <v>18</v>
      </c>
      <c r="B27" s="15">
        <v>19</v>
      </c>
      <c r="C27" s="16">
        <v>17</v>
      </c>
      <c r="D27" s="17">
        <v>36</v>
      </c>
    </row>
    <row r="28" spans="1:4" ht="18" customHeight="1" x14ac:dyDescent="0.2">
      <c r="A28" s="14">
        <v>19</v>
      </c>
      <c r="B28" s="15">
        <v>12</v>
      </c>
      <c r="C28" s="16">
        <v>21</v>
      </c>
      <c r="D28" s="17">
        <v>33</v>
      </c>
    </row>
    <row r="29" spans="1:4" ht="18" customHeight="1" x14ac:dyDescent="0.2">
      <c r="A29" s="18" t="s">
        <v>70</v>
      </c>
      <c r="B29" s="15">
        <v>71</v>
      </c>
      <c r="C29" s="16">
        <v>84</v>
      </c>
      <c r="D29" s="17">
        <v>155</v>
      </c>
    </row>
    <row r="30" spans="1:4" ht="18" customHeight="1" x14ac:dyDescent="0.2">
      <c r="A30" s="14">
        <v>20</v>
      </c>
      <c r="B30" s="15">
        <v>13</v>
      </c>
      <c r="C30" s="16">
        <v>18</v>
      </c>
      <c r="D30" s="17">
        <v>31</v>
      </c>
    </row>
    <row r="31" spans="1:4" ht="18" customHeight="1" x14ac:dyDescent="0.2">
      <c r="A31" s="14">
        <v>21</v>
      </c>
      <c r="B31" s="15">
        <v>14</v>
      </c>
      <c r="C31" s="16">
        <v>20</v>
      </c>
      <c r="D31" s="17">
        <v>34</v>
      </c>
    </row>
    <row r="32" spans="1:4" ht="18" customHeight="1" x14ac:dyDescent="0.2">
      <c r="A32" s="14">
        <v>22</v>
      </c>
      <c r="B32" s="15">
        <v>21</v>
      </c>
      <c r="C32" s="16">
        <v>11</v>
      </c>
      <c r="D32" s="17">
        <v>32</v>
      </c>
    </row>
    <row r="33" spans="1:4" ht="18" customHeight="1" x14ac:dyDescent="0.2">
      <c r="A33" s="14">
        <v>23</v>
      </c>
      <c r="B33" s="15">
        <v>20</v>
      </c>
      <c r="C33" s="16">
        <v>11</v>
      </c>
      <c r="D33" s="17">
        <v>31</v>
      </c>
    </row>
    <row r="34" spans="1:4" ht="18" customHeight="1" x14ac:dyDescent="0.2">
      <c r="A34" s="14">
        <v>24</v>
      </c>
      <c r="B34" s="15">
        <v>30</v>
      </c>
      <c r="C34" s="16">
        <v>19</v>
      </c>
      <c r="D34" s="17">
        <v>49</v>
      </c>
    </row>
    <row r="35" spans="1:4" ht="18" customHeight="1" x14ac:dyDescent="0.2">
      <c r="A35" s="18" t="s">
        <v>71</v>
      </c>
      <c r="B35" s="15">
        <v>98</v>
      </c>
      <c r="C35" s="16">
        <v>79</v>
      </c>
      <c r="D35" s="17">
        <v>177</v>
      </c>
    </row>
    <row r="36" spans="1:4" ht="18" customHeight="1" x14ac:dyDescent="0.2">
      <c r="A36" s="14">
        <v>25</v>
      </c>
      <c r="B36" s="15">
        <v>15</v>
      </c>
      <c r="C36" s="16">
        <v>15</v>
      </c>
      <c r="D36" s="17">
        <v>30</v>
      </c>
    </row>
    <row r="37" spans="1:4" ht="18" customHeight="1" x14ac:dyDescent="0.2">
      <c r="A37" s="14">
        <v>26</v>
      </c>
      <c r="B37" s="15">
        <v>17</v>
      </c>
      <c r="C37" s="16">
        <v>18</v>
      </c>
      <c r="D37" s="17">
        <v>35</v>
      </c>
    </row>
    <row r="38" spans="1:4" ht="18" customHeight="1" x14ac:dyDescent="0.2">
      <c r="A38" s="14">
        <v>27</v>
      </c>
      <c r="B38" s="15">
        <v>17</v>
      </c>
      <c r="C38" s="16">
        <v>18</v>
      </c>
      <c r="D38" s="17">
        <v>35</v>
      </c>
    </row>
    <row r="39" spans="1:4" ht="18" customHeight="1" x14ac:dyDescent="0.2">
      <c r="A39" s="14">
        <v>28</v>
      </c>
      <c r="B39" s="15">
        <v>24</v>
      </c>
      <c r="C39" s="16">
        <v>20</v>
      </c>
      <c r="D39" s="17">
        <v>44</v>
      </c>
    </row>
    <row r="40" spans="1:4" ht="18" customHeight="1" x14ac:dyDescent="0.2">
      <c r="A40" s="14">
        <v>29</v>
      </c>
      <c r="B40" s="15">
        <v>23</v>
      </c>
      <c r="C40" s="16">
        <v>16</v>
      </c>
      <c r="D40" s="17">
        <v>39</v>
      </c>
    </row>
    <row r="41" spans="1:4" ht="18" customHeight="1" x14ac:dyDescent="0.2">
      <c r="A41" s="18" t="s">
        <v>72</v>
      </c>
      <c r="B41" s="15">
        <v>96</v>
      </c>
      <c r="C41" s="16">
        <v>87</v>
      </c>
      <c r="D41" s="17">
        <v>183</v>
      </c>
    </row>
    <row r="42" spans="1:4" ht="18" customHeight="1" x14ac:dyDescent="0.2">
      <c r="A42" s="14">
        <v>30</v>
      </c>
      <c r="B42" s="15">
        <v>19</v>
      </c>
      <c r="C42" s="16">
        <v>22</v>
      </c>
      <c r="D42" s="17">
        <v>41</v>
      </c>
    </row>
    <row r="43" spans="1:4" ht="18" customHeight="1" x14ac:dyDescent="0.2">
      <c r="A43" s="14">
        <v>31</v>
      </c>
      <c r="B43" s="15">
        <v>23</v>
      </c>
      <c r="C43" s="16">
        <v>18</v>
      </c>
      <c r="D43" s="17">
        <v>41</v>
      </c>
    </row>
    <row r="44" spans="1:4" ht="18" customHeight="1" x14ac:dyDescent="0.2">
      <c r="A44" s="14">
        <v>32</v>
      </c>
      <c r="B44" s="15">
        <v>27</v>
      </c>
      <c r="C44" s="16">
        <v>29</v>
      </c>
      <c r="D44" s="17">
        <v>56</v>
      </c>
    </row>
    <row r="45" spans="1:4" ht="18" customHeight="1" x14ac:dyDescent="0.2">
      <c r="A45" s="14">
        <v>33</v>
      </c>
      <c r="B45" s="15">
        <v>24</v>
      </c>
      <c r="C45" s="16">
        <v>19</v>
      </c>
      <c r="D45" s="17">
        <v>43</v>
      </c>
    </row>
    <row r="46" spans="1:4" ht="18" customHeight="1" x14ac:dyDescent="0.2">
      <c r="A46" s="14">
        <v>34</v>
      </c>
      <c r="B46" s="15">
        <v>28</v>
      </c>
      <c r="C46" s="16">
        <v>21</v>
      </c>
      <c r="D46" s="17">
        <v>49</v>
      </c>
    </row>
    <row r="47" spans="1:4" ht="18" customHeight="1" x14ac:dyDescent="0.2">
      <c r="A47" s="18" t="s">
        <v>73</v>
      </c>
      <c r="B47" s="15">
        <v>121</v>
      </c>
      <c r="C47" s="16">
        <v>109</v>
      </c>
      <c r="D47" s="17">
        <v>230</v>
      </c>
    </row>
    <row r="48" spans="1:4" ht="18" customHeight="1" x14ac:dyDescent="0.2">
      <c r="A48" s="14">
        <v>35</v>
      </c>
      <c r="B48" s="15">
        <v>28</v>
      </c>
      <c r="C48" s="16">
        <v>17</v>
      </c>
      <c r="D48" s="17">
        <v>45</v>
      </c>
    </row>
    <row r="49" spans="1:4" ht="18" customHeight="1" x14ac:dyDescent="0.2">
      <c r="A49" s="14">
        <v>36</v>
      </c>
      <c r="B49" s="15">
        <v>24</v>
      </c>
      <c r="C49" s="16">
        <v>23</v>
      </c>
      <c r="D49" s="17">
        <v>47</v>
      </c>
    </row>
    <row r="50" spans="1:4" ht="18" customHeight="1" x14ac:dyDescent="0.2">
      <c r="A50" s="14">
        <v>37</v>
      </c>
      <c r="B50" s="15">
        <v>26</v>
      </c>
      <c r="C50" s="16">
        <v>31</v>
      </c>
      <c r="D50" s="17">
        <v>57</v>
      </c>
    </row>
    <row r="51" spans="1:4" ht="18" customHeight="1" x14ac:dyDescent="0.2">
      <c r="A51" s="14">
        <v>38</v>
      </c>
      <c r="B51" s="15">
        <v>22</v>
      </c>
      <c r="C51" s="16">
        <v>20</v>
      </c>
      <c r="D51" s="17">
        <v>42</v>
      </c>
    </row>
    <row r="52" spans="1:4" ht="18" customHeight="1" x14ac:dyDescent="0.2">
      <c r="A52" s="14">
        <v>39</v>
      </c>
      <c r="B52" s="15">
        <v>25</v>
      </c>
      <c r="C52" s="16">
        <v>24</v>
      </c>
      <c r="D52" s="17">
        <v>49</v>
      </c>
    </row>
    <row r="53" spans="1:4" ht="18" customHeight="1" x14ac:dyDescent="0.2">
      <c r="A53" s="18" t="s">
        <v>74</v>
      </c>
      <c r="B53" s="15">
        <v>125</v>
      </c>
      <c r="C53" s="16">
        <v>115</v>
      </c>
      <c r="D53" s="17">
        <v>240</v>
      </c>
    </row>
    <row r="54" spans="1:4" ht="18" customHeight="1" x14ac:dyDescent="0.2">
      <c r="A54" s="14">
        <v>40</v>
      </c>
      <c r="B54" s="15">
        <v>28</v>
      </c>
      <c r="C54" s="16">
        <v>21</v>
      </c>
      <c r="D54" s="17">
        <v>49</v>
      </c>
    </row>
    <row r="55" spans="1:4" ht="18" customHeight="1" x14ac:dyDescent="0.2">
      <c r="A55" s="14">
        <v>41</v>
      </c>
      <c r="B55" s="15">
        <v>16</v>
      </c>
      <c r="C55" s="16">
        <v>11</v>
      </c>
      <c r="D55" s="17">
        <v>27</v>
      </c>
    </row>
    <row r="56" spans="1:4" ht="18" customHeight="1" x14ac:dyDescent="0.2">
      <c r="A56" s="14">
        <v>42</v>
      </c>
      <c r="B56" s="15">
        <v>26</v>
      </c>
      <c r="C56" s="16">
        <v>25</v>
      </c>
      <c r="D56" s="17">
        <v>51</v>
      </c>
    </row>
    <row r="57" spans="1:4" ht="18" customHeight="1" x14ac:dyDescent="0.2">
      <c r="A57" s="14">
        <v>43</v>
      </c>
      <c r="B57" s="15">
        <v>19</v>
      </c>
      <c r="C57" s="16">
        <v>19</v>
      </c>
      <c r="D57" s="17">
        <v>38</v>
      </c>
    </row>
    <row r="58" spans="1:4" ht="18" customHeight="1" x14ac:dyDescent="0.2">
      <c r="A58" s="14">
        <v>44</v>
      </c>
      <c r="B58" s="15">
        <v>15</v>
      </c>
      <c r="C58" s="16">
        <v>19</v>
      </c>
      <c r="D58" s="17">
        <v>34</v>
      </c>
    </row>
    <row r="59" spans="1:4" ht="18" customHeight="1" x14ac:dyDescent="0.2">
      <c r="A59" s="18" t="s">
        <v>75</v>
      </c>
      <c r="B59" s="15">
        <v>104</v>
      </c>
      <c r="C59" s="16">
        <v>95</v>
      </c>
      <c r="D59" s="17">
        <v>199</v>
      </c>
    </row>
    <row r="60" spans="1:4" ht="18" customHeight="1" x14ac:dyDescent="0.2">
      <c r="A60" s="14">
        <v>45</v>
      </c>
      <c r="B60" s="15">
        <v>18</v>
      </c>
      <c r="C60" s="16">
        <v>17</v>
      </c>
      <c r="D60" s="17">
        <v>35</v>
      </c>
    </row>
    <row r="61" spans="1:4" ht="18" customHeight="1" x14ac:dyDescent="0.2">
      <c r="A61" s="14">
        <v>46</v>
      </c>
      <c r="B61" s="15">
        <v>23</v>
      </c>
      <c r="C61" s="16">
        <v>15</v>
      </c>
      <c r="D61" s="17">
        <v>38</v>
      </c>
    </row>
    <row r="62" spans="1:4" ht="18" customHeight="1" x14ac:dyDescent="0.2">
      <c r="A62" s="14">
        <v>47</v>
      </c>
      <c r="B62" s="15">
        <v>17</v>
      </c>
      <c r="C62" s="16">
        <v>17</v>
      </c>
      <c r="D62" s="17">
        <v>34</v>
      </c>
    </row>
    <row r="63" spans="1:4" ht="18" customHeight="1" x14ac:dyDescent="0.2">
      <c r="A63" s="14">
        <v>48</v>
      </c>
      <c r="B63" s="15">
        <v>16</v>
      </c>
      <c r="C63" s="16">
        <v>29</v>
      </c>
      <c r="D63" s="17">
        <v>45</v>
      </c>
    </row>
    <row r="64" spans="1:4" ht="18" customHeight="1" x14ac:dyDescent="0.2">
      <c r="A64" s="14">
        <v>49</v>
      </c>
      <c r="B64" s="15">
        <v>17</v>
      </c>
      <c r="C64" s="16">
        <v>17</v>
      </c>
      <c r="D64" s="17">
        <v>34</v>
      </c>
    </row>
    <row r="65" spans="1:4" ht="18" customHeight="1" x14ac:dyDescent="0.2">
      <c r="A65" s="18" t="s">
        <v>76</v>
      </c>
      <c r="B65" s="15">
        <v>91</v>
      </c>
      <c r="C65" s="16">
        <v>95</v>
      </c>
      <c r="D65" s="17">
        <v>186</v>
      </c>
    </row>
    <row r="66" spans="1:4" ht="18" customHeight="1" x14ac:dyDescent="0.2">
      <c r="A66" s="14">
        <v>50</v>
      </c>
      <c r="B66" s="15">
        <v>14</v>
      </c>
      <c r="C66" s="16">
        <v>26</v>
      </c>
      <c r="D66" s="17">
        <v>40</v>
      </c>
    </row>
    <row r="67" spans="1:4" ht="18" customHeight="1" x14ac:dyDescent="0.2">
      <c r="A67" s="14">
        <v>51</v>
      </c>
      <c r="B67" s="15">
        <v>16</v>
      </c>
      <c r="C67" s="16">
        <v>17</v>
      </c>
      <c r="D67" s="17">
        <v>33</v>
      </c>
    </row>
    <row r="68" spans="1:4" ht="18" customHeight="1" x14ac:dyDescent="0.2">
      <c r="A68" s="14">
        <v>52</v>
      </c>
      <c r="B68" s="15">
        <v>19</v>
      </c>
      <c r="C68" s="16">
        <v>22</v>
      </c>
      <c r="D68" s="17">
        <v>41</v>
      </c>
    </row>
    <row r="69" spans="1:4" ht="18" customHeight="1" x14ac:dyDescent="0.2">
      <c r="A69" s="14">
        <v>53</v>
      </c>
      <c r="B69" s="15">
        <v>21</v>
      </c>
      <c r="C69" s="16">
        <v>30</v>
      </c>
      <c r="D69" s="17">
        <v>51</v>
      </c>
    </row>
    <row r="70" spans="1:4" ht="18" customHeight="1" x14ac:dyDescent="0.2">
      <c r="A70" s="14">
        <v>54</v>
      </c>
      <c r="B70" s="15">
        <v>30</v>
      </c>
      <c r="C70" s="16">
        <v>20</v>
      </c>
      <c r="D70" s="17">
        <v>50</v>
      </c>
    </row>
    <row r="71" spans="1:4" ht="18" customHeight="1" x14ac:dyDescent="0.2">
      <c r="A71" s="18" t="s">
        <v>77</v>
      </c>
      <c r="B71" s="15">
        <v>100</v>
      </c>
      <c r="C71" s="16">
        <v>115</v>
      </c>
      <c r="D71" s="17">
        <v>215</v>
      </c>
    </row>
    <row r="72" spans="1:4" ht="18" customHeight="1" x14ac:dyDescent="0.2">
      <c r="A72" s="14">
        <v>55</v>
      </c>
      <c r="B72" s="15">
        <v>26</v>
      </c>
      <c r="C72" s="16">
        <v>22</v>
      </c>
      <c r="D72" s="17">
        <v>48</v>
      </c>
    </row>
    <row r="73" spans="1:4" ht="18" customHeight="1" x14ac:dyDescent="0.2">
      <c r="A73" s="14">
        <v>56</v>
      </c>
      <c r="B73" s="15">
        <v>28</v>
      </c>
      <c r="C73" s="16">
        <v>38</v>
      </c>
      <c r="D73" s="17">
        <v>66</v>
      </c>
    </row>
    <row r="74" spans="1:4" ht="18" customHeight="1" x14ac:dyDescent="0.2">
      <c r="A74" s="14">
        <v>57</v>
      </c>
      <c r="B74" s="15">
        <v>27</v>
      </c>
      <c r="C74" s="16">
        <v>36</v>
      </c>
      <c r="D74" s="17">
        <v>63</v>
      </c>
    </row>
    <row r="75" spans="1:4" ht="18" customHeight="1" x14ac:dyDescent="0.2">
      <c r="A75" s="14">
        <v>58</v>
      </c>
      <c r="B75" s="15">
        <v>32</v>
      </c>
      <c r="C75" s="16">
        <v>34</v>
      </c>
      <c r="D75" s="17">
        <v>66</v>
      </c>
    </row>
    <row r="76" spans="1:4" ht="18" customHeight="1" x14ac:dyDescent="0.2">
      <c r="A76" s="14">
        <v>59</v>
      </c>
      <c r="B76" s="15">
        <v>29</v>
      </c>
      <c r="C76" s="16">
        <v>38</v>
      </c>
      <c r="D76" s="17">
        <v>67</v>
      </c>
    </row>
    <row r="77" spans="1:4" ht="18" customHeight="1" x14ac:dyDescent="0.2">
      <c r="A77" s="18" t="s">
        <v>78</v>
      </c>
      <c r="B77" s="15">
        <v>142</v>
      </c>
      <c r="C77" s="16">
        <v>168</v>
      </c>
      <c r="D77" s="17">
        <v>310</v>
      </c>
    </row>
    <row r="78" spans="1:4" ht="18" customHeight="1" x14ac:dyDescent="0.2">
      <c r="A78" s="14">
        <v>60</v>
      </c>
      <c r="B78" s="15">
        <v>48</v>
      </c>
      <c r="C78" s="16">
        <v>45</v>
      </c>
      <c r="D78" s="17">
        <v>93</v>
      </c>
    </row>
    <row r="79" spans="1:4" ht="18" customHeight="1" x14ac:dyDescent="0.2">
      <c r="A79" s="14">
        <v>61</v>
      </c>
      <c r="B79" s="15">
        <v>50</v>
      </c>
      <c r="C79" s="16">
        <v>31</v>
      </c>
      <c r="D79" s="17">
        <v>81</v>
      </c>
    </row>
    <row r="80" spans="1:4" ht="18" customHeight="1" x14ac:dyDescent="0.2">
      <c r="A80" s="14">
        <v>62</v>
      </c>
      <c r="B80" s="15">
        <v>46</v>
      </c>
      <c r="C80" s="16">
        <v>41</v>
      </c>
      <c r="D80" s="17">
        <v>87</v>
      </c>
    </row>
    <row r="81" spans="1:4" ht="18" customHeight="1" x14ac:dyDescent="0.2">
      <c r="A81" s="14">
        <v>63</v>
      </c>
      <c r="B81" s="15">
        <v>21</v>
      </c>
      <c r="C81" s="16">
        <v>20</v>
      </c>
      <c r="D81" s="17">
        <v>41</v>
      </c>
    </row>
    <row r="82" spans="1:4" ht="18" customHeight="1" x14ac:dyDescent="0.2">
      <c r="A82" s="14">
        <v>64</v>
      </c>
      <c r="B82" s="15">
        <v>28</v>
      </c>
      <c r="C82" s="16">
        <v>21</v>
      </c>
      <c r="D82" s="17">
        <v>49</v>
      </c>
    </row>
    <row r="83" spans="1:4" ht="18" customHeight="1" x14ac:dyDescent="0.2">
      <c r="A83" s="18" t="s">
        <v>79</v>
      </c>
      <c r="B83" s="15">
        <v>193</v>
      </c>
      <c r="C83" s="16">
        <v>158</v>
      </c>
      <c r="D83" s="17">
        <v>351</v>
      </c>
    </row>
    <row r="84" spans="1:4" ht="18" customHeight="1" x14ac:dyDescent="0.2">
      <c r="A84" s="18" t="s">
        <v>80</v>
      </c>
      <c r="B84" s="15">
        <v>1141</v>
      </c>
      <c r="C84" s="16">
        <v>1105</v>
      </c>
      <c r="D84" s="17">
        <v>2246</v>
      </c>
    </row>
    <row r="85" spans="1:4" ht="18" customHeight="1" x14ac:dyDescent="0.2">
      <c r="A85" s="14">
        <v>65</v>
      </c>
      <c r="B85" s="15">
        <v>28</v>
      </c>
      <c r="C85" s="16">
        <v>27</v>
      </c>
      <c r="D85" s="17">
        <v>55</v>
      </c>
    </row>
    <row r="86" spans="1:4" ht="18" customHeight="1" x14ac:dyDescent="0.2">
      <c r="A86" s="14">
        <v>66</v>
      </c>
      <c r="B86" s="15">
        <v>24</v>
      </c>
      <c r="C86" s="16">
        <v>18</v>
      </c>
      <c r="D86" s="17">
        <v>42</v>
      </c>
    </row>
    <row r="87" spans="1:4" ht="18" customHeight="1" x14ac:dyDescent="0.2">
      <c r="A87" s="14">
        <v>67</v>
      </c>
      <c r="B87" s="15">
        <v>28</v>
      </c>
      <c r="C87" s="16">
        <v>24</v>
      </c>
      <c r="D87" s="17">
        <v>52</v>
      </c>
    </row>
    <row r="88" spans="1:4" ht="18" customHeight="1" x14ac:dyDescent="0.2">
      <c r="A88" s="14">
        <v>68</v>
      </c>
      <c r="B88" s="15">
        <v>30</v>
      </c>
      <c r="C88" s="16">
        <v>20</v>
      </c>
      <c r="D88" s="17">
        <v>50</v>
      </c>
    </row>
    <row r="89" spans="1:4" ht="18" customHeight="1" x14ac:dyDescent="0.2">
      <c r="A89" s="14">
        <v>69</v>
      </c>
      <c r="B89" s="15">
        <v>15</v>
      </c>
      <c r="C89" s="16">
        <v>18</v>
      </c>
      <c r="D89" s="17">
        <v>33</v>
      </c>
    </row>
    <row r="90" spans="1:4" ht="18" customHeight="1" x14ac:dyDescent="0.2">
      <c r="A90" s="18" t="s">
        <v>81</v>
      </c>
      <c r="B90" s="15">
        <v>125</v>
      </c>
      <c r="C90" s="16">
        <v>107</v>
      </c>
      <c r="D90" s="17">
        <v>232</v>
      </c>
    </row>
    <row r="91" spans="1:4" ht="18" customHeight="1" x14ac:dyDescent="0.2">
      <c r="A91" s="14">
        <v>70</v>
      </c>
      <c r="B91" s="15">
        <v>16</v>
      </c>
      <c r="C91" s="16">
        <v>19</v>
      </c>
      <c r="D91" s="17">
        <v>35</v>
      </c>
    </row>
    <row r="92" spans="1:4" ht="18" customHeight="1" x14ac:dyDescent="0.2">
      <c r="A92" s="14">
        <v>71</v>
      </c>
      <c r="B92" s="15">
        <v>14</v>
      </c>
      <c r="C92" s="16">
        <v>21</v>
      </c>
      <c r="D92" s="17">
        <v>35</v>
      </c>
    </row>
    <row r="93" spans="1:4" ht="18" customHeight="1" x14ac:dyDescent="0.2">
      <c r="A93" s="14">
        <v>72</v>
      </c>
      <c r="B93" s="15">
        <v>12</v>
      </c>
      <c r="C93" s="16">
        <v>30</v>
      </c>
      <c r="D93" s="17">
        <v>42</v>
      </c>
    </row>
    <row r="94" spans="1:4" ht="18" customHeight="1" x14ac:dyDescent="0.2">
      <c r="A94" s="14">
        <v>73</v>
      </c>
      <c r="B94" s="15">
        <v>18</v>
      </c>
      <c r="C94" s="16">
        <v>16</v>
      </c>
      <c r="D94" s="17">
        <v>34</v>
      </c>
    </row>
    <row r="95" spans="1:4" ht="18" customHeight="1" x14ac:dyDescent="0.2">
      <c r="A95" s="14">
        <v>74</v>
      </c>
      <c r="B95" s="15">
        <v>20</v>
      </c>
      <c r="C95" s="16">
        <v>16</v>
      </c>
      <c r="D95" s="17">
        <v>36</v>
      </c>
    </row>
    <row r="96" spans="1:4" ht="18" customHeight="1" x14ac:dyDescent="0.2">
      <c r="A96" s="18" t="s">
        <v>82</v>
      </c>
      <c r="B96" s="15">
        <v>80</v>
      </c>
      <c r="C96" s="16">
        <v>102</v>
      </c>
      <c r="D96" s="17">
        <v>182</v>
      </c>
    </row>
    <row r="97" spans="1:4" ht="18" customHeight="1" x14ac:dyDescent="0.2">
      <c r="A97" s="14">
        <v>75</v>
      </c>
      <c r="B97" s="15">
        <v>8</v>
      </c>
      <c r="C97" s="16">
        <v>17</v>
      </c>
      <c r="D97" s="17">
        <v>25</v>
      </c>
    </row>
    <row r="98" spans="1:4" ht="18" customHeight="1" x14ac:dyDescent="0.2">
      <c r="A98" s="14">
        <v>76</v>
      </c>
      <c r="B98" s="15">
        <v>19</v>
      </c>
      <c r="C98" s="16">
        <v>17</v>
      </c>
      <c r="D98" s="17">
        <v>36</v>
      </c>
    </row>
    <row r="99" spans="1:4" ht="18" customHeight="1" x14ac:dyDescent="0.2">
      <c r="A99" s="14">
        <v>77</v>
      </c>
      <c r="B99" s="15">
        <v>12</v>
      </c>
      <c r="C99" s="16">
        <v>16</v>
      </c>
      <c r="D99" s="17">
        <v>28</v>
      </c>
    </row>
    <row r="100" spans="1:4" ht="18" customHeight="1" x14ac:dyDescent="0.2">
      <c r="A100" s="14">
        <v>78</v>
      </c>
      <c r="B100" s="15">
        <v>15</v>
      </c>
      <c r="C100" s="16">
        <v>24</v>
      </c>
      <c r="D100" s="17">
        <v>39</v>
      </c>
    </row>
    <row r="101" spans="1:4" ht="18" customHeight="1" x14ac:dyDescent="0.2">
      <c r="A101" s="14">
        <v>79</v>
      </c>
      <c r="B101" s="15">
        <v>19</v>
      </c>
      <c r="C101" s="16">
        <v>17</v>
      </c>
      <c r="D101" s="17">
        <v>36</v>
      </c>
    </row>
    <row r="102" spans="1:4" ht="18" customHeight="1" x14ac:dyDescent="0.2">
      <c r="A102" s="18" t="s">
        <v>83</v>
      </c>
      <c r="B102" s="15">
        <v>73</v>
      </c>
      <c r="C102" s="16">
        <v>91</v>
      </c>
      <c r="D102" s="17">
        <v>164</v>
      </c>
    </row>
    <row r="103" spans="1:4" ht="18" customHeight="1" x14ac:dyDescent="0.2">
      <c r="A103" s="14">
        <v>80</v>
      </c>
      <c r="B103" s="15">
        <v>11</v>
      </c>
      <c r="C103" s="16">
        <v>13</v>
      </c>
      <c r="D103" s="17">
        <v>24</v>
      </c>
    </row>
    <row r="104" spans="1:4" ht="18" customHeight="1" x14ac:dyDescent="0.2">
      <c r="A104" s="14">
        <v>81</v>
      </c>
      <c r="B104" s="15">
        <v>13</v>
      </c>
      <c r="C104" s="16">
        <v>14</v>
      </c>
      <c r="D104" s="17">
        <v>27</v>
      </c>
    </row>
    <row r="105" spans="1:4" ht="18" customHeight="1" x14ac:dyDescent="0.2">
      <c r="A105" s="14">
        <v>82</v>
      </c>
      <c r="B105" s="15">
        <v>6</v>
      </c>
      <c r="C105" s="16">
        <v>18</v>
      </c>
      <c r="D105" s="17">
        <v>24</v>
      </c>
    </row>
    <row r="106" spans="1:4" ht="18" customHeight="1" x14ac:dyDescent="0.2">
      <c r="A106" s="14">
        <v>83</v>
      </c>
      <c r="B106" s="15">
        <v>11</v>
      </c>
      <c r="C106" s="16">
        <v>16</v>
      </c>
      <c r="D106" s="17">
        <v>27</v>
      </c>
    </row>
    <row r="107" spans="1:4" ht="18" customHeight="1" x14ac:dyDescent="0.2">
      <c r="A107" s="14">
        <v>84</v>
      </c>
      <c r="B107" s="15">
        <v>11</v>
      </c>
      <c r="C107" s="16">
        <v>14</v>
      </c>
      <c r="D107" s="17">
        <v>25</v>
      </c>
    </row>
    <row r="108" spans="1:4" ht="18" customHeight="1" x14ac:dyDescent="0.2">
      <c r="A108" s="18" t="s">
        <v>84</v>
      </c>
      <c r="B108" s="15">
        <v>52</v>
      </c>
      <c r="C108" s="16">
        <v>75</v>
      </c>
      <c r="D108" s="17">
        <v>127</v>
      </c>
    </row>
    <row r="109" spans="1:4" ht="18" customHeight="1" x14ac:dyDescent="0.2">
      <c r="A109" s="14">
        <v>85</v>
      </c>
      <c r="B109" s="15">
        <v>6</v>
      </c>
      <c r="C109" s="16">
        <v>11</v>
      </c>
      <c r="D109" s="17">
        <v>17</v>
      </c>
    </row>
    <row r="110" spans="1:4" ht="18" customHeight="1" x14ac:dyDescent="0.2">
      <c r="A110" s="14">
        <v>86</v>
      </c>
      <c r="B110" s="15">
        <v>5</v>
      </c>
      <c r="C110" s="16">
        <v>8</v>
      </c>
      <c r="D110" s="17">
        <v>13</v>
      </c>
    </row>
    <row r="111" spans="1:4" ht="18" customHeight="1" x14ac:dyDescent="0.2">
      <c r="A111" s="14">
        <v>87</v>
      </c>
      <c r="B111" s="15">
        <v>11</v>
      </c>
      <c r="C111" s="16">
        <v>11</v>
      </c>
      <c r="D111" s="17">
        <v>22</v>
      </c>
    </row>
    <row r="112" spans="1:4" ht="18" customHeight="1" x14ac:dyDescent="0.2">
      <c r="A112" s="14">
        <v>88</v>
      </c>
      <c r="B112" s="15">
        <v>5</v>
      </c>
      <c r="C112" s="16">
        <v>9</v>
      </c>
      <c r="D112" s="17">
        <v>14</v>
      </c>
    </row>
    <row r="113" spans="1:4" ht="18" customHeight="1" x14ac:dyDescent="0.2">
      <c r="A113" s="14">
        <v>89</v>
      </c>
      <c r="B113" s="15">
        <v>4</v>
      </c>
      <c r="C113" s="16">
        <v>7</v>
      </c>
      <c r="D113" s="17">
        <v>11</v>
      </c>
    </row>
    <row r="114" spans="1:4" ht="18" customHeight="1" x14ac:dyDescent="0.2">
      <c r="A114" s="18" t="s">
        <v>85</v>
      </c>
      <c r="B114" s="15">
        <v>31</v>
      </c>
      <c r="C114" s="16">
        <v>46</v>
      </c>
      <c r="D114" s="17">
        <v>77</v>
      </c>
    </row>
    <row r="115" spans="1:4" ht="18" customHeight="1" x14ac:dyDescent="0.2">
      <c r="A115" s="14">
        <v>90</v>
      </c>
      <c r="B115" s="15">
        <v>1</v>
      </c>
      <c r="C115" s="16">
        <v>5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8</v>
      </c>
      <c r="D116" s="17">
        <v>8</v>
      </c>
    </row>
    <row r="117" spans="1:4" ht="18" customHeight="1" x14ac:dyDescent="0.2">
      <c r="A117" s="14">
        <v>92</v>
      </c>
      <c r="B117" s="15">
        <v>0</v>
      </c>
      <c r="C117" s="16">
        <v>6</v>
      </c>
      <c r="D117" s="17">
        <v>6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86</v>
      </c>
      <c r="B120" s="15">
        <v>1</v>
      </c>
      <c r="C120" s="16">
        <v>26</v>
      </c>
      <c r="D120" s="17">
        <v>27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1</v>
      </c>
      <c r="C126" s="16">
        <v>10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363</v>
      </c>
      <c r="C130" s="5">
        <v>458</v>
      </c>
      <c r="D130" s="6">
        <v>821</v>
      </c>
    </row>
    <row r="131" spans="1:4" ht="18" customHeight="1" x14ac:dyDescent="0.2">
      <c r="A131" s="20" t="s">
        <v>65</v>
      </c>
      <c r="B131" s="7">
        <v>1749</v>
      </c>
      <c r="C131" s="8">
        <v>1769</v>
      </c>
      <c r="D131" s="9">
        <v>351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43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</v>
      </c>
      <c r="C5" s="12">
        <v>3</v>
      </c>
      <c r="D5" s="13">
        <v>6</v>
      </c>
    </row>
    <row r="6" spans="1:4" ht="18" customHeight="1" x14ac:dyDescent="0.2">
      <c r="A6" s="14">
        <v>1</v>
      </c>
      <c r="B6" s="15">
        <v>3</v>
      </c>
      <c r="C6" s="16">
        <v>3</v>
      </c>
      <c r="D6" s="17">
        <v>6</v>
      </c>
    </row>
    <row r="7" spans="1:4" ht="18" customHeight="1" x14ac:dyDescent="0.2">
      <c r="A7" s="14">
        <v>2</v>
      </c>
      <c r="B7" s="15">
        <v>6</v>
      </c>
      <c r="C7" s="16">
        <v>3</v>
      </c>
      <c r="D7" s="17">
        <v>9</v>
      </c>
    </row>
    <row r="8" spans="1:4" ht="18" customHeight="1" x14ac:dyDescent="0.2">
      <c r="A8" s="14">
        <v>3</v>
      </c>
      <c r="B8" s="15">
        <v>4</v>
      </c>
      <c r="C8" s="16">
        <v>1</v>
      </c>
      <c r="D8" s="17">
        <v>5</v>
      </c>
    </row>
    <row r="9" spans="1:4" ht="18" customHeight="1" x14ac:dyDescent="0.2">
      <c r="A9" s="14">
        <v>4</v>
      </c>
      <c r="B9" s="15">
        <v>3</v>
      </c>
      <c r="C9" s="16">
        <v>4</v>
      </c>
      <c r="D9" s="17">
        <v>7</v>
      </c>
    </row>
    <row r="10" spans="1:4" ht="18" customHeight="1" x14ac:dyDescent="0.2">
      <c r="A10" s="18" t="s">
        <v>66</v>
      </c>
      <c r="B10" s="15">
        <v>19</v>
      </c>
      <c r="C10" s="16">
        <v>14</v>
      </c>
      <c r="D10" s="17">
        <v>33</v>
      </c>
    </row>
    <row r="11" spans="1:4" ht="18" customHeight="1" x14ac:dyDescent="0.2">
      <c r="A11" s="14">
        <v>5</v>
      </c>
      <c r="B11" s="15">
        <v>4</v>
      </c>
      <c r="C11" s="16">
        <v>4</v>
      </c>
      <c r="D11" s="17">
        <v>8</v>
      </c>
    </row>
    <row r="12" spans="1:4" ht="18" customHeight="1" x14ac:dyDescent="0.2">
      <c r="A12" s="14">
        <v>6</v>
      </c>
      <c r="B12" s="15">
        <v>3</v>
      </c>
      <c r="C12" s="16">
        <v>7</v>
      </c>
      <c r="D12" s="17">
        <v>10</v>
      </c>
    </row>
    <row r="13" spans="1:4" ht="18" customHeight="1" x14ac:dyDescent="0.2">
      <c r="A13" s="14">
        <v>7</v>
      </c>
      <c r="B13" s="15">
        <v>3</v>
      </c>
      <c r="C13" s="16">
        <v>3</v>
      </c>
      <c r="D13" s="17">
        <v>6</v>
      </c>
    </row>
    <row r="14" spans="1:4" ht="18" customHeight="1" x14ac:dyDescent="0.2">
      <c r="A14" s="14">
        <v>8</v>
      </c>
      <c r="B14" s="15">
        <v>4</v>
      </c>
      <c r="C14" s="16">
        <v>8</v>
      </c>
      <c r="D14" s="17">
        <v>12</v>
      </c>
    </row>
    <row r="15" spans="1:4" ht="18" customHeight="1" x14ac:dyDescent="0.2">
      <c r="A15" s="14">
        <v>9</v>
      </c>
      <c r="B15" s="15">
        <v>5</v>
      </c>
      <c r="C15" s="16">
        <v>2</v>
      </c>
      <c r="D15" s="17">
        <v>7</v>
      </c>
    </row>
    <row r="16" spans="1:4" ht="18" customHeight="1" x14ac:dyDescent="0.2">
      <c r="A16" s="18" t="s">
        <v>67</v>
      </c>
      <c r="B16" s="15">
        <v>19</v>
      </c>
      <c r="C16" s="16">
        <v>24</v>
      </c>
      <c r="D16" s="17">
        <v>43</v>
      </c>
    </row>
    <row r="17" spans="1:4" ht="18" customHeight="1" x14ac:dyDescent="0.2">
      <c r="A17" s="14">
        <v>10</v>
      </c>
      <c r="B17" s="15">
        <v>4</v>
      </c>
      <c r="C17" s="16">
        <v>3</v>
      </c>
      <c r="D17" s="17">
        <v>7</v>
      </c>
    </row>
    <row r="18" spans="1:4" ht="18" customHeight="1" x14ac:dyDescent="0.2">
      <c r="A18" s="14">
        <v>11</v>
      </c>
      <c r="B18" s="15">
        <v>6</v>
      </c>
      <c r="C18" s="16">
        <v>6</v>
      </c>
      <c r="D18" s="17">
        <v>12</v>
      </c>
    </row>
    <row r="19" spans="1:4" ht="18" customHeight="1" x14ac:dyDescent="0.2">
      <c r="A19" s="14">
        <v>12</v>
      </c>
      <c r="B19" s="15">
        <v>5</v>
      </c>
      <c r="C19" s="16">
        <v>7</v>
      </c>
      <c r="D19" s="17">
        <v>12</v>
      </c>
    </row>
    <row r="20" spans="1:4" ht="18" customHeight="1" x14ac:dyDescent="0.2">
      <c r="A20" s="14">
        <v>13</v>
      </c>
      <c r="B20" s="15">
        <v>3</v>
      </c>
      <c r="C20" s="16">
        <v>5</v>
      </c>
      <c r="D20" s="17">
        <v>8</v>
      </c>
    </row>
    <row r="21" spans="1:4" ht="18" customHeight="1" x14ac:dyDescent="0.2">
      <c r="A21" s="14">
        <v>14</v>
      </c>
      <c r="B21" s="15">
        <v>4</v>
      </c>
      <c r="C21" s="16">
        <v>5</v>
      </c>
      <c r="D21" s="17">
        <v>9</v>
      </c>
    </row>
    <row r="22" spans="1:4" ht="18" customHeight="1" x14ac:dyDescent="0.2">
      <c r="A22" s="18" t="s">
        <v>68</v>
      </c>
      <c r="B22" s="15">
        <v>22</v>
      </c>
      <c r="C22" s="16">
        <v>26</v>
      </c>
      <c r="D22" s="17">
        <v>48</v>
      </c>
    </row>
    <row r="23" spans="1:4" ht="18" customHeight="1" x14ac:dyDescent="0.2">
      <c r="A23" s="18" t="s">
        <v>69</v>
      </c>
      <c r="B23" s="15">
        <v>60</v>
      </c>
      <c r="C23" s="16">
        <v>64</v>
      </c>
      <c r="D23" s="17">
        <v>124</v>
      </c>
    </row>
    <row r="24" spans="1:4" ht="18" customHeight="1" x14ac:dyDescent="0.2">
      <c r="A24" s="14">
        <v>15</v>
      </c>
      <c r="B24" s="15">
        <v>4</v>
      </c>
      <c r="C24" s="16">
        <v>3</v>
      </c>
      <c r="D24" s="17">
        <v>7</v>
      </c>
    </row>
    <row r="25" spans="1:4" ht="18" customHeight="1" x14ac:dyDescent="0.2">
      <c r="A25" s="14">
        <v>16</v>
      </c>
      <c r="B25" s="15">
        <v>5</v>
      </c>
      <c r="C25" s="16">
        <v>6</v>
      </c>
      <c r="D25" s="17">
        <v>11</v>
      </c>
    </row>
    <row r="26" spans="1:4" ht="18" customHeight="1" x14ac:dyDescent="0.2">
      <c r="A26" s="14">
        <v>17</v>
      </c>
      <c r="B26" s="15">
        <v>4</v>
      </c>
      <c r="C26" s="16">
        <v>5</v>
      </c>
      <c r="D26" s="17">
        <v>9</v>
      </c>
    </row>
    <row r="27" spans="1:4" ht="18" customHeight="1" x14ac:dyDescent="0.2">
      <c r="A27" s="14">
        <v>18</v>
      </c>
      <c r="B27" s="15">
        <v>2</v>
      </c>
      <c r="C27" s="16">
        <v>9</v>
      </c>
      <c r="D27" s="17">
        <v>11</v>
      </c>
    </row>
    <row r="28" spans="1:4" ht="18" customHeight="1" x14ac:dyDescent="0.2">
      <c r="A28" s="14">
        <v>19</v>
      </c>
      <c r="B28" s="15">
        <v>6</v>
      </c>
      <c r="C28" s="16">
        <v>2</v>
      </c>
      <c r="D28" s="17">
        <v>8</v>
      </c>
    </row>
    <row r="29" spans="1:4" ht="18" customHeight="1" x14ac:dyDescent="0.2">
      <c r="A29" s="18" t="s">
        <v>70</v>
      </c>
      <c r="B29" s="15">
        <v>21</v>
      </c>
      <c r="C29" s="16">
        <v>25</v>
      </c>
      <c r="D29" s="17">
        <v>46</v>
      </c>
    </row>
    <row r="30" spans="1:4" ht="18" customHeight="1" x14ac:dyDescent="0.2">
      <c r="A30" s="14">
        <v>20</v>
      </c>
      <c r="B30" s="15">
        <v>3</v>
      </c>
      <c r="C30" s="16">
        <v>5</v>
      </c>
      <c r="D30" s="17">
        <v>8</v>
      </c>
    </row>
    <row r="31" spans="1:4" ht="18" customHeight="1" x14ac:dyDescent="0.2">
      <c r="A31" s="14">
        <v>21</v>
      </c>
      <c r="B31" s="15">
        <v>4</v>
      </c>
      <c r="C31" s="16">
        <v>7</v>
      </c>
      <c r="D31" s="17">
        <v>11</v>
      </c>
    </row>
    <row r="32" spans="1:4" ht="18" customHeight="1" x14ac:dyDescent="0.2">
      <c r="A32" s="14">
        <v>22</v>
      </c>
      <c r="B32" s="15">
        <v>4</v>
      </c>
      <c r="C32" s="16">
        <v>6</v>
      </c>
      <c r="D32" s="17">
        <v>10</v>
      </c>
    </row>
    <row r="33" spans="1:4" ht="18" customHeight="1" x14ac:dyDescent="0.2">
      <c r="A33" s="14">
        <v>23</v>
      </c>
      <c r="B33" s="15">
        <v>7</v>
      </c>
      <c r="C33" s="16">
        <v>6</v>
      </c>
      <c r="D33" s="17">
        <v>13</v>
      </c>
    </row>
    <row r="34" spans="1:4" ht="18" customHeight="1" x14ac:dyDescent="0.2">
      <c r="A34" s="14">
        <v>24</v>
      </c>
      <c r="B34" s="15">
        <v>4</v>
      </c>
      <c r="C34" s="16">
        <v>7</v>
      </c>
      <c r="D34" s="17">
        <v>11</v>
      </c>
    </row>
    <row r="35" spans="1:4" ht="18" customHeight="1" x14ac:dyDescent="0.2">
      <c r="A35" s="18" t="s">
        <v>71</v>
      </c>
      <c r="B35" s="15">
        <v>22</v>
      </c>
      <c r="C35" s="16">
        <v>31</v>
      </c>
      <c r="D35" s="17">
        <v>53</v>
      </c>
    </row>
    <row r="36" spans="1:4" ht="18" customHeight="1" x14ac:dyDescent="0.2">
      <c r="A36" s="14">
        <v>25</v>
      </c>
      <c r="B36" s="15">
        <v>6</v>
      </c>
      <c r="C36" s="16">
        <v>7</v>
      </c>
      <c r="D36" s="17">
        <v>13</v>
      </c>
    </row>
    <row r="37" spans="1:4" ht="18" customHeight="1" x14ac:dyDescent="0.2">
      <c r="A37" s="14">
        <v>26</v>
      </c>
      <c r="B37" s="15">
        <v>4</v>
      </c>
      <c r="C37" s="16">
        <v>8</v>
      </c>
      <c r="D37" s="17">
        <v>12</v>
      </c>
    </row>
    <row r="38" spans="1:4" ht="18" customHeight="1" x14ac:dyDescent="0.2">
      <c r="A38" s="14">
        <v>27</v>
      </c>
      <c r="B38" s="15">
        <v>4</v>
      </c>
      <c r="C38" s="16">
        <v>6</v>
      </c>
      <c r="D38" s="17">
        <v>10</v>
      </c>
    </row>
    <row r="39" spans="1:4" ht="18" customHeight="1" x14ac:dyDescent="0.2">
      <c r="A39" s="14">
        <v>28</v>
      </c>
      <c r="B39" s="15">
        <v>6</v>
      </c>
      <c r="C39" s="16">
        <v>4</v>
      </c>
      <c r="D39" s="17">
        <v>10</v>
      </c>
    </row>
    <row r="40" spans="1:4" ht="18" customHeight="1" x14ac:dyDescent="0.2">
      <c r="A40" s="14">
        <v>29</v>
      </c>
      <c r="B40" s="15">
        <v>3</v>
      </c>
      <c r="C40" s="16">
        <v>7</v>
      </c>
      <c r="D40" s="17">
        <v>10</v>
      </c>
    </row>
    <row r="41" spans="1:4" ht="18" customHeight="1" x14ac:dyDescent="0.2">
      <c r="A41" s="18" t="s">
        <v>72</v>
      </c>
      <c r="B41" s="15">
        <v>23</v>
      </c>
      <c r="C41" s="16">
        <v>32</v>
      </c>
      <c r="D41" s="17">
        <v>55</v>
      </c>
    </row>
    <row r="42" spans="1:4" ht="18" customHeight="1" x14ac:dyDescent="0.2">
      <c r="A42" s="14">
        <v>30</v>
      </c>
      <c r="B42" s="15">
        <v>7</v>
      </c>
      <c r="C42" s="16">
        <v>4</v>
      </c>
      <c r="D42" s="17">
        <v>11</v>
      </c>
    </row>
    <row r="43" spans="1:4" ht="18" customHeight="1" x14ac:dyDescent="0.2">
      <c r="A43" s="14">
        <v>31</v>
      </c>
      <c r="B43" s="15">
        <v>7</v>
      </c>
      <c r="C43" s="16">
        <v>5</v>
      </c>
      <c r="D43" s="17">
        <v>12</v>
      </c>
    </row>
    <row r="44" spans="1:4" ht="18" customHeight="1" x14ac:dyDescent="0.2">
      <c r="A44" s="14">
        <v>32</v>
      </c>
      <c r="B44" s="15">
        <v>8</v>
      </c>
      <c r="C44" s="16">
        <v>5</v>
      </c>
      <c r="D44" s="17">
        <v>13</v>
      </c>
    </row>
    <row r="45" spans="1:4" ht="18" customHeight="1" x14ac:dyDescent="0.2">
      <c r="A45" s="14">
        <v>33</v>
      </c>
      <c r="B45" s="15">
        <v>7</v>
      </c>
      <c r="C45" s="16">
        <v>7</v>
      </c>
      <c r="D45" s="17">
        <v>14</v>
      </c>
    </row>
    <row r="46" spans="1:4" ht="18" customHeight="1" x14ac:dyDescent="0.2">
      <c r="A46" s="14">
        <v>34</v>
      </c>
      <c r="B46" s="15">
        <v>9</v>
      </c>
      <c r="C46" s="16">
        <v>6</v>
      </c>
      <c r="D46" s="17">
        <v>15</v>
      </c>
    </row>
    <row r="47" spans="1:4" ht="18" customHeight="1" x14ac:dyDescent="0.2">
      <c r="A47" s="18" t="s">
        <v>73</v>
      </c>
      <c r="B47" s="15">
        <v>38</v>
      </c>
      <c r="C47" s="16">
        <v>27</v>
      </c>
      <c r="D47" s="17">
        <v>65</v>
      </c>
    </row>
    <row r="48" spans="1:4" ht="18" customHeight="1" x14ac:dyDescent="0.2">
      <c r="A48" s="14">
        <v>35</v>
      </c>
      <c r="B48" s="15">
        <v>7</v>
      </c>
      <c r="C48" s="16">
        <v>6</v>
      </c>
      <c r="D48" s="17">
        <v>13</v>
      </c>
    </row>
    <row r="49" spans="1:4" ht="18" customHeight="1" x14ac:dyDescent="0.2">
      <c r="A49" s="14">
        <v>36</v>
      </c>
      <c r="B49" s="15">
        <v>13</v>
      </c>
      <c r="C49" s="16">
        <v>11</v>
      </c>
      <c r="D49" s="17">
        <v>24</v>
      </c>
    </row>
    <row r="50" spans="1:4" ht="18" customHeight="1" x14ac:dyDescent="0.2">
      <c r="A50" s="14">
        <v>37</v>
      </c>
      <c r="B50" s="15">
        <v>11</v>
      </c>
      <c r="C50" s="16">
        <v>5</v>
      </c>
      <c r="D50" s="17">
        <v>16</v>
      </c>
    </row>
    <row r="51" spans="1:4" ht="18" customHeight="1" x14ac:dyDescent="0.2">
      <c r="A51" s="14">
        <v>38</v>
      </c>
      <c r="B51" s="15">
        <v>4</v>
      </c>
      <c r="C51" s="16">
        <v>10</v>
      </c>
      <c r="D51" s="17">
        <v>14</v>
      </c>
    </row>
    <row r="52" spans="1:4" ht="18" customHeight="1" x14ac:dyDescent="0.2">
      <c r="A52" s="14">
        <v>39</v>
      </c>
      <c r="B52" s="15">
        <v>10</v>
      </c>
      <c r="C52" s="16">
        <v>4</v>
      </c>
      <c r="D52" s="17">
        <v>14</v>
      </c>
    </row>
    <row r="53" spans="1:4" ht="18" customHeight="1" x14ac:dyDescent="0.2">
      <c r="A53" s="18" t="s">
        <v>74</v>
      </c>
      <c r="B53" s="15">
        <v>45</v>
      </c>
      <c r="C53" s="16">
        <v>36</v>
      </c>
      <c r="D53" s="17">
        <v>81</v>
      </c>
    </row>
    <row r="54" spans="1:4" ht="18" customHeight="1" x14ac:dyDescent="0.2">
      <c r="A54" s="14">
        <v>40</v>
      </c>
      <c r="B54" s="15">
        <v>6</v>
      </c>
      <c r="C54" s="16">
        <v>3</v>
      </c>
      <c r="D54" s="17">
        <v>9</v>
      </c>
    </row>
    <row r="55" spans="1:4" ht="18" customHeight="1" x14ac:dyDescent="0.2">
      <c r="A55" s="14">
        <v>41</v>
      </c>
      <c r="B55" s="15">
        <v>5</v>
      </c>
      <c r="C55" s="16">
        <v>3</v>
      </c>
      <c r="D55" s="17">
        <v>8</v>
      </c>
    </row>
    <row r="56" spans="1:4" ht="18" customHeight="1" x14ac:dyDescent="0.2">
      <c r="A56" s="14">
        <v>42</v>
      </c>
      <c r="B56" s="15">
        <v>1</v>
      </c>
      <c r="C56" s="16">
        <v>7</v>
      </c>
      <c r="D56" s="17">
        <v>8</v>
      </c>
    </row>
    <row r="57" spans="1:4" ht="18" customHeight="1" x14ac:dyDescent="0.2">
      <c r="A57" s="14">
        <v>43</v>
      </c>
      <c r="B57" s="15">
        <v>5</v>
      </c>
      <c r="C57" s="16">
        <v>4</v>
      </c>
      <c r="D57" s="17">
        <v>9</v>
      </c>
    </row>
    <row r="58" spans="1:4" ht="18" customHeight="1" x14ac:dyDescent="0.2">
      <c r="A58" s="14">
        <v>44</v>
      </c>
      <c r="B58" s="15">
        <v>4</v>
      </c>
      <c r="C58" s="16">
        <v>5</v>
      </c>
      <c r="D58" s="17">
        <v>9</v>
      </c>
    </row>
    <row r="59" spans="1:4" ht="18" customHeight="1" x14ac:dyDescent="0.2">
      <c r="A59" s="18" t="s">
        <v>75</v>
      </c>
      <c r="B59" s="15">
        <v>21</v>
      </c>
      <c r="C59" s="16">
        <v>22</v>
      </c>
      <c r="D59" s="17">
        <v>43</v>
      </c>
    </row>
    <row r="60" spans="1:4" ht="18" customHeight="1" x14ac:dyDescent="0.2">
      <c r="A60" s="14">
        <v>45</v>
      </c>
      <c r="B60" s="15">
        <v>3</v>
      </c>
      <c r="C60" s="16">
        <v>5</v>
      </c>
      <c r="D60" s="17">
        <v>8</v>
      </c>
    </row>
    <row r="61" spans="1:4" ht="18" customHeight="1" x14ac:dyDescent="0.2">
      <c r="A61" s="14">
        <v>46</v>
      </c>
      <c r="B61" s="15">
        <v>7</v>
      </c>
      <c r="C61" s="16">
        <v>10</v>
      </c>
      <c r="D61" s="17">
        <v>17</v>
      </c>
    </row>
    <row r="62" spans="1:4" ht="18" customHeight="1" x14ac:dyDescent="0.2">
      <c r="A62" s="14">
        <v>47</v>
      </c>
      <c r="B62" s="15">
        <v>5</v>
      </c>
      <c r="C62" s="16">
        <v>5</v>
      </c>
      <c r="D62" s="17">
        <v>10</v>
      </c>
    </row>
    <row r="63" spans="1:4" ht="18" customHeight="1" x14ac:dyDescent="0.2">
      <c r="A63" s="14">
        <v>48</v>
      </c>
      <c r="B63" s="15">
        <v>11</v>
      </c>
      <c r="C63" s="16">
        <v>10</v>
      </c>
      <c r="D63" s="17">
        <v>21</v>
      </c>
    </row>
    <row r="64" spans="1:4" ht="18" customHeight="1" x14ac:dyDescent="0.2">
      <c r="A64" s="14">
        <v>49</v>
      </c>
      <c r="B64" s="15">
        <v>7</v>
      </c>
      <c r="C64" s="16">
        <v>9</v>
      </c>
      <c r="D64" s="17">
        <v>16</v>
      </c>
    </row>
    <row r="65" spans="1:4" ht="18" customHeight="1" x14ac:dyDescent="0.2">
      <c r="A65" s="18" t="s">
        <v>76</v>
      </c>
      <c r="B65" s="15">
        <v>33</v>
      </c>
      <c r="C65" s="16">
        <v>39</v>
      </c>
      <c r="D65" s="17">
        <v>72</v>
      </c>
    </row>
    <row r="66" spans="1:4" ht="18" customHeight="1" x14ac:dyDescent="0.2">
      <c r="A66" s="14">
        <v>50</v>
      </c>
      <c r="B66" s="15">
        <v>8</v>
      </c>
      <c r="C66" s="16">
        <v>5</v>
      </c>
      <c r="D66" s="17">
        <v>13</v>
      </c>
    </row>
    <row r="67" spans="1:4" ht="18" customHeight="1" x14ac:dyDescent="0.2">
      <c r="A67" s="14">
        <v>51</v>
      </c>
      <c r="B67" s="15">
        <v>4</v>
      </c>
      <c r="C67" s="16">
        <v>8</v>
      </c>
      <c r="D67" s="17">
        <v>12</v>
      </c>
    </row>
    <row r="68" spans="1:4" ht="18" customHeight="1" x14ac:dyDescent="0.2">
      <c r="A68" s="14">
        <v>52</v>
      </c>
      <c r="B68" s="15">
        <v>7</v>
      </c>
      <c r="C68" s="16">
        <v>4</v>
      </c>
      <c r="D68" s="17">
        <v>11</v>
      </c>
    </row>
    <row r="69" spans="1:4" ht="18" customHeight="1" x14ac:dyDescent="0.2">
      <c r="A69" s="14">
        <v>53</v>
      </c>
      <c r="B69" s="15">
        <v>4</v>
      </c>
      <c r="C69" s="16">
        <v>8</v>
      </c>
      <c r="D69" s="17">
        <v>12</v>
      </c>
    </row>
    <row r="70" spans="1:4" ht="18" customHeight="1" x14ac:dyDescent="0.2">
      <c r="A70" s="14">
        <v>54</v>
      </c>
      <c r="B70" s="15">
        <v>6</v>
      </c>
      <c r="C70" s="16">
        <v>5</v>
      </c>
      <c r="D70" s="17">
        <v>11</v>
      </c>
    </row>
    <row r="71" spans="1:4" ht="18" customHeight="1" x14ac:dyDescent="0.2">
      <c r="A71" s="18" t="s">
        <v>77</v>
      </c>
      <c r="B71" s="15">
        <v>29</v>
      </c>
      <c r="C71" s="16">
        <v>30</v>
      </c>
      <c r="D71" s="17">
        <v>59</v>
      </c>
    </row>
    <row r="72" spans="1:4" ht="18" customHeight="1" x14ac:dyDescent="0.2">
      <c r="A72" s="14">
        <v>55</v>
      </c>
      <c r="B72" s="15">
        <v>8</v>
      </c>
      <c r="C72" s="16">
        <v>9</v>
      </c>
      <c r="D72" s="17">
        <v>17</v>
      </c>
    </row>
    <row r="73" spans="1:4" ht="18" customHeight="1" x14ac:dyDescent="0.2">
      <c r="A73" s="14">
        <v>56</v>
      </c>
      <c r="B73" s="15">
        <v>5</v>
      </c>
      <c r="C73" s="16">
        <v>10</v>
      </c>
      <c r="D73" s="17">
        <v>15</v>
      </c>
    </row>
    <row r="74" spans="1:4" ht="18" customHeight="1" x14ac:dyDescent="0.2">
      <c r="A74" s="14">
        <v>57</v>
      </c>
      <c r="B74" s="15">
        <v>11</v>
      </c>
      <c r="C74" s="16">
        <v>5</v>
      </c>
      <c r="D74" s="17">
        <v>16</v>
      </c>
    </row>
    <row r="75" spans="1:4" ht="18" customHeight="1" x14ac:dyDescent="0.2">
      <c r="A75" s="14">
        <v>58</v>
      </c>
      <c r="B75" s="15">
        <v>8</v>
      </c>
      <c r="C75" s="16">
        <v>13</v>
      </c>
      <c r="D75" s="17">
        <v>21</v>
      </c>
    </row>
    <row r="76" spans="1:4" ht="18" customHeight="1" x14ac:dyDescent="0.2">
      <c r="A76" s="14">
        <v>59</v>
      </c>
      <c r="B76" s="15">
        <v>22</v>
      </c>
      <c r="C76" s="16">
        <v>15</v>
      </c>
      <c r="D76" s="17">
        <v>37</v>
      </c>
    </row>
    <row r="77" spans="1:4" ht="18" customHeight="1" x14ac:dyDescent="0.2">
      <c r="A77" s="18" t="s">
        <v>78</v>
      </c>
      <c r="B77" s="15">
        <v>54</v>
      </c>
      <c r="C77" s="16">
        <v>52</v>
      </c>
      <c r="D77" s="17">
        <v>106</v>
      </c>
    </row>
    <row r="78" spans="1:4" ht="18" customHeight="1" x14ac:dyDescent="0.2">
      <c r="A78" s="14">
        <v>60</v>
      </c>
      <c r="B78" s="15">
        <v>17</v>
      </c>
      <c r="C78" s="16">
        <v>11</v>
      </c>
      <c r="D78" s="17">
        <v>28</v>
      </c>
    </row>
    <row r="79" spans="1:4" ht="18" customHeight="1" x14ac:dyDescent="0.2">
      <c r="A79" s="14">
        <v>61</v>
      </c>
      <c r="B79" s="15">
        <v>10</v>
      </c>
      <c r="C79" s="16">
        <v>16</v>
      </c>
      <c r="D79" s="17">
        <v>26</v>
      </c>
    </row>
    <row r="80" spans="1:4" ht="18" customHeight="1" x14ac:dyDescent="0.2">
      <c r="A80" s="14">
        <v>62</v>
      </c>
      <c r="B80" s="15">
        <v>11</v>
      </c>
      <c r="C80" s="16">
        <v>18</v>
      </c>
      <c r="D80" s="17">
        <v>29</v>
      </c>
    </row>
    <row r="81" spans="1:4" ht="18" customHeight="1" x14ac:dyDescent="0.2">
      <c r="A81" s="14">
        <v>63</v>
      </c>
      <c r="B81" s="15">
        <v>2</v>
      </c>
      <c r="C81" s="16">
        <v>4</v>
      </c>
      <c r="D81" s="17">
        <v>6</v>
      </c>
    </row>
    <row r="82" spans="1:4" ht="18" customHeight="1" x14ac:dyDescent="0.2">
      <c r="A82" s="14">
        <v>64</v>
      </c>
      <c r="B82" s="15">
        <v>9</v>
      </c>
      <c r="C82" s="16">
        <v>5</v>
      </c>
      <c r="D82" s="17">
        <v>14</v>
      </c>
    </row>
    <row r="83" spans="1:4" ht="18" customHeight="1" x14ac:dyDescent="0.2">
      <c r="A83" s="18" t="s">
        <v>79</v>
      </c>
      <c r="B83" s="15">
        <v>49</v>
      </c>
      <c r="C83" s="16">
        <v>54</v>
      </c>
      <c r="D83" s="17">
        <v>103</v>
      </c>
    </row>
    <row r="84" spans="1:4" ht="18" customHeight="1" x14ac:dyDescent="0.2">
      <c r="A84" s="18" t="s">
        <v>80</v>
      </c>
      <c r="B84" s="15">
        <v>335</v>
      </c>
      <c r="C84" s="16">
        <v>348</v>
      </c>
      <c r="D84" s="17">
        <v>683</v>
      </c>
    </row>
    <row r="85" spans="1:4" ht="18" customHeight="1" x14ac:dyDescent="0.2">
      <c r="A85" s="14">
        <v>65</v>
      </c>
      <c r="B85" s="15">
        <v>10</v>
      </c>
      <c r="C85" s="16">
        <v>6</v>
      </c>
      <c r="D85" s="17">
        <v>16</v>
      </c>
    </row>
    <row r="86" spans="1:4" ht="18" customHeight="1" x14ac:dyDescent="0.2">
      <c r="A86" s="14">
        <v>66</v>
      </c>
      <c r="B86" s="15">
        <v>11</v>
      </c>
      <c r="C86" s="16">
        <v>4</v>
      </c>
      <c r="D86" s="17">
        <v>15</v>
      </c>
    </row>
    <row r="87" spans="1:4" ht="18" customHeight="1" x14ac:dyDescent="0.2">
      <c r="A87" s="14">
        <v>67</v>
      </c>
      <c r="B87" s="15">
        <v>11</v>
      </c>
      <c r="C87" s="16">
        <v>3</v>
      </c>
      <c r="D87" s="17">
        <v>14</v>
      </c>
    </row>
    <row r="88" spans="1:4" ht="18" customHeight="1" x14ac:dyDescent="0.2">
      <c r="A88" s="14">
        <v>68</v>
      </c>
      <c r="B88" s="15">
        <v>6</v>
      </c>
      <c r="C88" s="16">
        <v>10</v>
      </c>
      <c r="D88" s="17">
        <v>16</v>
      </c>
    </row>
    <row r="89" spans="1:4" ht="18" customHeight="1" x14ac:dyDescent="0.2">
      <c r="A89" s="14">
        <v>69</v>
      </c>
      <c r="B89" s="15">
        <v>7</v>
      </c>
      <c r="C89" s="16">
        <v>9</v>
      </c>
      <c r="D89" s="17">
        <v>16</v>
      </c>
    </row>
    <row r="90" spans="1:4" ht="18" customHeight="1" x14ac:dyDescent="0.2">
      <c r="A90" s="18" t="s">
        <v>81</v>
      </c>
      <c r="B90" s="15">
        <v>45</v>
      </c>
      <c r="C90" s="16">
        <v>32</v>
      </c>
      <c r="D90" s="17">
        <v>77</v>
      </c>
    </row>
    <row r="91" spans="1:4" ht="18" customHeight="1" x14ac:dyDescent="0.2">
      <c r="A91" s="14">
        <v>70</v>
      </c>
      <c r="B91" s="15">
        <v>1</v>
      </c>
      <c r="C91" s="16">
        <v>7</v>
      </c>
      <c r="D91" s="17">
        <v>8</v>
      </c>
    </row>
    <row r="92" spans="1:4" ht="18" customHeight="1" x14ac:dyDescent="0.2">
      <c r="A92" s="14">
        <v>71</v>
      </c>
      <c r="B92" s="15">
        <v>3</v>
      </c>
      <c r="C92" s="16">
        <v>7</v>
      </c>
      <c r="D92" s="17">
        <v>10</v>
      </c>
    </row>
    <row r="93" spans="1:4" ht="18" customHeight="1" x14ac:dyDescent="0.2">
      <c r="A93" s="14">
        <v>72</v>
      </c>
      <c r="B93" s="15">
        <v>3</v>
      </c>
      <c r="C93" s="16">
        <v>8</v>
      </c>
      <c r="D93" s="17">
        <v>11</v>
      </c>
    </row>
    <row r="94" spans="1:4" ht="18" customHeight="1" x14ac:dyDescent="0.2">
      <c r="A94" s="14">
        <v>73</v>
      </c>
      <c r="B94" s="15">
        <v>8</v>
      </c>
      <c r="C94" s="16">
        <v>12</v>
      </c>
      <c r="D94" s="17">
        <v>20</v>
      </c>
    </row>
    <row r="95" spans="1:4" ht="18" customHeight="1" x14ac:dyDescent="0.2">
      <c r="A95" s="14">
        <v>74</v>
      </c>
      <c r="B95" s="15">
        <v>3</v>
      </c>
      <c r="C95" s="16">
        <v>7</v>
      </c>
      <c r="D95" s="17">
        <v>10</v>
      </c>
    </row>
    <row r="96" spans="1:4" ht="18" customHeight="1" x14ac:dyDescent="0.2">
      <c r="A96" s="18" t="s">
        <v>82</v>
      </c>
      <c r="B96" s="15">
        <v>18</v>
      </c>
      <c r="C96" s="16">
        <v>41</v>
      </c>
      <c r="D96" s="17">
        <v>59</v>
      </c>
    </row>
    <row r="97" spans="1:4" ht="18" customHeight="1" x14ac:dyDescent="0.2">
      <c r="A97" s="14">
        <v>75</v>
      </c>
      <c r="B97" s="15">
        <v>7</v>
      </c>
      <c r="C97" s="16">
        <v>8</v>
      </c>
      <c r="D97" s="17">
        <v>15</v>
      </c>
    </row>
    <row r="98" spans="1:4" ht="18" customHeight="1" x14ac:dyDescent="0.2">
      <c r="A98" s="14">
        <v>76</v>
      </c>
      <c r="B98" s="15">
        <v>4</v>
      </c>
      <c r="C98" s="16">
        <v>1</v>
      </c>
      <c r="D98" s="17">
        <v>5</v>
      </c>
    </row>
    <row r="99" spans="1:4" ht="18" customHeight="1" x14ac:dyDescent="0.2">
      <c r="A99" s="14">
        <v>77</v>
      </c>
      <c r="B99" s="15">
        <v>3</v>
      </c>
      <c r="C99" s="16">
        <v>9</v>
      </c>
      <c r="D99" s="17">
        <v>12</v>
      </c>
    </row>
    <row r="100" spans="1:4" ht="18" customHeight="1" x14ac:dyDescent="0.2">
      <c r="A100" s="14">
        <v>78</v>
      </c>
      <c r="B100" s="15">
        <v>2</v>
      </c>
      <c r="C100" s="16">
        <v>7</v>
      </c>
      <c r="D100" s="17">
        <v>9</v>
      </c>
    </row>
    <row r="101" spans="1:4" ht="18" customHeight="1" x14ac:dyDescent="0.2">
      <c r="A101" s="14">
        <v>79</v>
      </c>
      <c r="B101" s="15">
        <v>3</v>
      </c>
      <c r="C101" s="16">
        <v>6</v>
      </c>
      <c r="D101" s="17">
        <v>9</v>
      </c>
    </row>
    <row r="102" spans="1:4" ht="18" customHeight="1" x14ac:dyDescent="0.2">
      <c r="A102" s="18" t="s">
        <v>83</v>
      </c>
      <c r="B102" s="15">
        <v>19</v>
      </c>
      <c r="C102" s="16">
        <v>31</v>
      </c>
      <c r="D102" s="17">
        <v>50</v>
      </c>
    </row>
    <row r="103" spans="1:4" ht="18" customHeight="1" x14ac:dyDescent="0.2">
      <c r="A103" s="14">
        <v>80</v>
      </c>
      <c r="B103" s="15">
        <v>5</v>
      </c>
      <c r="C103" s="16">
        <v>5</v>
      </c>
      <c r="D103" s="17">
        <v>10</v>
      </c>
    </row>
    <row r="104" spans="1:4" ht="18" customHeight="1" x14ac:dyDescent="0.2">
      <c r="A104" s="14">
        <v>81</v>
      </c>
      <c r="B104" s="15">
        <v>4</v>
      </c>
      <c r="C104" s="16">
        <v>7</v>
      </c>
      <c r="D104" s="17">
        <v>11</v>
      </c>
    </row>
    <row r="105" spans="1:4" ht="18" customHeight="1" x14ac:dyDescent="0.2">
      <c r="A105" s="14">
        <v>82</v>
      </c>
      <c r="B105" s="15">
        <v>2</v>
      </c>
      <c r="C105" s="16">
        <v>7</v>
      </c>
      <c r="D105" s="17">
        <v>9</v>
      </c>
    </row>
    <row r="106" spans="1:4" ht="18" customHeight="1" x14ac:dyDescent="0.2">
      <c r="A106" s="14">
        <v>83</v>
      </c>
      <c r="B106" s="15">
        <v>4</v>
      </c>
      <c r="C106" s="16">
        <v>9</v>
      </c>
      <c r="D106" s="17">
        <v>13</v>
      </c>
    </row>
    <row r="107" spans="1:4" ht="18" customHeight="1" x14ac:dyDescent="0.2">
      <c r="A107" s="14">
        <v>84</v>
      </c>
      <c r="B107" s="15">
        <v>1</v>
      </c>
      <c r="C107" s="16">
        <v>5</v>
      </c>
      <c r="D107" s="17">
        <v>6</v>
      </c>
    </row>
    <row r="108" spans="1:4" ht="18" customHeight="1" x14ac:dyDescent="0.2">
      <c r="A108" s="18" t="s">
        <v>84</v>
      </c>
      <c r="B108" s="15">
        <v>16</v>
      </c>
      <c r="C108" s="16">
        <v>33</v>
      </c>
      <c r="D108" s="17">
        <v>49</v>
      </c>
    </row>
    <row r="109" spans="1:4" ht="18" customHeight="1" x14ac:dyDescent="0.2">
      <c r="A109" s="14">
        <v>85</v>
      </c>
      <c r="B109" s="15">
        <v>4</v>
      </c>
      <c r="C109" s="16">
        <v>5</v>
      </c>
      <c r="D109" s="17">
        <v>9</v>
      </c>
    </row>
    <row r="110" spans="1:4" ht="18" customHeight="1" x14ac:dyDescent="0.2">
      <c r="A110" s="14">
        <v>86</v>
      </c>
      <c r="B110" s="15">
        <v>1</v>
      </c>
      <c r="C110" s="16">
        <v>4</v>
      </c>
      <c r="D110" s="17">
        <v>5</v>
      </c>
    </row>
    <row r="111" spans="1:4" ht="18" customHeight="1" x14ac:dyDescent="0.2">
      <c r="A111" s="14">
        <v>87</v>
      </c>
      <c r="B111" s="15">
        <v>1</v>
      </c>
      <c r="C111" s="16">
        <v>8</v>
      </c>
      <c r="D111" s="17">
        <v>9</v>
      </c>
    </row>
    <row r="112" spans="1:4" ht="18" customHeight="1" x14ac:dyDescent="0.2">
      <c r="A112" s="14">
        <v>88</v>
      </c>
      <c r="B112" s="15">
        <v>1</v>
      </c>
      <c r="C112" s="16">
        <v>4</v>
      </c>
      <c r="D112" s="17">
        <v>5</v>
      </c>
    </row>
    <row r="113" spans="1:4" ht="18" customHeight="1" x14ac:dyDescent="0.2">
      <c r="A113" s="14">
        <v>89</v>
      </c>
      <c r="B113" s="15">
        <v>1</v>
      </c>
      <c r="C113" s="16">
        <v>3</v>
      </c>
      <c r="D113" s="17">
        <v>4</v>
      </c>
    </row>
    <row r="114" spans="1:4" ht="18" customHeight="1" x14ac:dyDescent="0.2">
      <c r="A114" s="18" t="s">
        <v>85</v>
      </c>
      <c r="B114" s="15">
        <v>8</v>
      </c>
      <c r="C114" s="16">
        <v>24</v>
      </c>
      <c r="D114" s="17">
        <v>32</v>
      </c>
    </row>
    <row r="115" spans="1:4" ht="18" customHeight="1" x14ac:dyDescent="0.2">
      <c r="A115" s="14">
        <v>90</v>
      </c>
      <c r="B115" s="15">
        <v>1</v>
      </c>
      <c r="C115" s="16">
        <v>5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3</v>
      </c>
      <c r="D116" s="17">
        <v>3</v>
      </c>
    </row>
    <row r="117" spans="1:4" ht="18" customHeight="1" x14ac:dyDescent="0.2">
      <c r="A117" s="14">
        <v>92</v>
      </c>
      <c r="B117" s="15">
        <v>1</v>
      </c>
      <c r="C117" s="16">
        <v>1</v>
      </c>
      <c r="D117" s="17">
        <v>2</v>
      </c>
    </row>
    <row r="118" spans="1:4" ht="18" customHeight="1" x14ac:dyDescent="0.2">
      <c r="A118" s="14">
        <v>93</v>
      </c>
      <c r="B118" s="15">
        <v>3</v>
      </c>
      <c r="C118" s="16">
        <v>3</v>
      </c>
      <c r="D118" s="17">
        <v>6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86</v>
      </c>
      <c r="B120" s="15">
        <v>5</v>
      </c>
      <c r="C120" s="16">
        <v>13</v>
      </c>
      <c r="D120" s="17">
        <v>18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0</v>
      </c>
      <c r="C126" s="16">
        <v>3</v>
      </c>
      <c r="D126" s="17">
        <v>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111</v>
      </c>
      <c r="C130" s="5">
        <v>178</v>
      </c>
      <c r="D130" s="6">
        <v>289</v>
      </c>
    </row>
    <row r="131" spans="1:4" ht="18" customHeight="1" x14ac:dyDescent="0.2">
      <c r="A131" s="20" t="s">
        <v>65</v>
      </c>
      <c r="B131" s="7">
        <v>506</v>
      </c>
      <c r="C131" s="8">
        <v>590</v>
      </c>
      <c r="D131" s="9">
        <v>109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44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1</v>
      </c>
      <c r="C5" s="12">
        <v>9</v>
      </c>
      <c r="D5" s="13">
        <v>20</v>
      </c>
    </row>
    <row r="6" spans="1:4" ht="18" customHeight="1" x14ac:dyDescent="0.2">
      <c r="A6" s="14">
        <v>1</v>
      </c>
      <c r="B6" s="15">
        <v>6</v>
      </c>
      <c r="C6" s="16">
        <v>18</v>
      </c>
      <c r="D6" s="17">
        <v>24</v>
      </c>
    </row>
    <row r="7" spans="1:4" ht="18" customHeight="1" x14ac:dyDescent="0.2">
      <c r="A7" s="14">
        <v>2</v>
      </c>
      <c r="B7" s="15">
        <v>14</v>
      </c>
      <c r="C7" s="16">
        <v>11</v>
      </c>
      <c r="D7" s="17">
        <v>25</v>
      </c>
    </row>
    <row r="8" spans="1:4" ht="18" customHeight="1" x14ac:dyDescent="0.2">
      <c r="A8" s="14">
        <v>3</v>
      </c>
      <c r="B8" s="15">
        <v>13</v>
      </c>
      <c r="C8" s="16">
        <v>9</v>
      </c>
      <c r="D8" s="17">
        <v>22</v>
      </c>
    </row>
    <row r="9" spans="1:4" ht="18" customHeight="1" x14ac:dyDescent="0.2">
      <c r="A9" s="14">
        <v>4</v>
      </c>
      <c r="B9" s="15">
        <v>10</v>
      </c>
      <c r="C9" s="16">
        <v>15</v>
      </c>
      <c r="D9" s="17">
        <v>25</v>
      </c>
    </row>
    <row r="10" spans="1:4" ht="18" customHeight="1" x14ac:dyDescent="0.2">
      <c r="A10" s="18" t="s">
        <v>66</v>
      </c>
      <c r="B10" s="15">
        <v>54</v>
      </c>
      <c r="C10" s="16">
        <v>62</v>
      </c>
      <c r="D10" s="17">
        <v>116</v>
      </c>
    </row>
    <row r="11" spans="1:4" ht="18" customHeight="1" x14ac:dyDescent="0.2">
      <c r="A11" s="14">
        <v>5</v>
      </c>
      <c r="B11" s="15">
        <v>16</v>
      </c>
      <c r="C11" s="16">
        <v>13</v>
      </c>
      <c r="D11" s="17">
        <v>29</v>
      </c>
    </row>
    <row r="12" spans="1:4" ht="18" customHeight="1" x14ac:dyDescent="0.2">
      <c r="A12" s="14">
        <v>6</v>
      </c>
      <c r="B12" s="15">
        <v>18</v>
      </c>
      <c r="C12" s="16">
        <v>20</v>
      </c>
      <c r="D12" s="17">
        <v>38</v>
      </c>
    </row>
    <row r="13" spans="1:4" ht="18" customHeight="1" x14ac:dyDescent="0.2">
      <c r="A13" s="14">
        <v>7</v>
      </c>
      <c r="B13" s="15">
        <v>15</v>
      </c>
      <c r="C13" s="16">
        <v>17</v>
      </c>
      <c r="D13" s="17">
        <v>32</v>
      </c>
    </row>
    <row r="14" spans="1:4" ht="18" customHeight="1" x14ac:dyDescent="0.2">
      <c r="A14" s="14">
        <v>8</v>
      </c>
      <c r="B14" s="15">
        <v>14</v>
      </c>
      <c r="C14" s="16">
        <v>10</v>
      </c>
      <c r="D14" s="17">
        <v>24</v>
      </c>
    </row>
    <row r="15" spans="1:4" ht="18" customHeight="1" x14ac:dyDescent="0.2">
      <c r="A15" s="14">
        <v>9</v>
      </c>
      <c r="B15" s="15">
        <v>14</v>
      </c>
      <c r="C15" s="16">
        <v>22</v>
      </c>
      <c r="D15" s="17">
        <v>36</v>
      </c>
    </row>
    <row r="16" spans="1:4" ht="18" customHeight="1" x14ac:dyDescent="0.2">
      <c r="A16" s="18" t="s">
        <v>67</v>
      </c>
      <c r="B16" s="15">
        <v>77</v>
      </c>
      <c r="C16" s="16">
        <v>82</v>
      </c>
      <c r="D16" s="17">
        <v>159</v>
      </c>
    </row>
    <row r="17" spans="1:4" ht="18" customHeight="1" x14ac:dyDescent="0.2">
      <c r="A17" s="14">
        <v>10</v>
      </c>
      <c r="B17" s="15">
        <v>9</v>
      </c>
      <c r="C17" s="16">
        <v>9</v>
      </c>
      <c r="D17" s="17">
        <v>18</v>
      </c>
    </row>
    <row r="18" spans="1:4" ht="18" customHeight="1" x14ac:dyDescent="0.2">
      <c r="A18" s="14">
        <v>11</v>
      </c>
      <c r="B18" s="15">
        <v>21</v>
      </c>
      <c r="C18" s="16">
        <v>20</v>
      </c>
      <c r="D18" s="17">
        <v>41</v>
      </c>
    </row>
    <row r="19" spans="1:4" ht="18" customHeight="1" x14ac:dyDescent="0.2">
      <c r="A19" s="14">
        <v>12</v>
      </c>
      <c r="B19" s="15">
        <v>21</v>
      </c>
      <c r="C19" s="16">
        <v>17</v>
      </c>
      <c r="D19" s="17">
        <v>38</v>
      </c>
    </row>
    <row r="20" spans="1:4" ht="18" customHeight="1" x14ac:dyDescent="0.2">
      <c r="A20" s="14">
        <v>13</v>
      </c>
      <c r="B20" s="15">
        <v>18</v>
      </c>
      <c r="C20" s="16">
        <v>19</v>
      </c>
      <c r="D20" s="17">
        <v>37</v>
      </c>
    </row>
    <row r="21" spans="1:4" ht="18" customHeight="1" x14ac:dyDescent="0.2">
      <c r="A21" s="14">
        <v>14</v>
      </c>
      <c r="B21" s="15">
        <v>27</v>
      </c>
      <c r="C21" s="16">
        <v>20</v>
      </c>
      <c r="D21" s="17">
        <v>47</v>
      </c>
    </row>
    <row r="22" spans="1:4" ht="18" customHeight="1" x14ac:dyDescent="0.2">
      <c r="A22" s="18" t="s">
        <v>68</v>
      </c>
      <c r="B22" s="15">
        <v>96</v>
      </c>
      <c r="C22" s="16">
        <v>85</v>
      </c>
      <c r="D22" s="17">
        <v>181</v>
      </c>
    </row>
    <row r="23" spans="1:4" ht="18" customHeight="1" x14ac:dyDescent="0.2">
      <c r="A23" s="18" t="s">
        <v>69</v>
      </c>
      <c r="B23" s="15">
        <v>227</v>
      </c>
      <c r="C23" s="16">
        <v>229</v>
      </c>
      <c r="D23" s="17">
        <v>456</v>
      </c>
    </row>
    <row r="24" spans="1:4" ht="18" customHeight="1" x14ac:dyDescent="0.2">
      <c r="A24" s="14">
        <v>15</v>
      </c>
      <c r="B24" s="15">
        <v>17</v>
      </c>
      <c r="C24" s="16">
        <v>14</v>
      </c>
      <c r="D24" s="17">
        <v>31</v>
      </c>
    </row>
    <row r="25" spans="1:4" ht="18" customHeight="1" x14ac:dyDescent="0.2">
      <c r="A25" s="14">
        <v>16</v>
      </c>
      <c r="B25" s="15">
        <v>18</v>
      </c>
      <c r="C25" s="16">
        <v>16</v>
      </c>
      <c r="D25" s="17">
        <v>34</v>
      </c>
    </row>
    <row r="26" spans="1:4" ht="18" customHeight="1" x14ac:dyDescent="0.2">
      <c r="A26" s="14">
        <v>17</v>
      </c>
      <c r="B26" s="15">
        <v>18</v>
      </c>
      <c r="C26" s="16">
        <v>16</v>
      </c>
      <c r="D26" s="17">
        <v>34</v>
      </c>
    </row>
    <row r="27" spans="1:4" ht="18" customHeight="1" x14ac:dyDescent="0.2">
      <c r="A27" s="14">
        <v>18</v>
      </c>
      <c r="B27" s="15">
        <v>14</v>
      </c>
      <c r="C27" s="16">
        <v>20</v>
      </c>
      <c r="D27" s="17">
        <v>34</v>
      </c>
    </row>
    <row r="28" spans="1:4" ht="18" customHeight="1" x14ac:dyDescent="0.2">
      <c r="A28" s="14">
        <v>19</v>
      </c>
      <c r="B28" s="15">
        <v>22</v>
      </c>
      <c r="C28" s="16">
        <v>12</v>
      </c>
      <c r="D28" s="17">
        <v>34</v>
      </c>
    </row>
    <row r="29" spans="1:4" ht="18" customHeight="1" x14ac:dyDescent="0.2">
      <c r="A29" s="18" t="s">
        <v>70</v>
      </c>
      <c r="B29" s="15">
        <v>89</v>
      </c>
      <c r="C29" s="16">
        <v>78</v>
      </c>
      <c r="D29" s="17">
        <v>167</v>
      </c>
    </row>
    <row r="30" spans="1:4" ht="18" customHeight="1" x14ac:dyDescent="0.2">
      <c r="A30" s="14">
        <v>20</v>
      </c>
      <c r="B30" s="15">
        <v>20</v>
      </c>
      <c r="C30" s="16">
        <v>7</v>
      </c>
      <c r="D30" s="17">
        <v>27</v>
      </c>
    </row>
    <row r="31" spans="1:4" ht="18" customHeight="1" x14ac:dyDescent="0.2">
      <c r="A31" s="14">
        <v>21</v>
      </c>
      <c r="B31" s="15">
        <v>19</v>
      </c>
      <c r="C31" s="16">
        <v>18</v>
      </c>
      <c r="D31" s="17">
        <v>37</v>
      </c>
    </row>
    <row r="32" spans="1:4" ht="18" customHeight="1" x14ac:dyDescent="0.2">
      <c r="A32" s="14">
        <v>22</v>
      </c>
      <c r="B32" s="15">
        <v>21</v>
      </c>
      <c r="C32" s="16">
        <v>20</v>
      </c>
      <c r="D32" s="17">
        <v>41</v>
      </c>
    </row>
    <row r="33" spans="1:4" ht="18" customHeight="1" x14ac:dyDescent="0.2">
      <c r="A33" s="14">
        <v>23</v>
      </c>
      <c r="B33" s="15">
        <v>16</v>
      </c>
      <c r="C33" s="16">
        <v>13</v>
      </c>
      <c r="D33" s="17">
        <v>29</v>
      </c>
    </row>
    <row r="34" spans="1:4" ht="18" customHeight="1" x14ac:dyDescent="0.2">
      <c r="A34" s="14">
        <v>24</v>
      </c>
      <c r="B34" s="15">
        <v>22</v>
      </c>
      <c r="C34" s="16">
        <v>20</v>
      </c>
      <c r="D34" s="17">
        <v>42</v>
      </c>
    </row>
    <row r="35" spans="1:4" ht="18" customHeight="1" x14ac:dyDescent="0.2">
      <c r="A35" s="18" t="s">
        <v>71</v>
      </c>
      <c r="B35" s="15">
        <v>98</v>
      </c>
      <c r="C35" s="16">
        <v>78</v>
      </c>
      <c r="D35" s="17">
        <v>176</v>
      </c>
    </row>
    <row r="36" spans="1:4" ht="18" customHeight="1" x14ac:dyDescent="0.2">
      <c r="A36" s="14">
        <v>25</v>
      </c>
      <c r="B36" s="15">
        <v>22</v>
      </c>
      <c r="C36" s="16">
        <v>14</v>
      </c>
      <c r="D36" s="17">
        <v>36</v>
      </c>
    </row>
    <row r="37" spans="1:4" ht="18" customHeight="1" x14ac:dyDescent="0.2">
      <c r="A37" s="14">
        <v>26</v>
      </c>
      <c r="B37" s="15">
        <v>17</v>
      </c>
      <c r="C37" s="16">
        <v>24</v>
      </c>
      <c r="D37" s="17">
        <v>41</v>
      </c>
    </row>
    <row r="38" spans="1:4" ht="18" customHeight="1" x14ac:dyDescent="0.2">
      <c r="A38" s="14">
        <v>27</v>
      </c>
      <c r="B38" s="15">
        <v>25</v>
      </c>
      <c r="C38" s="16">
        <v>16</v>
      </c>
      <c r="D38" s="17">
        <v>41</v>
      </c>
    </row>
    <row r="39" spans="1:4" ht="18" customHeight="1" x14ac:dyDescent="0.2">
      <c r="A39" s="14">
        <v>28</v>
      </c>
      <c r="B39" s="15">
        <v>16</v>
      </c>
      <c r="C39" s="16">
        <v>23</v>
      </c>
      <c r="D39" s="17">
        <v>39</v>
      </c>
    </row>
    <row r="40" spans="1:4" ht="18" customHeight="1" x14ac:dyDescent="0.2">
      <c r="A40" s="14">
        <v>29</v>
      </c>
      <c r="B40" s="15">
        <v>20</v>
      </c>
      <c r="C40" s="16">
        <v>22</v>
      </c>
      <c r="D40" s="17">
        <v>42</v>
      </c>
    </row>
    <row r="41" spans="1:4" ht="18" customHeight="1" x14ac:dyDescent="0.2">
      <c r="A41" s="18" t="s">
        <v>72</v>
      </c>
      <c r="B41" s="15">
        <v>100</v>
      </c>
      <c r="C41" s="16">
        <v>99</v>
      </c>
      <c r="D41" s="17">
        <v>199</v>
      </c>
    </row>
    <row r="42" spans="1:4" ht="18" customHeight="1" x14ac:dyDescent="0.2">
      <c r="A42" s="14">
        <v>30</v>
      </c>
      <c r="B42" s="15">
        <v>17</v>
      </c>
      <c r="C42" s="16">
        <v>17</v>
      </c>
      <c r="D42" s="17">
        <v>34</v>
      </c>
    </row>
    <row r="43" spans="1:4" ht="18" customHeight="1" x14ac:dyDescent="0.2">
      <c r="A43" s="14">
        <v>31</v>
      </c>
      <c r="B43" s="15">
        <v>26</v>
      </c>
      <c r="C43" s="16">
        <v>25</v>
      </c>
      <c r="D43" s="17">
        <v>51</v>
      </c>
    </row>
    <row r="44" spans="1:4" ht="18" customHeight="1" x14ac:dyDescent="0.2">
      <c r="A44" s="14">
        <v>32</v>
      </c>
      <c r="B44" s="15">
        <v>17</v>
      </c>
      <c r="C44" s="16">
        <v>17</v>
      </c>
      <c r="D44" s="17">
        <v>34</v>
      </c>
    </row>
    <row r="45" spans="1:4" ht="18" customHeight="1" x14ac:dyDescent="0.2">
      <c r="A45" s="14">
        <v>33</v>
      </c>
      <c r="B45" s="15">
        <v>15</v>
      </c>
      <c r="C45" s="16">
        <v>15</v>
      </c>
      <c r="D45" s="17">
        <v>30</v>
      </c>
    </row>
    <row r="46" spans="1:4" ht="18" customHeight="1" x14ac:dyDescent="0.2">
      <c r="A46" s="14">
        <v>34</v>
      </c>
      <c r="B46" s="15">
        <v>36</v>
      </c>
      <c r="C46" s="16">
        <v>29</v>
      </c>
      <c r="D46" s="17">
        <v>65</v>
      </c>
    </row>
    <row r="47" spans="1:4" ht="18" customHeight="1" x14ac:dyDescent="0.2">
      <c r="A47" s="18" t="s">
        <v>73</v>
      </c>
      <c r="B47" s="15">
        <v>111</v>
      </c>
      <c r="C47" s="16">
        <v>103</v>
      </c>
      <c r="D47" s="17">
        <v>214</v>
      </c>
    </row>
    <row r="48" spans="1:4" ht="18" customHeight="1" x14ac:dyDescent="0.2">
      <c r="A48" s="14">
        <v>35</v>
      </c>
      <c r="B48" s="15">
        <v>23</v>
      </c>
      <c r="C48" s="16">
        <v>27</v>
      </c>
      <c r="D48" s="17">
        <v>50</v>
      </c>
    </row>
    <row r="49" spans="1:4" ht="18" customHeight="1" x14ac:dyDescent="0.2">
      <c r="A49" s="14">
        <v>36</v>
      </c>
      <c r="B49" s="15">
        <v>26</v>
      </c>
      <c r="C49" s="16">
        <v>19</v>
      </c>
      <c r="D49" s="17">
        <v>45</v>
      </c>
    </row>
    <row r="50" spans="1:4" ht="18" customHeight="1" x14ac:dyDescent="0.2">
      <c r="A50" s="14">
        <v>37</v>
      </c>
      <c r="B50" s="15">
        <v>29</v>
      </c>
      <c r="C50" s="16">
        <v>33</v>
      </c>
      <c r="D50" s="17">
        <v>62</v>
      </c>
    </row>
    <row r="51" spans="1:4" ht="18" customHeight="1" x14ac:dyDescent="0.2">
      <c r="A51" s="14">
        <v>38</v>
      </c>
      <c r="B51" s="15">
        <v>28</v>
      </c>
      <c r="C51" s="16">
        <v>23</v>
      </c>
      <c r="D51" s="17">
        <v>51</v>
      </c>
    </row>
    <row r="52" spans="1:4" ht="18" customHeight="1" x14ac:dyDescent="0.2">
      <c r="A52" s="14">
        <v>39</v>
      </c>
      <c r="B52" s="15">
        <v>27</v>
      </c>
      <c r="C52" s="16">
        <v>36</v>
      </c>
      <c r="D52" s="17">
        <v>63</v>
      </c>
    </row>
    <row r="53" spans="1:4" ht="18" customHeight="1" x14ac:dyDescent="0.2">
      <c r="A53" s="18" t="s">
        <v>74</v>
      </c>
      <c r="B53" s="15">
        <v>133</v>
      </c>
      <c r="C53" s="16">
        <v>138</v>
      </c>
      <c r="D53" s="17">
        <v>271</v>
      </c>
    </row>
    <row r="54" spans="1:4" ht="18" customHeight="1" x14ac:dyDescent="0.2">
      <c r="A54" s="14">
        <v>40</v>
      </c>
      <c r="B54" s="15">
        <v>29</v>
      </c>
      <c r="C54" s="16">
        <v>24</v>
      </c>
      <c r="D54" s="17">
        <v>53</v>
      </c>
    </row>
    <row r="55" spans="1:4" ht="18" customHeight="1" x14ac:dyDescent="0.2">
      <c r="A55" s="14">
        <v>41</v>
      </c>
      <c r="B55" s="15">
        <v>27</v>
      </c>
      <c r="C55" s="16">
        <v>19</v>
      </c>
      <c r="D55" s="17">
        <v>46</v>
      </c>
    </row>
    <row r="56" spans="1:4" ht="18" customHeight="1" x14ac:dyDescent="0.2">
      <c r="A56" s="14">
        <v>42</v>
      </c>
      <c r="B56" s="15">
        <v>22</v>
      </c>
      <c r="C56" s="16">
        <v>32</v>
      </c>
      <c r="D56" s="17">
        <v>54</v>
      </c>
    </row>
    <row r="57" spans="1:4" ht="18" customHeight="1" x14ac:dyDescent="0.2">
      <c r="A57" s="14">
        <v>43</v>
      </c>
      <c r="B57" s="15">
        <v>21</v>
      </c>
      <c r="C57" s="16">
        <v>26</v>
      </c>
      <c r="D57" s="17">
        <v>47</v>
      </c>
    </row>
    <row r="58" spans="1:4" ht="18" customHeight="1" x14ac:dyDescent="0.2">
      <c r="A58" s="14">
        <v>44</v>
      </c>
      <c r="B58" s="15">
        <v>24</v>
      </c>
      <c r="C58" s="16">
        <v>23</v>
      </c>
      <c r="D58" s="17">
        <v>47</v>
      </c>
    </row>
    <row r="59" spans="1:4" ht="18" customHeight="1" x14ac:dyDescent="0.2">
      <c r="A59" s="18" t="s">
        <v>75</v>
      </c>
      <c r="B59" s="15">
        <v>123</v>
      </c>
      <c r="C59" s="16">
        <v>124</v>
      </c>
      <c r="D59" s="17">
        <v>247</v>
      </c>
    </row>
    <row r="60" spans="1:4" ht="18" customHeight="1" x14ac:dyDescent="0.2">
      <c r="A60" s="14">
        <v>45</v>
      </c>
      <c r="B60" s="15">
        <v>23</v>
      </c>
      <c r="C60" s="16">
        <v>17</v>
      </c>
      <c r="D60" s="17">
        <v>40</v>
      </c>
    </row>
    <row r="61" spans="1:4" ht="18" customHeight="1" x14ac:dyDescent="0.2">
      <c r="A61" s="14">
        <v>46</v>
      </c>
      <c r="B61" s="15">
        <v>18</v>
      </c>
      <c r="C61" s="16">
        <v>13</v>
      </c>
      <c r="D61" s="17">
        <v>31</v>
      </c>
    </row>
    <row r="62" spans="1:4" ht="18" customHeight="1" x14ac:dyDescent="0.2">
      <c r="A62" s="14">
        <v>47</v>
      </c>
      <c r="B62" s="15">
        <v>21</v>
      </c>
      <c r="C62" s="16">
        <v>16</v>
      </c>
      <c r="D62" s="17">
        <v>37</v>
      </c>
    </row>
    <row r="63" spans="1:4" ht="18" customHeight="1" x14ac:dyDescent="0.2">
      <c r="A63" s="14">
        <v>48</v>
      </c>
      <c r="B63" s="15">
        <v>18</v>
      </c>
      <c r="C63" s="16">
        <v>25</v>
      </c>
      <c r="D63" s="17">
        <v>43</v>
      </c>
    </row>
    <row r="64" spans="1:4" ht="18" customHeight="1" x14ac:dyDescent="0.2">
      <c r="A64" s="14">
        <v>49</v>
      </c>
      <c r="B64" s="15">
        <v>11</v>
      </c>
      <c r="C64" s="16">
        <v>20</v>
      </c>
      <c r="D64" s="17">
        <v>31</v>
      </c>
    </row>
    <row r="65" spans="1:4" ht="18" customHeight="1" x14ac:dyDescent="0.2">
      <c r="A65" s="18" t="s">
        <v>76</v>
      </c>
      <c r="B65" s="15">
        <v>91</v>
      </c>
      <c r="C65" s="16">
        <v>91</v>
      </c>
      <c r="D65" s="17">
        <v>182</v>
      </c>
    </row>
    <row r="66" spans="1:4" ht="18" customHeight="1" x14ac:dyDescent="0.2">
      <c r="A66" s="14">
        <v>50</v>
      </c>
      <c r="B66" s="15">
        <v>18</v>
      </c>
      <c r="C66" s="16">
        <v>29</v>
      </c>
      <c r="D66" s="17">
        <v>47</v>
      </c>
    </row>
    <row r="67" spans="1:4" ht="18" customHeight="1" x14ac:dyDescent="0.2">
      <c r="A67" s="14">
        <v>51</v>
      </c>
      <c r="B67" s="15">
        <v>29</v>
      </c>
      <c r="C67" s="16">
        <v>23</v>
      </c>
      <c r="D67" s="17">
        <v>52</v>
      </c>
    </row>
    <row r="68" spans="1:4" ht="18" customHeight="1" x14ac:dyDescent="0.2">
      <c r="A68" s="14">
        <v>52</v>
      </c>
      <c r="B68" s="15">
        <v>16</v>
      </c>
      <c r="C68" s="16">
        <v>28</v>
      </c>
      <c r="D68" s="17">
        <v>44</v>
      </c>
    </row>
    <row r="69" spans="1:4" ht="18" customHeight="1" x14ac:dyDescent="0.2">
      <c r="A69" s="14">
        <v>53</v>
      </c>
      <c r="B69" s="15">
        <v>27</v>
      </c>
      <c r="C69" s="16">
        <v>24</v>
      </c>
      <c r="D69" s="17">
        <v>51</v>
      </c>
    </row>
    <row r="70" spans="1:4" ht="18" customHeight="1" x14ac:dyDescent="0.2">
      <c r="A70" s="14">
        <v>54</v>
      </c>
      <c r="B70" s="15">
        <v>30</v>
      </c>
      <c r="C70" s="16">
        <v>34</v>
      </c>
      <c r="D70" s="17">
        <v>64</v>
      </c>
    </row>
    <row r="71" spans="1:4" ht="18" customHeight="1" x14ac:dyDescent="0.2">
      <c r="A71" s="18" t="s">
        <v>77</v>
      </c>
      <c r="B71" s="15">
        <v>120</v>
      </c>
      <c r="C71" s="16">
        <v>138</v>
      </c>
      <c r="D71" s="17">
        <v>258</v>
      </c>
    </row>
    <row r="72" spans="1:4" ht="18" customHeight="1" x14ac:dyDescent="0.2">
      <c r="A72" s="14">
        <v>55</v>
      </c>
      <c r="B72" s="15">
        <v>25</v>
      </c>
      <c r="C72" s="16">
        <v>30</v>
      </c>
      <c r="D72" s="17">
        <v>55</v>
      </c>
    </row>
    <row r="73" spans="1:4" ht="18" customHeight="1" x14ac:dyDescent="0.2">
      <c r="A73" s="14">
        <v>56</v>
      </c>
      <c r="B73" s="15">
        <v>32</v>
      </c>
      <c r="C73" s="16">
        <v>29</v>
      </c>
      <c r="D73" s="17">
        <v>61</v>
      </c>
    </row>
    <row r="74" spans="1:4" ht="18" customHeight="1" x14ac:dyDescent="0.2">
      <c r="A74" s="14">
        <v>57</v>
      </c>
      <c r="B74" s="15">
        <v>27</v>
      </c>
      <c r="C74" s="16">
        <v>30</v>
      </c>
      <c r="D74" s="17">
        <v>57</v>
      </c>
    </row>
    <row r="75" spans="1:4" ht="18" customHeight="1" x14ac:dyDescent="0.2">
      <c r="A75" s="14">
        <v>58</v>
      </c>
      <c r="B75" s="15">
        <v>36</v>
      </c>
      <c r="C75" s="16">
        <v>32</v>
      </c>
      <c r="D75" s="17">
        <v>68</v>
      </c>
    </row>
    <row r="76" spans="1:4" ht="18" customHeight="1" x14ac:dyDescent="0.2">
      <c r="A76" s="14">
        <v>59</v>
      </c>
      <c r="B76" s="15">
        <v>59</v>
      </c>
      <c r="C76" s="16">
        <v>47</v>
      </c>
      <c r="D76" s="17">
        <v>106</v>
      </c>
    </row>
    <row r="77" spans="1:4" ht="18" customHeight="1" x14ac:dyDescent="0.2">
      <c r="A77" s="18" t="s">
        <v>78</v>
      </c>
      <c r="B77" s="15">
        <v>179</v>
      </c>
      <c r="C77" s="16">
        <v>168</v>
      </c>
      <c r="D77" s="17">
        <v>347</v>
      </c>
    </row>
    <row r="78" spans="1:4" ht="18" customHeight="1" x14ac:dyDescent="0.2">
      <c r="A78" s="14">
        <v>60</v>
      </c>
      <c r="B78" s="15">
        <v>42</v>
      </c>
      <c r="C78" s="16">
        <v>54</v>
      </c>
      <c r="D78" s="17">
        <v>96</v>
      </c>
    </row>
    <row r="79" spans="1:4" ht="18" customHeight="1" x14ac:dyDescent="0.2">
      <c r="A79" s="14">
        <v>61</v>
      </c>
      <c r="B79" s="15">
        <v>41</v>
      </c>
      <c r="C79" s="16">
        <v>51</v>
      </c>
      <c r="D79" s="17">
        <v>92</v>
      </c>
    </row>
    <row r="80" spans="1:4" ht="18" customHeight="1" x14ac:dyDescent="0.2">
      <c r="A80" s="14">
        <v>62</v>
      </c>
      <c r="B80" s="15">
        <v>54</v>
      </c>
      <c r="C80" s="16">
        <v>55</v>
      </c>
      <c r="D80" s="17">
        <v>109</v>
      </c>
    </row>
    <row r="81" spans="1:4" ht="18" customHeight="1" x14ac:dyDescent="0.2">
      <c r="A81" s="14">
        <v>63</v>
      </c>
      <c r="B81" s="15">
        <v>20</v>
      </c>
      <c r="C81" s="16">
        <v>18</v>
      </c>
      <c r="D81" s="17">
        <v>38</v>
      </c>
    </row>
    <row r="82" spans="1:4" ht="18" customHeight="1" x14ac:dyDescent="0.2">
      <c r="A82" s="14">
        <v>64</v>
      </c>
      <c r="B82" s="15">
        <v>31</v>
      </c>
      <c r="C82" s="16">
        <v>30</v>
      </c>
      <c r="D82" s="17">
        <v>61</v>
      </c>
    </row>
    <row r="83" spans="1:4" ht="18" customHeight="1" x14ac:dyDescent="0.2">
      <c r="A83" s="18" t="s">
        <v>79</v>
      </c>
      <c r="B83" s="15">
        <v>188</v>
      </c>
      <c r="C83" s="16">
        <v>208</v>
      </c>
      <c r="D83" s="17">
        <v>396</v>
      </c>
    </row>
    <row r="84" spans="1:4" ht="18" customHeight="1" x14ac:dyDescent="0.2">
      <c r="A84" s="18" t="s">
        <v>80</v>
      </c>
      <c r="B84" s="15">
        <v>1232</v>
      </c>
      <c r="C84" s="16">
        <v>1225</v>
      </c>
      <c r="D84" s="17">
        <v>2457</v>
      </c>
    </row>
    <row r="85" spans="1:4" ht="18" customHeight="1" x14ac:dyDescent="0.2">
      <c r="A85" s="14">
        <v>65</v>
      </c>
      <c r="B85" s="15">
        <v>44</v>
      </c>
      <c r="C85" s="16">
        <v>42</v>
      </c>
      <c r="D85" s="17">
        <v>86</v>
      </c>
    </row>
    <row r="86" spans="1:4" ht="18" customHeight="1" x14ac:dyDescent="0.2">
      <c r="A86" s="14">
        <v>66</v>
      </c>
      <c r="B86" s="15">
        <v>36</v>
      </c>
      <c r="C86" s="16">
        <v>39</v>
      </c>
      <c r="D86" s="17">
        <v>75</v>
      </c>
    </row>
    <row r="87" spans="1:4" ht="18" customHeight="1" x14ac:dyDescent="0.2">
      <c r="A87" s="14">
        <v>67</v>
      </c>
      <c r="B87" s="15">
        <v>34</v>
      </c>
      <c r="C87" s="16">
        <v>53</v>
      </c>
      <c r="D87" s="17">
        <v>87</v>
      </c>
    </row>
    <row r="88" spans="1:4" ht="18" customHeight="1" x14ac:dyDescent="0.2">
      <c r="A88" s="14">
        <v>68</v>
      </c>
      <c r="B88" s="15">
        <v>39</v>
      </c>
      <c r="C88" s="16">
        <v>43</v>
      </c>
      <c r="D88" s="17">
        <v>82</v>
      </c>
    </row>
    <row r="89" spans="1:4" ht="18" customHeight="1" x14ac:dyDescent="0.2">
      <c r="A89" s="14">
        <v>69</v>
      </c>
      <c r="B89" s="15">
        <v>37</v>
      </c>
      <c r="C89" s="16">
        <v>44</v>
      </c>
      <c r="D89" s="17">
        <v>81</v>
      </c>
    </row>
    <row r="90" spans="1:4" ht="18" customHeight="1" x14ac:dyDescent="0.2">
      <c r="A90" s="18" t="s">
        <v>81</v>
      </c>
      <c r="B90" s="15">
        <v>190</v>
      </c>
      <c r="C90" s="16">
        <v>221</v>
      </c>
      <c r="D90" s="17">
        <v>411</v>
      </c>
    </row>
    <row r="91" spans="1:4" ht="18" customHeight="1" x14ac:dyDescent="0.2">
      <c r="A91" s="14">
        <v>70</v>
      </c>
      <c r="B91" s="15">
        <v>23</v>
      </c>
      <c r="C91" s="16">
        <v>37</v>
      </c>
      <c r="D91" s="17">
        <v>60</v>
      </c>
    </row>
    <row r="92" spans="1:4" ht="18" customHeight="1" x14ac:dyDescent="0.2">
      <c r="A92" s="14">
        <v>71</v>
      </c>
      <c r="B92" s="15">
        <v>15</v>
      </c>
      <c r="C92" s="16">
        <v>28</v>
      </c>
      <c r="D92" s="17">
        <v>43</v>
      </c>
    </row>
    <row r="93" spans="1:4" ht="18" customHeight="1" x14ac:dyDescent="0.2">
      <c r="A93" s="14">
        <v>72</v>
      </c>
      <c r="B93" s="15">
        <v>32</v>
      </c>
      <c r="C93" s="16">
        <v>24</v>
      </c>
      <c r="D93" s="17">
        <v>56</v>
      </c>
    </row>
    <row r="94" spans="1:4" ht="18" customHeight="1" x14ac:dyDescent="0.2">
      <c r="A94" s="14">
        <v>73</v>
      </c>
      <c r="B94" s="15">
        <v>37</v>
      </c>
      <c r="C94" s="16">
        <v>26</v>
      </c>
      <c r="D94" s="17">
        <v>63</v>
      </c>
    </row>
    <row r="95" spans="1:4" ht="18" customHeight="1" x14ac:dyDescent="0.2">
      <c r="A95" s="14">
        <v>74</v>
      </c>
      <c r="B95" s="15">
        <v>24</v>
      </c>
      <c r="C95" s="16">
        <v>33</v>
      </c>
      <c r="D95" s="17">
        <v>57</v>
      </c>
    </row>
    <row r="96" spans="1:4" ht="18" customHeight="1" x14ac:dyDescent="0.2">
      <c r="A96" s="18" t="s">
        <v>82</v>
      </c>
      <c r="B96" s="15">
        <v>131</v>
      </c>
      <c r="C96" s="16">
        <v>148</v>
      </c>
      <c r="D96" s="17">
        <v>279</v>
      </c>
    </row>
    <row r="97" spans="1:4" ht="18" customHeight="1" x14ac:dyDescent="0.2">
      <c r="A97" s="14">
        <v>75</v>
      </c>
      <c r="B97" s="15">
        <v>20</v>
      </c>
      <c r="C97" s="16">
        <v>32</v>
      </c>
      <c r="D97" s="17">
        <v>52</v>
      </c>
    </row>
    <row r="98" spans="1:4" ht="18" customHeight="1" x14ac:dyDescent="0.2">
      <c r="A98" s="14">
        <v>76</v>
      </c>
      <c r="B98" s="15">
        <v>19</v>
      </c>
      <c r="C98" s="16">
        <v>36</v>
      </c>
      <c r="D98" s="17">
        <v>55</v>
      </c>
    </row>
    <row r="99" spans="1:4" ht="18" customHeight="1" x14ac:dyDescent="0.2">
      <c r="A99" s="14">
        <v>77</v>
      </c>
      <c r="B99" s="15">
        <v>18</v>
      </c>
      <c r="C99" s="16">
        <v>36</v>
      </c>
      <c r="D99" s="17">
        <v>54</v>
      </c>
    </row>
    <row r="100" spans="1:4" ht="18" customHeight="1" x14ac:dyDescent="0.2">
      <c r="A100" s="14">
        <v>78</v>
      </c>
      <c r="B100" s="15">
        <v>16</v>
      </c>
      <c r="C100" s="16">
        <v>24</v>
      </c>
      <c r="D100" s="17">
        <v>40</v>
      </c>
    </row>
    <row r="101" spans="1:4" ht="18" customHeight="1" x14ac:dyDescent="0.2">
      <c r="A101" s="14">
        <v>79</v>
      </c>
      <c r="B101" s="15">
        <v>17</v>
      </c>
      <c r="C101" s="16">
        <v>28</v>
      </c>
      <c r="D101" s="17">
        <v>45</v>
      </c>
    </row>
    <row r="102" spans="1:4" ht="18" customHeight="1" x14ac:dyDescent="0.2">
      <c r="A102" s="18" t="s">
        <v>83</v>
      </c>
      <c r="B102" s="15">
        <v>90</v>
      </c>
      <c r="C102" s="16">
        <v>156</v>
      </c>
      <c r="D102" s="17">
        <v>246</v>
      </c>
    </row>
    <row r="103" spans="1:4" ht="18" customHeight="1" x14ac:dyDescent="0.2">
      <c r="A103" s="14">
        <v>80</v>
      </c>
      <c r="B103" s="15">
        <v>23</v>
      </c>
      <c r="C103" s="16">
        <v>30</v>
      </c>
      <c r="D103" s="17">
        <v>53</v>
      </c>
    </row>
    <row r="104" spans="1:4" ht="18" customHeight="1" x14ac:dyDescent="0.2">
      <c r="A104" s="14">
        <v>81</v>
      </c>
      <c r="B104" s="15">
        <v>12</v>
      </c>
      <c r="C104" s="16">
        <v>21</v>
      </c>
      <c r="D104" s="17">
        <v>33</v>
      </c>
    </row>
    <row r="105" spans="1:4" ht="18" customHeight="1" x14ac:dyDescent="0.2">
      <c r="A105" s="14">
        <v>82</v>
      </c>
      <c r="B105" s="15">
        <v>14</v>
      </c>
      <c r="C105" s="16">
        <v>20</v>
      </c>
      <c r="D105" s="17">
        <v>34</v>
      </c>
    </row>
    <row r="106" spans="1:4" ht="18" customHeight="1" x14ac:dyDescent="0.2">
      <c r="A106" s="14">
        <v>83</v>
      </c>
      <c r="B106" s="15">
        <v>16</v>
      </c>
      <c r="C106" s="16">
        <v>22</v>
      </c>
      <c r="D106" s="17">
        <v>38</v>
      </c>
    </row>
    <row r="107" spans="1:4" ht="18" customHeight="1" x14ac:dyDescent="0.2">
      <c r="A107" s="14">
        <v>84</v>
      </c>
      <c r="B107" s="15">
        <v>16</v>
      </c>
      <c r="C107" s="16">
        <v>27</v>
      </c>
      <c r="D107" s="17">
        <v>43</v>
      </c>
    </row>
    <row r="108" spans="1:4" ht="18" customHeight="1" x14ac:dyDescent="0.2">
      <c r="A108" s="18" t="s">
        <v>84</v>
      </c>
      <c r="B108" s="15">
        <v>81</v>
      </c>
      <c r="C108" s="16">
        <v>120</v>
      </c>
      <c r="D108" s="17">
        <v>201</v>
      </c>
    </row>
    <row r="109" spans="1:4" ht="18" customHeight="1" x14ac:dyDescent="0.2">
      <c r="A109" s="14">
        <v>85</v>
      </c>
      <c r="B109" s="15">
        <v>10</v>
      </c>
      <c r="C109" s="16">
        <v>20</v>
      </c>
      <c r="D109" s="17">
        <v>30</v>
      </c>
    </row>
    <row r="110" spans="1:4" ht="18" customHeight="1" x14ac:dyDescent="0.2">
      <c r="A110" s="14">
        <v>86</v>
      </c>
      <c r="B110" s="15">
        <v>7</v>
      </c>
      <c r="C110" s="16">
        <v>21</v>
      </c>
      <c r="D110" s="17">
        <v>28</v>
      </c>
    </row>
    <row r="111" spans="1:4" ht="18" customHeight="1" x14ac:dyDescent="0.2">
      <c r="A111" s="14">
        <v>87</v>
      </c>
      <c r="B111" s="15">
        <v>7</v>
      </c>
      <c r="C111" s="16">
        <v>20</v>
      </c>
      <c r="D111" s="17">
        <v>27</v>
      </c>
    </row>
    <row r="112" spans="1:4" ht="18" customHeight="1" x14ac:dyDescent="0.2">
      <c r="A112" s="14">
        <v>88</v>
      </c>
      <c r="B112" s="15">
        <v>2</v>
      </c>
      <c r="C112" s="16">
        <v>13</v>
      </c>
      <c r="D112" s="17">
        <v>15</v>
      </c>
    </row>
    <row r="113" spans="1:4" ht="18" customHeight="1" x14ac:dyDescent="0.2">
      <c r="A113" s="14">
        <v>89</v>
      </c>
      <c r="B113" s="15">
        <v>5</v>
      </c>
      <c r="C113" s="16">
        <v>15</v>
      </c>
      <c r="D113" s="17">
        <v>20</v>
      </c>
    </row>
    <row r="114" spans="1:4" ht="18" customHeight="1" x14ac:dyDescent="0.2">
      <c r="A114" s="18" t="s">
        <v>85</v>
      </c>
      <c r="B114" s="15">
        <v>31</v>
      </c>
      <c r="C114" s="16">
        <v>89</v>
      </c>
      <c r="D114" s="17">
        <v>120</v>
      </c>
    </row>
    <row r="115" spans="1:4" ht="18" customHeight="1" x14ac:dyDescent="0.2">
      <c r="A115" s="14">
        <v>90</v>
      </c>
      <c r="B115" s="15">
        <v>1</v>
      </c>
      <c r="C115" s="16">
        <v>9</v>
      </c>
      <c r="D115" s="17">
        <v>10</v>
      </c>
    </row>
    <row r="116" spans="1:4" ht="18" customHeight="1" x14ac:dyDescent="0.2">
      <c r="A116" s="14">
        <v>91</v>
      </c>
      <c r="B116" s="15">
        <v>1</v>
      </c>
      <c r="C116" s="16">
        <v>4</v>
      </c>
      <c r="D116" s="17">
        <v>5</v>
      </c>
    </row>
    <row r="117" spans="1:4" ht="18" customHeight="1" x14ac:dyDescent="0.2">
      <c r="A117" s="14">
        <v>92</v>
      </c>
      <c r="B117" s="15">
        <v>2</v>
      </c>
      <c r="C117" s="16">
        <v>6</v>
      </c>
      <c r="D117" s="17">
        <v>8</v>
      </c>
    </row>
    <row r="118" spans="1:4" ht="18" customHeight="1" x14ac:dyDescent="0.2">
      <c r="A118" s="14">
        <v>93</v>
      </c>
      <c r="B118" s="15">
        <v>6</v>
      </c>
      <c r="C118" s="16">
        <v>8</v>
      </c>
      <c r="D118" s="17">
        <v>14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86</v>
      </c>
      <c r="B120" s="15">
        <v>11</v>
      </c>
      <c r="C120" s="16">
        <v>35</v>
      </c>
      <c r="D120" s="17">
        <v>46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87</v>
      </c>
      <c r="B126" s="15">
        <v>1</v>
      </c>
      <c r="C126" s="16">
        <v>15</v>
      </c>
      <c r="D126" s="17">
        <v>1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535</v>
      </c>
      <c r="C130" s="5">
        <v>786</v>
      </c>
      <c r="D130" s="6">
        <v>1321</v>
      </c>
    </row>
    <row r="131" spans="1:4" ht="18" customHeight="1" x14ac:dyDescent="0.2">
      <c r="A131" s="20" t="s">
        <v>65</v>
      </c>
      <c r="B131" s="7">
        <v>1994</v>
      </c>
      <c r="C131" s="8">
        <v>2240</v>
      </c>
      <c r="D131" s="9">
        <v>423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45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7</v>
      </c>
      <c r="C5" s="12">
        <v>7</v>
      </c>
      <c r="D5" s="13">
        <v>24</v>
      </c>
    </row>
    <row r="6" spans="1:4" ht="18" customHeight="1" x14ac:dyDescent="0.2">
      <c r="A6" s="14">
        <v>1</v>
      </c>
      <c r="B6" s="15">
        <v>12</v>
      </c>
      <c r="C6" s="16">
        <v>11</v>
      </c>
      <c r="D6" s="17">
        <v>23</v>
      </c>
    </row>
    <row r="7" spans="1:4" ht="18" customHeight="1" x14ac:dyDescent="0.2">
      <c r="A7" s="14">
        <v>2</v>
      </c>
      <c r="B7" s="15">
        <v>15</v>
      </c>
      <c r="C7" s="16">
        <v>15</v>
      </c>
      <c r="D7" s="17">
        <v>30</v>
      </c>
    </row>
    <row r="8" spans="1:4" ht="18" customHeight="1" x14ac:dyDescent="0.2">
      <c r="A8" s="14">
        <v>3</v>
      </c>
      <c r="B8" s="15">
        <v>8</v>
      </c>
      <c r="C8" s="16">
        <v>22</v>
      </c>
      <c r="D8" s="17">
        <v>30</v>
      </c>
    </row>
    <row r="9" spans="1:4" ht="18" customHeight="1" x14ac:dyDescent="0.2">
      <c r="A9" s="14">
        <v>4</v>
      </c>
      <c r="B9" s="15">
        <v>17</v>
      </c>
      <c r="C9" s="16">
        <v>11</v>
      </c>
      <c r="D9" s="17">
        <v>28</v>
      </c>
    </row>
    <row r="10" spans="1:4" ht="18" customHeight="1" x14ac:dyDescent="0.2">
      <c r="A10" s="18" t="s">
        <v>66</v>
      </c>
      <c r="B10" s="15">
        <v>69</v>
      </c>
      <c r="C10" s="16">
        <v>66</v>
      </c>
      <c r="D10" s="17">
        <v>135</v>
      </c>
    </row>
    <row r="11" spans="1:4" ht="18" customHeight="1" x14ac:dyDescent="0.2">
      <c r="A11" s="14">
        <v>5</v>
      </c>
      <c r="B11" s="15">
        <v>12</v>
      </c>
      <c r="C11" s="16">
        <v>16</v>
      </c>
      <c r="D11" s="17">
        <v>28</v>
      </c>
    </row>
    <row r="12" spans="1:4" ht="18" customHeight="1" x14ac:dyDescent="0.2">
      <c r="A12" s="14">
        <v>6</v>
      </c>
      <c r="B12" s="15">
        <v>14</v>
      </c>
      <c r="C12" s="16">
        <v>12</v>
      </c>
      <c r="D12" s="17">
        <v>26</v>
      </c>
    </row>
    <row r="13" spans="1:4" ht="18" customHeight="1" x14ac:dyDescent="0.2">
      <c r="A13" s="14">
        <v>7</v>
      </c>
      <c r="B13" s="15">
        <v>17</v>
      </c>
      <c r="C13" s="16">
        <v>24</v>
      </c>
      <c r="D13" s="17">
        <v>41</v>
      </c>
    </row>
    <row r="14" spans="1:4" ht="18" customHeight="1" x14ac:dyDescent="0.2">
      <c r="A14" s="14">
        <v>8</v>
      </c>
      <c r="B14" s="15">
        <v>21</v>
      </c>
      <c r="C14" s="16">
        <v>20</v>
      </c>
      <c r="D14" s="17">
        <v>41</v>
      </c>
    </row>
    <row r="15" spans="1:4" ht="18" customHeight="1" x14ac:dyDescent="0.2">
      <c r="A15" s="14">
        <v>9</v>
      </c>
      <c r="B15" s="15">
        <v>18</v>
      </c>
      <c r="C15" s="16">
        <v>16</v>
      </c>
      <c r="D15" s="17">
        <v>34</v>
      </c>
    </row>
    <row r="16" spans="1:4" ht="18" customHeight="1" x14ac:dyDescent="0.2">
      <c r="A16" s="18" t="s">
        <v>67</v>
      </c>
      <c r="B16" s="15">
        <v>82</v>
      </c>
      <c r="C16" s="16">
        <v>88</v>
      </c>
      <c r="D16" s="17">
        <v>170</v>
      </c>
    </row>
    <row r="17" spans="1:4" ht="18" customHeight="1" x14ac:dyDescent="0.2">
      <c r="A17" s="14">
        <v>10</v>
      </c>
      <c r="B17" s="15">
        <v>16</v>
      </c>
      <c r="C17" s="16">
        <v>20</v>
      </c>
      <c r="D17" s="17">
        <v>36</v>
      </c>
    </row>
    <row r="18" spans="1:4" ht="18" customHeight="1" x14ac:dyDescent="0.2">
      <c r="A18" s="14">
        <v>11</v>
      </c>
      <c r="B18" s="15">
        <v>25</v>
      </c>
      <c r="C18" s="16">
        <v>18</v>
      </c>
      <c r="D18" s="17">
        <v>43</v>
      </c>
    </row>
    <row r="19" spans="1:4" ht="18" customHeight="1" x14ac:dyDescent="0.2">
      <c r="A19" s="14">
        <v>12</v>
      </c>
      <c r="B19" s="15">
        <v>16</v>
      </c>
      <c r="C19" s="16">
        <v>16</v>
      </c>
      <c r="D19" s="17">
        <v>32</v>
      </c>
    </row>
    <row r="20" spans="1:4" ht="18" customHeight="1" x14ac:dyDescent="0.2">
      <c r="A20" s="14">
        <v>13</v>
      </c>
      <c r="B20" s="15">
        <v>30</v>
      </c>
      <c r="C20" s="16">
        <v>19</v>
      </c>
      <c r="D20" s="17">
        <v>49</v>
      </c>
    </row>
    <row r="21" spans="1:4" ht="18" customHeight="1" x14ac:dyDescent="0.2">
      <c r="A21" s="14">
        <v>14</v>
      </c>
      <c r="B21" s="15">
        <v>21</v>
      </c>
      <c r="C21" s="16">
        <v>21</v>
      </c>
      <c r="D21" s="17">
        <v>42</v>
      </c>
    </row>
    <row r="22" spans="1:4" ht="18" customHeight="1" x14ac:dyDescent="0.2">
      <c r="A22" s="18" t="s">
        <v>68</v>
      </c>
      <c r="B22" s="15">
        <v>108</v>
      </c>
      <c r="C22" s="16">
        <v>94</v>
      </c>
      <c r="D22" s="17">
        <v>202</v>
      </c>
    </row>
    <row r="23" spans="1:4" ht="18" customHeight="1" x14ac:dyDescent="0.2">
      <c r="A23" s="18" t="s">
        <v>69</v>
      </c>
      <c r="B23" s="15">
        <v>259</v>
      </c>
      <c r="C23" s="16">
        <v>248</v>
      </c>
      <c r="D23" s="17">
        <v>507</v>
      </c>
    </row>
    <row r="24" spans="1:4" ht="18" customHeight="1" x14ac:dyDescent="0.2">
      <c r="A24" s="14">
        <v>15</v>
      </c>
      <c r="B24" s="15">
        <v>23</v>
      </c>
      <c r="C24" s="16">
        <v>11</v>
      </c>
      <c r="D24" s="17">
        <v>34</v>
      </c>
    </row>
    <row r="25" spans="1:4" ht="18" customHeight="1" x14ac:dyDescent="0.2">
      <c r="A25" s="14">
        <v>16</v>
      </c>
      <c r="B25" s="15">
        <v>19</v>
      </c>
      <c r="C25" s="16">
        <v>16</v>
      </c>
      <c r="D25" s="17">
        <v>35</v>
      </c>
    </row>
    <row r="26" spans="1:4" ht="18" customHeight="1" x14ac:dyDescent="0.2">
      <c r="A26" s="14">
        <v>17</v>
      </c>
      <c r="B26" s="15">
        <v>17</v>
      </c>
      <c r="C26" s="16">
        <v>21</v>
      </c>
      <c r="D26" s="17">
        <v>38</v>
      </c>
    </row>
    <row r="27" spans="1:4" ht="18" customHeight="1" x14ac:dyDescent="0.2">
      <c r="A27" s="14">
        <v>18</v>
      </c>
      <c r="B27" s="15">
        <v>28</v>
      </c>
      <c r="C27" s="16">
        <v>9</v>
      </c>
      <c r="D27" s="17">
        <v>37</v>
      </c>
    </row>
    <row r="28" spans="1:4" ht="18" customHeight="1" x14ac:dyDescent="0.2">
      <c r="A28" s="14">
        <v>19</v>
      </c>
      <c r="B28" s="15">
        <v>17</v>
      </c>
      <c r="C28" s="16">
        <v>16</v>
      </c>
      <c r="D28" s="17">
        <v>33</v>
      </c>
    </row>
    <row r="29" spans="1:4" ht="18" customHeight="1" x14ac:dyDescent="0.2">
      <c r="A29" s="18" t="s">
        <v>70</v>
      </c>
      <c r="B29" s="15">
        <v>104</v>
      </c>
      <c r="C29" s="16">
        <v>73</v>
      </c>
      <c r="D29" s="17">
        <v>177</v>
      </c>
    </row>
    <row r="30" spans="1:4" ht="18" customHeight="1" x14ac:dyDescent="0.2">
      <c r="A30" s="14">
        <v>20</v>
      </c>
      <c r="B30" s="15">
        <v>25</v>
      </c>
      <c r="C30" s="16">
        <v>23</v>
      </c>
      <c r="D30" s="17">
        <v>48</v>
      </c>
    </row>
    <row r="31" spans="1:4" ht="18" customHeight="1" x14ac:dyDescent="0.2">
      <c r="A31" s="14">
        <v>21</v>
      </c>
      <c r="B31" s="15">
        <v>22</v>
      </c>
      <c r="C31" s="16">
        <v>18</v>
      </c>
      <c r="D31" s="17">
        <v>40</v>
      </c>
    </row>
    <row r="32" spans="1:4" ht="18" customHeight="1" x14ac:dyDescent="0.2">
      <c r="A32" s="14">
        <v>22</v>
      </c>
      <c r="B32" s="15">
        <v>28</v>
      </c>
      <c r="C32" s="16">
        <v>20</v>
      </c>
      <c r="D32" s="17">
        <v>48</v>
      </c>
    </row>
    <row r="33" spans="1:4" ht="18" customHeight="1" x14ac:dyDescent="0.2">
      <c r="A33" s="14">
        <v>23</v>
      </c>
      <c r="B33" s="15">
        <v>18</v>
      </c>
      <c r="C33" s="16">
        <v>20</v>
      </c>
      <c r="D33" s="17">
        <v>38</v>
      </c>
    </row>
    <row r="34" spans="1:4" ht="18" customHeight="1" x14ac:dyDescent="0.2">
      <c r="A34" s="14">
        <v>24</v>
      </c>
      <c r="B34" s="15">
        <v>18</v>
      </c>
      <c r="C34" s="16">
        <v>21</v>
      </c>
      <c r="D34" s="17">
        <v>39</v>
      </c>
    </row>
    <row r="35" spans="1:4" ht="18" customHeight="1" x14ac:dyDescent="0.2">
      <c r="A35" s="18" t="s">
        <v>71</v>
      </c>
      <c r="B35" s="15">
        <v>111</v>
      </c>
      <c r="C35" s="16">
        <v>102</v>
      </c>
      <c r="D35" s="17">
        <v>213</v>
      </c>
    </row>
    <row r="36" spans="1:4" ht="18" customHeight="1" x14ac:dyDescent="0.2">
      <c r="A36" s="14">
        <v>25</v>
      </c>
      <c r="B36" s="15">
        <v>16</v>
      </c>
      <c r="C36" s="16">
        <v>26</v>
      </c>
      <c r="D36" s="17">
        <v>42</v>
      </c>
    </row>
    <row r="37" spans="1:4" ht="18" customHeight="1" x14ac:dyDescent="0.2">
      <c r="A37" s="14">
        <v>26</v>
      </c>
      <c r="B37" s="15">
        <v>20</v>
      </c>
      <c r="C37" s="16">
        <v>18</v>
      </c>
      <c r="D37" s="17">
        <v>38</v>
      </c>
    </row>
    <row r="38" spans="1:4" ht="18" customHeight="1" x14ac:dyDescent="0.2">
      <c r="A38" s="14">
        <v>27</v>
      </c>
      <c r="B38" s="15">
        <v>23</v>
      </c>
      <c r="C38" s="16">
        <v>10</v>
      </c>
      <c r="D38" s="17">
        <v>33</v>
      </c>
    </row>
    <row r="39" spans="1:4" ht="18" customHeight="1" x14ac:dyDescent="0.2">
      <c r="A39" s="14">
        <v>28</v>
      </c>
      <c r="B39" s="15">
        <v>21</v>
      </c>
      <c r="C39" s="16">
        <v>19</v>
      </c>
      <c r="D39" s="17">
        <v>40</v>
      </c>
    </row>
    <row r="40" spans="1:4" ht="18" customHeight="1" x14ac:dyDescent="0.2">
      <c r="A40" s="14">
        <v>29</v>
      </c>
      <c r="B40" s="15">
        <v>21</v>
      </c>
      <c r="C40" s="16">
        <v>29</v>
      </c>
      <c r="D40" s="17">
        <v>50</v>
      </c>
    </row>
    <row r="41" spans="1:4" ht="18" customHeight="1" x14ac:dyDescent="0.2">
      <c r="A41" s="18" t="s">
        <v>72</v>
      </c>
      <c r="B41" s="15">
        <v>101</v>
      </c>
      <c r="C41" s="16">
        <v>102</v>
      </c>
      <c r="D41" s="17">
        <v>203</v>
      </c>
    </row>
    <row r="42" spans="1:4" ht="18" customHeight="1" x14ac:dyDescent="0.2">
      <c r="A42" s="14">
        <v>30</v>
      </c>
      <c r="B42" s="15">
        <v>20</v>
      </c>
      <c r="C42" s="16">
        <v>18</v>
      </c>
      <c r="D42" s="17">
        <v>38</v>
      </c>
    </row>
    <row r="43" spans="1:4" ht="18" customHeight="1" x14ac:dyDescent="0.2">
      <c r="A43" s="14">
        <v>31</v>
      </c>
      <c r="B43" s="15">
        <v>31</v>
      </c>
      <c r="C43" s="16">
        <v>27</v>
      </c>
      <c r="D43" s="17">
        <v>58</v>
      </c>
    </row>
    <row r="44" spans="1:4" ht="18" customHeight="1" x14ac:dyDescent="0.2">
      <c r="A44" s="14">
        <v>32</v>
      </c>
      <c r="B44" s="15">
        <v>27</v>
      </c>
      <c r="C44" s="16">
        <v>21</v>
      </c>
      <c r="D44" s="17">
        <v>48</v>
      </c>
    </row>
    <row r="45" spans="1:4" ht="18" customHeight="1" x14ac:dyDescent="0.2">
      <c r="A45" s="14">
        <v>33</v>
      </c>
      <c r="B45" s="15">
        <v>30</v>
      </c>
      <c r="C45" s="16">
        <v>19</v>
      </c>
      <c r="D45" s="17">
        <v>49</v>
      </c>
    </row>
    <row r="46" spans="1:4" ht="18" customHeight="1" x14ac:dyDescent="0.2">
      <c r="A46" s="14">
        <v>34</v>
      </c>
      <c r="B46" s="15">
        <v>31</v>
      </c>
      <c r="C46" s="16">
        <v>24</v>
      </c>
      <c r="D46" s="17">
        <v>55</v>
      </c>
    </row>
    <row r="47" spans="1:4" ht="18" customHeight="1" x14ac:dyDescent="0.2">
      <c r="A47" s="18" t="s">
        <v>73</v>
      </c>
      <c r="B47" s="15">
        <v>139</v>
      </c>
      <c r="C47" s="16">
        <v>109</v>
      </c>
      <c r="D47" s="17">
        <v>248</v>
      </c>
    </row>
    <row r="48" spans="1:4" ht="18" customHeight="1" x14ac:dyDescent="0.2">
      <c r="A48" s="14">
        <v>35</v>
      </c>
      <c r="B48" s="15">
        <v>36</v>
      </c>
      <c r="C48" s="16">
        <v>30</v>
      </c>
      <c r="D48" s="17">
        <v>66</v>
      </c>
    </row>
    <row r="49" spans="1:4" ht="18" customHeight="1" x14ac:dyDescent="0.2">
      <c r="A49" s="14">
        <v>36</v>
      </c>
      <c r="B49" s="15">
        <v>39</v>
      </c>
      <c r="C49" s="16">
        <v>42</v>
      </c>
      <c r="D49" s="17">
        <v>81</v>
      </c>
    </row>
    <row r="50" spans="1:4" ht="18" customHeight="1" x14ac:dyDescent="0.2">
      <c r="A50" s="14">
        <v>37</v>
      </c>
      <c r="B50" s="15">
        <v>38</v>
      </c>
      <c r="C50" s="16">
        <v>41</v>
      </c>
      <c r="D50" s="17">
        <v>79</v>
      </c>
    </row>
    <row r="51" spans="1:4" ht="18" customHeight="1" x14ac:dyDescent="0.2">
      <c r="A51" s="14">
        <v>38</v>
      </c>
      <c r="B51" s="15">
        <v>40</v>
      </c>
      <c r="C51" s="16">
        <v>32</v>
      </c>
      <c r="D51" s="17">
        <v>72</v>
      </c>
    </row>
    <row r="52" spans="1:4" ht="18" customHeight="1" x14ac:dyDescent="0.2">
      <c r="A52" s="14">
        <v>39</v>
      </c>
      <c r="B52" s="15">
        <v>28</v>
      </c>
      <c r="C52" s="16">
        <v>34</v>
      </c>
      <c r="D52" s="17">
        <v>62</v>
      </c>
    </row>
    <row r="53" spans="1:4" ht="18" customHeight="1" x14ac:dyDescent="0.2">
      <c r="A53" s="18" t="s">
        <v>74</v>
      </c>
      <c r="B53" s="15">
        <v>181</v>
      </c>
      <c r="C53" s="16">
        <v>179</v>
      </c>
      <c r="D53" s="17">
        <v>360</v>
      </c>
    </row>
    <row r="54" spans="1:4" ht="18" customHeight="1" x14ac:dyDescent="0.2">
      <c r="A54" s="14">
        <v>40</v>
      </c>
      <c r="B54" s="15">
        <v>45</v>
      </c>
      <c r="C54" s="16">
        <v>28</v>
      </c>
      <c r="D54" s="17">
        <v>73</v>
      </c>
    </row>
    <row r="55" spans="1:4" ht="18" customHeight="1" x14ac:dyDescent="0.2">
      <c r="A55" s="14">
        <v>41</v>
      </c>
      <c r="B55" s="15">
        <v>36</v>
      </c>
      <c r="C55" s="16">
        <v>29</v>
      </c>
      <c r="D55" s="17">
        <v>65</v>
      </c>
    </row>
    <row r="56" spans="1:4" ht="18" customHeight="1" x14ac:dyDescent="0.2">
      <c r="A56" s="14">
        <v>42</v>
      </c>
      <c r="B56" s="15">
        <v>28</v>
      </c>
      <c r="C56" s="16">
        <v>19</v>
      </c>
      <c r="D56" s="17">
        <v>47</v>
      </c>
    </row>
    <row r="57" spans="1:4" ht="18" customHeight="1" x14ac:dyDescent="0.2">
      <c r="A57" s="14">
        <v>43</v>
      </c>
      <c r="B57" s="15">
        <v>15</v>
      </c>
      <c r="C57" s="16">
        <v>14</v>
      </c>
      <c r="D57" s="17">
        <v>29</v>
      </c>
    </row>
    <row r="58" spans="1:4" ht="18" customHeight="1" x14ac:dyDescent="0.2">
      <c r="A58" s="14">
        <v>44</v>
      </c>
      <c r="B58" s="15">
        <v>31</v>
      </c>
      <c r="C58" s="16">
        <v>28</v>
      </c>
      <c r="D58" s="17">
        <v>59</v>
      </c>
    </row>
    <row r="59" spans="1:4" ht="18" customHeight="1" x14ac:dyDescent="0.2">
      <c r="A59" s="18" t="s">
        <v>75</v>
      </c>
      <c r="B59" s="15">
        <v>155</v>
      </c>
      <c r="C59" s="16">
        <v>118</v>
      </c>
      <c r="D59" s="17">
        <v>273</v>
      </c>
    </row>
    <row r="60" spans="1:4" ht="18" customHeight="1" x14ac:dyDescent="0.2">
      <c r="A60" s="14">
        <v>45</v>
      </c>
      <c r="B60" s="15">
        <v>17</v>
      </c>
      <c r="C60" s="16">
        <v>25</v>
      </c>
      <c r="D60" s="17">
        <v>42</v>
      </c>
    </row>
    <row r="61" spans="1:4" ht="18" customHeight="1" x14ac:dyDescent="0.2">
      <c r="A61" s="14">
        <v>46</v>
      </c>
      <c r="B61" s="15">
        <v>29</v>
      </c>
      <c r="C61" s="16">
        <v>25</v>
      </c>
      <c r="D61" s="17">
        <v>54</v>
      </c>
    </row>
    <row r="62" spans="1:4" ht="18" customHeight="1" x14ac:dyDescent="0.2">
      <c r="A62" s="14">
        <v>47</v>
      </c>
      <c r="B62" s="15">
        <v>13</v>
      </c>
      <c r="C62" s="16">
        <v>19</v>
      </c>
      <c r="D62" s="17">
        <v>32</v>
      </c>
    </row>
    <row r="63" spans="1:4" ht="18" customHeight="1" x14ac:dyDescent="0.2">
      <c r="A63" s="14">
        <v>48</v>
      </c>
      <c r="B63" s="15">
        <v>23</v>
      </c>
      <c r="C63" s="16">
        <v>23</v>
      </c>
      <c r="D63" s="17">
        <v>46</v>
      </c>
    </row>
    <row r="64" spans="1:4" ht="18" customHeight="1" x14ac:dyDescent="0.2">
      <c r="A64" s="14">
        <v>49</v>
      </c>
      <c r="B64" s="15">
        <v>31</v>
      </c>
      <c r="C64" s="16">
        <v>25</v>
      </c>
      <c r="D64" s="17">
        <v>56</v>
      </c>
    </row>
    <row r="65" spans="1:4" ht="18" customHeight="1" x14ac:dyDescent="0.2">
      <c r="A65" s="18" t="s">
        <v>76</v>
      </c>
      <c r="B65" s="15">
        <v>113</v>
      </c>
      <c r="C65" s="16">
        <v>117</v>
      </c>
      <c r="D65" s="17">
        <v>230</v>
      </c>
    </row>
    <row r="66" spans="1:4" ht="18" customHeight="1" x14ac:dyDescent="0.2">
      <c r="A66" s="14">
        <v>50</v>
      </c>
      <c r="B66" s="15">
        <v>18</v>
      </c>
      <c r="C66" s="16">
        <v>24</v>
      </c>
      <c r="D66" s="17">
        <v>42</v>
      </c>
    </row>
    <row r="67" spans="1:4" ht="18" customHeight="1" x14ac:dyDescent="0.2">
      <c r="A67" s="14">
        <v>51</v>
      </c>
      <c r="B67" s="15">
        <v>20</v>
      </c>
      <c r="C67" s="16">
        <v>29</v>
      </c>
      <c r="D67" s="17">
        <v>49</v>
      </c>
    </row>
    <row r="68" spans="1:4" ht="18" customHeight="1" x14ac:dyDescent="0.2">
      <c r="A68" s="14">
        <v>52</v>
      </c>
      <c r="B68" s="15">
        <v>21</v>
      </c>
      <c r="C68" s="16">
        <v>28</v>
      </c>
      <c r="D68" s="17">
        <v>49</v>
      </c>
    </row>
    <row r="69" spans="1:4" ht="18" customHeight="1" x14ac:dyDescent="0.2">
      <c r="A69" s="14">
        <v>53</v>
      </c>
      <c r="B69" s="15">
        <v>25</v>
      </c>
      <c r="C69" s="16">
        <v>23</v>
      </c>
      <c r="D69" s="17">
        <v>48</v>
      </c>
    </row>
    <row r="70" spans="1:4" ht="18" customHeight="1" x14ac:dyDescent="0.2">
      <c r="A70" s="14">
        <v>54</v>
      </c>
      <c r="B70" s="15">
        <v>29</v>
      </c>
      <c r="C70" s="16">
        <v>29</v>
      </c>
      <c r="D70" s="17">
        <v>58</v>
      </c>
    </row>
    <row r="71" spans="1:4" ht="18" customHeight="1" x14ac:dyDescent="0.2">
      <c r="A71" s="18" t="s">
        <v>77</v>
      </c>
      <c r="B71" s="15">
        <v>113</v>
      </c>
      <c r="C71" s="16">
        <v>133</v>
      </c>
      <c r="D71" s="17">
        <v>246</v>
      </c>
    </row>
    <row r="72" spans="1:4" ht="18" customHeight="1" x14ac:dyDescent="0.2">
      <c r="A72" s="14">
        <v>55</v>
      </c>
      <c r="B72" s="15">
        <v>23</v>
      </c>
      <c r="C72" s="16">
        <v>21</v>
      </c>
      <c r="D72" s="17">
        <v>44</v>
      </c>
    </row>
    <row r="73" spans="1:4" ht="18" customHeight="1" x14ac:dyDescent="0.2">
      <c r="A73" s="14">
        <v>56</v>
      </c>
      <c r="B73" s="15">
        <v>31</v>
      </c>
      <c r="C73" s="16">
        <v>28</v>
      </c>
      <c r="D73" s="17">
        <v>59</v>
      </c>
    </row>
    <row r="74" spans="1:4" ht="18" customHeight="1" x14ac:dyDescent="0.2">
      <c r="A74" s="14">
        <v>57</v>
      </c>
      <c r="B74" s="15">
        <v>27</v>
      </c>
      <c r="C74" s="16">
        <v>30</v>
      </c>
      <c r="D74" s="17">
        <v>57</v>
      </c>
    </row>
    <row r="75" spans="1:4" ht="18" customHeight="1" x14ac:dyDescent="0.2">
      <c r="A75" s="14">
        <v>58</v>
      </c>
      <c r="B75" s="15">
        <v>31</v>
      </c>
      <c r="C75" s="16">
        <v>46</v>
      </c>
      <c r="D75" s="17">
        <v>77</v>
      </c>
    </row>
    <row r="76" spans="1:4" ht="18" customHeight="1" x14ac:dyDescent="0.2">
      <c r="A76" s="14">
        <v>59</v>
      </c>
      <c r="B76" s="15">
        <v>31</v>
      </c>
      <c r="C76" s="16">
        <v>41</v>
      </c>
      <c r="D76" s="17">
        <v>72</v>
      </c>
    </row>
    <row r="77" spans="1:4" ht="18" customHeight="1" x14ac:dyDescent="0.2">
      <c r="A77" s="18" t="s">
        <v>78</v>
      </c>
      <c r="B77" s="15">
        <v>143</v>
      </c>
      <c r="C77" s="16">
        <v>166</v>
      </c>
      <c r="D77" s="17">
        <v>309</v>
      </c>
    </row>
    <row r="78" spans="1:4" ht="18" customHeight="1" x14ac:dyDescent="0.2">
      <c r="A78" s="14">
        <v>60</v>
      </c>
      <c r="B78" s="15">
        <v>38</v>
      </c>
      <c r="C78" s="16">
        <v>56</v>
      </c>
      <c r="D78" s="17">
        <v>94</v>
      </c>
    </row>
    <row r="79" spans="1:4" ht="18" customHeight="1" x14ac:dyDescent="0.2">
      <c r="A79" s="14">
        <v>61</v>
      </c>
      <c r="B79" s="15">
        <v>41</v>
      </c>
      <c r="C79" s="16">
        <v>56</v>
      </c>
      <c r="D79" s="17">
        <v>97</v>
      </c>
    </row>
    <row r="80" spans="1:4" ht="18" customHeight="1" x14ac:dyDescent="0.2">
      <c r="A80" s="14">
        <v>62</v>
      </c>
      <c r="B80" s="15">
        <v>58</v>
      </c>
      <c r="C80" s="16">
        <v>47</v>
      </c>
      <c r="D80" s="17">
        <v>105</v>
      </c>
    </row>
    <row r="81" spans="1:4" ht="18" customHeight="1" x14ac:dyDescent="0.2">
      <c r="A81" s="14">
        <v>63</v>
      </c>
      <c r="B81" s="15">
        <v>35</v>
      </c>
      <c r="C81" s="16">
        <v>29</v>
      </c>
      <c r="D81" s="17">
        <v>64</v>
      </c>
    </row>
    <row r="82" spans="1:4" ht="18" customHeight="1" x14ac:dyDescent="0.2">
      <c r="A82" s="14">
        <v>64</v>
      </c>
      <c r="B82" s="15">
        <v>30</v>
      </c>
      <c r="C82" s="16">
        <v>33</v>
      </c>
      <c r="D82" s="17">
        <v>63</v>
      </c>
    </row>
    <row r="83" spans="1:4" ht="18" customHeight="1" x14ac:dyDescent="0.2">
      <c r="A83" s="18" t="s">
        <v>79</v>
      </c>
      <c r="B83" s="15">
        <v>202</v>
      </c>
      <c r="C83" s="16">
        <v>221</v>
      </c>
      <c r="D83" s="17">
        <v>423</v>
      </c>
    </row>
    <row r="84" spans="1:4" ht="18" customHeight="1" x14ac:dyDescent="0.2">
      <c r="A84" s="18" t="s">
        <v>80</v>
      </c>
      <c r="B84" s="15">
        <v>1362</v>
      </c>
      <c r="C84" s="16">
        <v>1320</v>
      </c>
      <c r="D84" s="17">
        <v>2682</v>
      </c>
    </row>
    <row r="85" spans="1:4" ht="18" customHeight="1" x14ac:dyDescent="0.2">
      <c r="A85" s="14">
        <v>65</v>
      </c>
      <c r="B85" s="15">
        <v>40</v>
      </c>
      <c r="C85" s="16">
        <v>42</v>
      </c>
      <c r="D85" s="17">
        <v>82</v>
      </c>
    </row>
    <row r="86" spans="1:4" ht="18" customHeight="1" x14ac:dyDescent="0.2">
      <c r="A86" s="14">
        <v>66</v>
      </c>
      <c r="B86" s="15">
        <v>45</v>
      </c>
      <c r="C86" s="16">
        <v>38</v>
      </c>
      <c r="D86" s="17">
        <v>83</v>
      </c>
    </row>
    <row r="87" spans="1:4" ht="18" customHeight="1" x14ac:dyDescent="0.2">
      <c r="A87" s="14">
        <v>67</v>
      </c>
      <c r="B87" s="15">
        <v>47</v>
      </c>
      <c r="C87" s="16">
        <v>50</v>
      </c>
      <c r="D87" s="17">
        <v>97</v>
      </c>
    </row>
    <row r="88" spans="1:4" ht="18" customHeight="1" x14ac:dyDescent="0.2">
      <c r="A88" s="14">
        <v>68</v>
      </c>
      <c r="B88" s="15">
        <v>44</v>
      </c>
      <c r="C88" s="16">
        <v>35</v>
      </c>
      <c r="D88" s="17">
        <v>79</v>
      </c>
    </row>
    <row r="89" spans="1:4" ht="18" customHeight="1" x14ac:dyDescent="0.2">
      <c r="A89" s="14">
        <v>69</v>
      </c>
      <c r="B89" s="15">
        <v>24</v>
      </c>
      <c r="C89" s="16">
        <v>37</v>
      </c>
      <c r="D89" s="17">
        <v>61</v>
      </c>
    </row>
    <row r="90" spans="1:4" ht="18" customHeight="1" x14ac:dyDescent="0.2">
      <c r="A90" s="18" t="s">
        <v>81</v>
      </c>
      <c r="B90" s="15">
        <v>200</v>
      </c>
      <c r="C90" s="16">
        <v>202</v>
      </c>
      <c r="D90" s="17">
        <v>402</v>
      </c>
    </row>
    <row r="91" spans="1:4" ht="18" customHeight="1" x14ac:dyDescent="0.2">
      <c r="A91" s="14">
        <v>70</v>
      </c>
      <c r="B91" s="15">
        <v>17</v>
      </c>
      <c r="C91" s="16">
        <v>22</v>
      </c>
      <c r="D91" s="17">
        <v>39</v>
      </c>
    </row>
    <row r="92" spans="1:4" ht="18" customHeight="1" x14ac:dyDescent="0.2">
      <c r="A92" s="14">
        <v>71</v>
      </c>
      <c r="B92" s="15">
        <v>32</v>
      </c>
      <c r="C92" s="16">
        <v>30</v>
      </c>
      <c r="D92" s="17">
        <v>62</v>
      </c>
    </row>
    <row r="93" spans="1:4" ht="18" customHeight="1" x14ac:dyDescent="0.2">
      <c r="A93" s="14">
        <v>72</v>
      </c>
      <c r="B93" s="15">
        <v>29</v>
      </c>
      <c r="C93" s="16">
        <v>31</v>
      </c>
      <c r="D93" s="17">
        <v>60</v>
      </c>
    </row>
    <row r="94" spans="1:4" ht="18" customHeight="1" x14ac:dyDescent="0.2">
      <c r="A94" s="14">
        <v>73</v>
      </c>
      <c r="B94" s="15">
        <v>19</v>
      </c>
      <c r="C94" s="16">
        <v>31</v>
      </c>
      <c r="D94" s="17">
        <v>50</v>
      </c>
    </row>
    <row r="95" spans="1:4" ht="18" customHeight="1" x14ac:dyDescent="0.2">
      <c r="A95" s="14">
        <v>74</v>
      </c>
      <c r="B95" s="15">
        <v>28</v>
      </c>
      <c r="C95" s="16">
        <v>35</v>
      </c>
      <c r="D95" s="17">
        <v>63</v>
      </c>
    </row>
    <row r="96" spans="1:4" ht="18" customHeight="1" x14ac:dyDescent="0.2">
      <c r="A96" s="18" t="s">
        <v>82</v>
      </c>
      <c r="B96" s="15">
        <v>125</v>
      </c>
      <c r="C96" s="16">
        <v>149</v>
      </c>
      <c r="D96" s="17">
        <v>274</v>
      </c>
    </row>
    <row r="97" spans="1:4" ht="18" customHeight="1" x14ac:dyDescent="0.2">
      <c r="A97" s="14">
        <v>75</v>
      </c>
      <c r="B97" s="15">
        <v>25</v>
      </c>
      <c r="C97" s="16">
        <v>24</v>
      </c>
      <c r="D97" s="17">
        <v>49</v>
      </c>
    </row>
    <row r="98" spans="1:4" ht="18" customHeight="1" x14ac:dyDescent="0.2">
      <c r="A98" s="14">
        <v>76</v>
      </c>
      <c r="B98" s="15">
        <v>25</v>
      </c>
      <c r="C98" s="16">
        <v>32</v>
      </c>
      <c r="D98" s="17">
        <v>57</v>
      </c>
    </row>
    <row r="99" spans="1:4" ht="18" customHeight="1" x14ac:dyDescent="0.2">
      <c r="A99" s="14">
        <v>77</v>
      </c>
      <c r="B99" s="15">
        <v>20</v>
      </c>
      <c r="C99" s="16">
        <v>31</v>
      </c>
      <c r="D99" s="17">
        <v>51</v>
      </c>
    </row>
    <row r="100" spans="1:4" ht="18" customHeight="1" x14ac:dyDescent="0.2">
      <c r="A100" s="14">
        <v>78</v>
      </c>
      <c r="B100" s="15">
        <v>24</v>
      </c>
      <c r="C100" s="16">
        <v>35</v>
      </c>
      <c r="D100" s="17">
        <v>59</v>
      </c>
    </row>
    <row r="101" spans="1:4" ht="18" customHeight="1" x14ac:dyDescent="0.2">
      <c r="A101" s="14">
        <v>79</v>
      </c>
      <c r="B101" s="15">
        <v>15</v>
      </c>
      <c r="C101" s="16">
        <v>31</v>
      </c>
      <c r="D101" s="17">
        <v>46</v>
      </c>
    </row>
    <row r="102" spans="1:4" ht="18" customHeight="1" x14ac:dyDescent="0.2">
      <c r="A102" s="18" t="s">
        <v>83</v>
      </c>
      <c r="B102" s="15">
        <v>109</v>
      </c>
      <c r="C102" s="16">
        <v>153</v>
      </c>
      <c r="D102" s="17">
        <v>262</v>
      </c>
    </row>
    <row r="103" spans="1:4" ht="18" customHeight="1" x14ac:dyDescent="0.2">
      <c r="A103" s="14">
        <v>80</v>
      </c>
      <c r="B103" s="15">
        <v>23</v>
      </c>
      <c r="C103" s="16">
        <v>28</v>
      </c>
      <c r="D103" s="17">
        <v>51</v>
      </c>
    </row>
    <row r="104" spans="1:4" ht="18" customHeight="1" x14ac:dyDescent="0.2">
      <c r="A104" s="14">
        <v>81</v>
      </c>
      <c r="B104" s="15">
        <v>11</v>
      </c>
      <c r="C104" s="16">
        <v>28</v>
      </c>
      <c r="D104" s="17">
        <v>39</v>
      </c>
    </row>
    <row r="105" spans="1:4" ht="18" customHeight="1" x14ac:dyDescent="0.2">
      <c r="A105" s="14">
        <v>82</v>
      </c>
      <c r="B105" s="15">
        <v>12</v>
      </c>
      <c r="C105" s="16">
        <v>26</v>
      </c>
      <c r="D105" s="17">
        <v>38</v>
      </c>
    </row>
    <row r="106" spans="1:4" ht="18" customHeight="1" x14ac:dyDescent="0.2">
      <c r="A106" s="14">
        <v>83</v>
      </c>
      <c r="B106" s="15">
        <v>13</v>
      </c>
      <c r="C106" s="16">
        <v>18</v>
      </c>
      <c r="D106" s="17">
        <v>31</v>
      </c>
    </row>
    <row r="107" spans="1:4" ht="18" customHeight="1" x14ac:dyDescent="0.2">
      <c r="A107" s="14">
        <v>84</v>
      </c>
      <c r="B107" s="15">
        <v>11</v>
      </c>
      <c r="C107" s="16">
        <v>23</v>
      </c>
      <c r="D107" s="17">
        <v>34</v>
      </c>
    </row>
    <row r="108" spans="1:4" ht="18" customHeight="1" x14ac:dyDescent="0.2">
      <c r="A108" s="18" t="s">
        <v>84</v>
      </c>
      <c r="B108" s="15">
        <v>70</v>
      </c>
      <c r="C108" s="16">
        <v>123</v>
      </c>
      <c r="D108" s="17">
        <v>193</v>
      </c>
    </row>
    <row r="109" spans="1:4" ht="18" customHeight="1" x14ac:dyDescent="0.2">
      <c r="A109" s="14">
        <v>85</v>
      </c>
      <c r="B109" s="15">
        <v>10</v>
      </c>
      <c r="C109" s="16">
        <v>26</v>
      </c>
      <c r="D109" s="17">
        <v>36</v>
      </c>
    </row>
    <row r="110" spans="1:4" ht="18" customHeight="1" x14ac:dyDescent="0.2">
      <c r="A110" s="14">
        <v>86</v>
      </c>
      <c r="B110" s="15">
        <v>10</v>
      </c>
      <c r="C110" s="16">
        <v>16</v>
      </c>
      <c r="D110" s="17">
        <v>26</v>
      </c>
    </row>
    <row r="111" spans="1:4" ht="18" customHeight="1" x14ac:dyDescent="0.2">
      <c r="A111" s="14">
        <v>87</v>
      </c>
      <c r="B111" s="15">
        <v>5</v>
      </c>
      <c r="C111" s="16">
        <v>19</v>
      </c>
      <c r="D111" s="17">
        <v>24</v>
      </c>
    </row>
    <row r="112" spans="1:4" ht="18" customHeight="1" x14ac:dyDescent="0.2">
      <c r="A112" s="14">
        <v>88</v>
      </c>
      <c r="B112" s="15">
        <v>7</v>
      </c>
      <c r="C112" s="16">
        <v>17</v>
      </c>
      <c r="D112" s="17">
        <v>24</v>
      </c>
    </row>
    <row r="113" spans="1:4" ht="18" customHeight="1" x14ac:dyDescent="0.2">
      <c r="A113" s="14">
        <v>89</v>
      </c>
      <c r="B113" s="15">
        <v>2</v>
      </c>
      <c r="C113" s="16">
        <v>7</v>
      </c>
      <c r="D113" s="17">
        <v>9</v>
      </c>
    </row>
    <row r="114" spans="1:4" ht="18" customHeight="1" x14ac:dyDescent="0.2">
      <c r="A114" s="18" t="s">
        <v>85</v>
      </c>
      <c r="B114" s="15">
        <v>34</v>
      </c>
      <c r="C114" s="16">
        <v>85</v>
      </c>
      <c r="D114" s="17">
        <v>119</v>
      </c>
    </row>
    <row r="115" spans="1:4" ht="18" customHeight="1" x14ac:dyDescent="0.2">
      <c r="A115" s="14">
        <v>90</v>
      </c>
      <c r="B115" s="15">
        <v>2</v>
      </c>
      <c r="C115" s="16">
        <v>14</v>
      </c>
      <c r="D115" s="17">
        <v>16</v>
      </c>
    </row>
    <row r="116" spans="1:4" ht="18" customHeight="1" x14ac:dyDescent="0.2">
      <c r="A116" s="14">
        <v>91</v>
      </c>
      <c r="B116" s="15">
        <v>4</v>
      </c>
      <c r="C116" s="16">
        <v>9</v>
      </c>
      <c r="D116" s="17">
        <v>13</v>
      </c>
    </row>
    <row r="117" spans="1:4" ht="18" customHeight="1" x14ac:dyDescent="0.2">
      <c r="A117" s="14">
        <v>92</v>
      </c>
      <c r="B117" s="15">
        <v>4</v>
      </c>
      <c r="C117" s="16">
        <v>11</v>
      </c>
      <c r="D117" s="17">
        <v>15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4</v>
      </c>
      <c r="C119" s="16">
        <v>6</v>
      </c>
      <c r="D119" s="17">
        <v>10</v>
      </c>
    </row>
    <row r="120" spans="1:4" ht="18" customHeight="1" x14ac:dyDescent="0.2">
      <c r="A120" s="18" t="s">
        <v>86</v>
      </c>
      <c r="B120" s="15">
        <v>16</v>
      </c>
      <c r="C120" s="16">
        <v>46</v>
      </c>
      <c r="D120" s="17">
        <v>62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1</v>
      </c>
      <c r="C126" s="16">
        <v>16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89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90</v>
      </c>
      <c r="B130" s="4">
        <v>556</v>
      </c>
      <c r="C130" s="5">
        <v>775</v>
      </c>
      <c r="D130" s="6">
        <v>1331</v>
      </c>
    </row>
    <row r="131" spans="1:4" ht="18" customHeight="1" x14ac:dyDescent="0.2">
      <c r="A131" s="20" t="s">
        <v>65</v>
      </c>
      <c r="B131" s="7">
        <v>2177</v>
      </c>
      <c r="C131" s="8">
        <v>2343</v>
      </c>
      <c r="D131" s="9">
        <v>452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46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</v>
      </c>
      <c r="C5" s="12">
        <v>8</v>
      </c>
      <c r="D5" s="13">
        <v>13</v>
      </c>
    </row>
    <row r="6" spans="1:4" ht="18" customHeight="1" x14ac:dyDescent="0.2">
      <c r="A6" s="14">
        <v>1</v>
      </c>
      <c r="B6" s="15">
        <v>5</v>
      </c>
      <c r="C6" s="16">
        <v>1</v>
      </c>
      <c r="D6" s="17">
        <v>6</v>
      </c>
    </row>
    <row r="7" spans="1:4" ht="18" customHeight="1" x14ac:dyDescent="0.2">
      <c r="A7" s="14">
        <v>2</v>
      </c>
      <c r="B7" s="15">
        <v>5</v>
      </c>
      <c r="C7" s="16">
        <v>2</v>
      </c>
      <c r="D7" s="17">
        <v>7</v>
      </c>
    </row>
    <row r="8" spans="1:4" ht="18" customHeight="1" x14ac:dyDescent="0.2">
      <c r="A8" s="14">
        <v>3</v>
      </c>
      <c r="B8" s="15">
        <v>10</v>
      </c>
      <c r="C8" s="16">
        <v>5</v>
      </c>
      <c r="D8" s="17">
        <v>15</v>
      </c>
    </row>
    <row r="9" spans="1:4" ht="18" customHeight="1" x14ac:dyDescent="0.2">
      <c r="A9" s="14">
        <v>4</v>
      </c>
      <c r="B9" s="15">
        <v>5</v>
      </c>
      <c r="C9" s="16">
        <v>5</v>
      </c>
      <c r="D9" s="17">
        <v>10</v>
      </c>
    </row>
    <row r="10" spans="1:4" ht="18" customHeight="1" x14ac:dyDescent="0.2">
      <c r="A10" s="18" t="s">
        <v>66</v>
      </c>
      <c r="B10" s="15">
        <v>30</v>
      </c>
      <c r="C10" s="16">
        <v>21</v>
      </c>
      <c r="D10" s="17">
        <v>51</v>
      </c>
    </row>
    <row r="11" spans="1:4" ht="18" customHeight="1" x14ac:dyDescent="0.2">
      <c r="A11" s="14">
        <v>5</v>
      </c>
      <c r="B11" s="15">
        <v>6</v>
      </c>
      <c r="C11" s="16">
        <v>6</v>
      </c>
      <c r="D11" s="17">
        <v>12</v>
      </c>
    </row>
    <row r="12" spans="1:4" ht="18" customHeight="1" x14ac:dyDescent="0.2">
      <c r="A12" s="14">
        <v>6</v>
      </c>
      <c r="B12" s="15">
        <v>3</v>
      </c>
      <c r="C12" s="16">
        <v>6</v>
      </c>
      <c r="D12" s="17">
        <v>9</v>
      </c>
    </row>
    <row r="13" spans="1:4" ht="18" customHeight="1" x14ac:dyDescent="0.2">
      <c r="A13" s="14">
        <v>7</v>
      </c>
      <c r="B13" s="15">
        <v>6</v>
      </c>
      <c r="C13" s="16">
        <v>5</v>
      </c>
      <c r="D13" s="17">
        <v>11</v>
      </c>
    </row>
    <row r="14" spans="1:4" ht="18" customHeight="1" x14ac:dyDescent="0.2">
      <c r="A14" s="14">
        <v>8</v>
      </c>
      <c r="B14" s="15">
        <v>7</v>
      </c>
      <c r="C14" s="16">
        <v>4</v>
      </c>
      <c r="D14" s="17">
        <v>11</v>
      </c>
    </row>
    <row r="15" spans="1:4" ht="18" customHeight="1" x14ac:dyDescent="0.2">
      <c r="A15" s="14">
        <v>9</v>
      </c>
      <c r="B15" s="15">
        <v>7</v>
      </c>
      <c r="C15" s="16">
        <v>10</v>
      </c>
      <c r="D15" s="17">
        <v>17</v>
      </c>
    </row>
    <row r="16" spans="1:4" ht="18" customHeight="1" x14ac:dyDescent="0.2">
      <c r="A16" s="18" t="s">
        <v>67</v>
      </c>
      <c r="B16" s="15">
        <v>29</v>
      </c>
      <c r="C16" s="16">
        <v>31</v>
      </c>
      <c r="D16" s="17">
        <v>60</v>
      </c>
    </row>
    <row r="17" spans="1:4" ht="18" customHeight="1" x14ac:dyDescent="0.2">
      <c r="A17" s="14">
        <v>10</v>
      </c>
      <c r="B17" s="15">
        <v>7</v>
      </c>
      <c r="C17" s="16">
        <v>3</v>
      </c>
      <c r="D17" s="17">
        <v>10</v>
      </c>
    </row>
    <row r="18" spans="1:4" ht="18" customHeight="1" x14ac:dyDescent="0.2">
      <c r="A18" s="14">
        <v>11</v>
      </c>
      <c r="B18" s="15">
        <v>9</v>
      </c>
      <c r="C18" s="16">
        <v>3</v>
      </c>
      <c r="D18" s="17">
        <v>12</v>
      </c>
    </row>
    <row r="19" spans="1:4" ht="18" customHeight="1" x14ac:dyDescent="0.2">
      <c r="A19" s="14">
        <v>12</v>
      </c>
      <c r="B19" s="15">
        <v>7</v>
      </c>
      <c r="C19" s="16">
        <v>9</v>
      </c>
      <c r="D19" s="17">
        <v>16</v>
      </c>
    </row>
    <row r="20" spans="1:4" ht="18" customHeight="1" x14ac:dyDescent="0.2">
      <c r="A20" s="14">
        <v>13</v>
      </c>
      <c r="B20" s="15">
        <v>8</v>
      </c>
      <c r="C20" s="16">
        <v>7</v>
      </c>
      <c r="D20" s="17">
        <v>15</v>
      </c>
    </row>
    <row r="21" spans="1:4" ht="18" customHeight="1" x14ac:dyDescent="0.2">
      <c r="A21" s="14">
        <v>14</v>
      </c>
      <c r="B21" s="15">
        <v>8</v>
      </c>
      <c r="C21" s="16">
        <v>6</v>
      </c>
      <c r="D21" s="17">
        <v>14</v>
      </c>
    </row>
    <row r="22" spans="1:4" ht="18" customHeight="1" x14ac:dyDescent="0.2">
      <c r="A22" s="18" t="s">
        <v>68</v>
      </c>
      <c r="B22" s="15">
        <v>39</v>
      </c>
      <c r="C22" s="16">
        <v>28</v>
      </c>
      <c r="D22" s="17">
        <v>67</v>
      </c>
    </row>
    <row r="23" spans="1:4" ht="18" customHeight="1" x14ac:dyDescent="0.2">
      <c r="A23" s="18" t="s">
        <v>69</v>
      </c>
      <c r="B23" s="15">
        <v>98</v>
      </c>
      <c r="C23" s="16">
        <v>80</v>
      </c>
      <c r="D23" s="17">
        <v>178</v>
      </c>
    </row>
    <row r="24" spans="1:4" ht="18" customHeight="1" x14ac:dyDescent="0.2">
      <c r="A24" s="14">
        <v>15</v>
      </c>
      <c r="B24" s="15">
        <v>9</v>
      </c>
      <c r="C24" s="16">
        <v>7</v>
      </c>
      <c r="D24" s="17">
        <v>16</v>
      </c>
    </row>
    <row r="25" spans="1:4" ht="18" customHeight="1" x14ac:dyDescent="0.2">
      <c r="A25" s="14">
        <v>16</v>
      </c>
      <c r="B25" s="15">
        <v>8</v>
      </c>
      <c r="C25" s="16">
        <v>5</v>
      </c>
      <c r="D25" s="17">
        <v>13</v>
      </c>
    </row>
    <row r="26" spans="1:4" ht="18" customHeight="1" x14ac:dyDescent="0.2">
      <c r="A26" s="14">
        <v>17</v>
      </c>
      <c r="B26" s="15">
        <v>7</v>
      </c>
      <c r="C26" s="16">
        <v>16</v>
      </c>
      <c r="D26" s="17">
        <v>23</v>
      </c>
    </row>
    <row r="27" spans="1:4" ht="18" customHeight="1" x14ac:dyDescent="0.2">
      <c r="A27" s="14">
        <v>18</v>
      </c>
      <c r="B27" s="15">
        <v>6</v>
      </c>
      <c r="C27" s="16">
        <v>12</v>
      </c>
      <c r="D27" s="17">
        <v>18</v>
      </c>
    </row>
    <row r="28" spans="1:4" ht="18" customHeight="1" x14ac:dyDescent="0.2">
      <c r="A28" s="14">
        <v>19</v>
      </c>
      <c r="B28" s="15">
        <v>11</v>
      </c>
      <c r="C28" s="16">
        <v>16</v>
      </c>
      <c r="D28" s="17">
        <v>27</v>
      </c>
    </row>
    <row r="29" spans="1:4" ht="18" customHeight="1" x14ac:dyDescent="0.2">
      <c r="A29" s="18" t="s">
        <v>70</v>
      </c>
      <c r="B29" s="15">
        <v>41</v>
      </c>
      <c r="C29" s="16">
        <v>56</v>
      </c>
      <c r="D29" s="17">
        <v>97</v>
      </c>
    </row>
    <row r="30" spans="1:4" ht="18" customHeight="1" x14ac:dyDescent="0.2">
      <c r="A30" s="14">
        <v>20</v>
      </c>
      <c r="B30" s="15">
        <v>7</v>
      </c>
      <c r="C30" s="16">
        <v>7</v>
      </c>
      <c r="D30" s="17">
        <v>14</v>
      </c>
    </row>
    <row r="31" spans="1:4" ht="18" customHeight="1" x14ac:dyDescent="0.2">
      <c r="A31" s="14">
        <v>21</v>
      </c>
      <c r="B31" s="15">
        <v>10</v>
      </c>
      <c r="C31" s="16">
        <v>11</v>
      </c>
      <c r="D31" s="17">
        <v>21</v>
      </c>
    </row>
    <row r="32" spans="1:4" ht="18" customHeight="1" x14ac:dyDescent="0.2">
      <c r="A32" s="14">
        <v>22</v>
      </c>
      <c r="B32" s="15">
        <v>9</v>
      </c>
      <c r="C32" s="16">
        <v>11</v>
      </c>
      <c r="D32" s="17">
        <v>20</v>
      </c>
    </row>
    <row r="33" spans="1:4" ht="18" customHeight="1" x14ac:dyDescent="0.2">
      <c r="A33" s="14">
        <v>23</v>
      </c>
      <c r="B33" s="15">
        <v>11</v>
      </c>
      <c r="C33" s="16">
        <v>13</v>
      </c>
      <c r="D33" s="17">
        <v>24</v>
      </c>
    </row>
    <row r="34" spans="1:4" ht="18" customHeight="1" x14ac:dyDescent="0.2">
      <c r="A34" s="14">
        <v>24</v>
      </c>
      <c r="B34" s="15">
        <v>12</v>
      </c>
      <c r="C34" s="16">
        <v>11</v>
      </c>
      <c r="D34" s="17">
        <v>23</v>
      </c>
    </row>
    <row r="35" spans="1:4" ht="18" customHeight="1" x14ac:dyDescent="0.2">
      <c r="A35" s="18" t="s">
        <v>71</v>
      </c>
      <c r="B35" s="15">
        <v>49</v>
      </c>
      <c r="C35" s="16">
        <v>53</v>
      </c>
      <c r="D35" s="17">
        <v>102</v>
      </c>
    </row>
    <row r="36" spans="1:4" ht="18" customHeight="1" x14ac:dyDescent="0.2">
      <c r="A36" s="14">
        <v>25</v>
      </c>
      <c r="B36" s="15">
        <v>12</v>
      </c>
      <c r="C36" s="16">
        <v>5</v>
      </c>
      <c r="D36" s="17">
        <v>17</v>
      </c>
    </row>
    <row r="37" spans="1:4" ht="18" customHeight="1" x14ac:dyDescent="0.2">
      <c r="A37" s="14">
        <v>26</v>
      </c>
      <c r="B37" s="15">
        <v>11</v>
      </c>
      <c r="C37" s="16">
        <v>10</v>
      </c>
      <c r="D37" s="17">
        <v>21</v>
      </c>
    </row>
    <row r="38" spans="1:4" ht="18" customHeight="1" x14ac:dyDescent="0.2">
      <c r="A38" s="14">
        <v>27</v>
      </c>
      <c r="B38" s="15">
        <v>10</v>
      </c>
      <c r="C38" s="16">
        <v>10</v>
      </c>
      <c r="D38" s="17">
        <v>20</v>
      </c>
    </row>
    <row r="39" spans="1:4" ht="18" customHeight="1" x14ac:dyDescent="0.2">
      <c r="A39" s="14">
        <v>28</v>
      </c>
      <c r="B39" s="15">
        <v>8</v>
      </c>
      <c r="C39" s="16">
        <v>9</v>
      </c>
      <c r="D39" s="17">
        <v>17</v>
      </c>
    </row>
    <row r="40" spans="1:4" ht="18" customHeight="1" x14ac:dyDescent="0.2">
      <c r="A40" s="14">
        <v>29</v>
      </c>
      <c r="B40" s="15">
        <v>10</v>
      </c>
      <c r="C40" s="16">
        <v>13</v>
      </c>
      <c r="D40" s="17">
        <v>23</v>
      </c>
    </row>
    <row r="41" spans="1:4" ht="18" customHeight="1" x14ac:dyDescent="0.2">
      <c r="A41" s="18" t="s">
        <v>72</v>
      </c>
      <c r="B41" s="15">
        <v>51</v>
      </c>
      <c r="C41" s="16">
        <v>47</v>
      </c>
      <c r="D41" s="17">
        <v>98</v>
      </c>
    </row>
    <row r="42" spans="1:4" ht="18" customHeight="1" x14ac:dyDescent="0.2">
      <c r="A42" s="14">
        <v>30</v>
      </c>
      <c r="B42" s="15">
        <v>25</v>
      </c>
      <c r="C42" s="16">
        <v>9</v>
      </c>
      <c r="D42" s="17">
        <v>34</v>
      </c>
    </row>
    <row r="43" spans="1:4" ht="18" customHeight="1" x14ac:dyDescent="0.2">
      <c r="A43" s="14">
        <v>31</v>
      </c>
      <c r="B43" s="15">
        <v>10</v>
      </c>
      <c r="C43" s="16">
        <v>9</v>
      </c>
      <c r="D43" s="17">
        <v>19</v>
      </c>
    </row>
    <row r="44" spans="1:4" ht="18" customHeight="1" x14ac:dyDescent="0.2">
      <c r="A44" s="14">
        <v>32</v>
      </c>
      <c r="B44" s="15">
        <v>11</v>
      </c>
      <c r="C44" s="16">
        <v>11</v>
      </c>
      <c r="D44" s="17">
        <v>22</v>
      </c>
    </row>
    <row r="45" spans="1:4" ht="18" customHeight="1" x14ac:dyDescent="0.2">
      <c r="A45" s="14">
        <v>33</v>
      </c>
      <c r="B45" s="15">
        <v>14</v>
      </c>
      <c r="C45" s="16">
        <v>14</v>
      </c>
      <c r="D45" s="17">
        <v>28</v>
      </c>
    </row>
    <row r="46" spans="1:4" ht="18" customHeight="1" x14ac:dyDescent="0.2">
      <c r="A46" s="14">
        <v>34</v>
      </c>
      <c r="B46" s="15">
        <v>15</v>
      </c>
      <c r="C46" s="16">
        <v>12</v>
      </c>
      <c r="D46" s="17">
        <v>27</v>
      </c>
    </row>
    <row r="47" spans="1:4" ht="18" customHeight="1" x14ac:dyDescent="0.2">
      <c r="A47" s="18" t="s">
        <v>73</v>
      </c>
      <c r="B47" s="15">
        <v>75</v>
      </c>
      <c r="C47" s="16">
        <v>55</v>
      </c>
      <c r="D47" s="17">
        <v>130</v>
      </c>
    </row>
    <row r="48" spans="1:4" ht="18" customHeight="1" x14ac:dyDescent="0.2">
      <c r="A48" s="14">
        <v>35</v>
      </c>
      <c r="B48" s="15">
        <v>17</v>
      </c>
      <c r="C48" s="16">
        <v>15</v>
      </c>
      <c r="D48" s="17">
        <v>32</v>
      </c>
    </row>
    <row r="49" spans="1:4" ht="18" customHeight="1" x14ac:dyDescent="0.2">
      <c r="A49" s="14">
        <v>36</v>
      </c>
      <c r="B49" s="15">
        <v>12</v>
      </c>
      <c r="C49" s="16">
        <v>14</v>
      </c>
      <c r="D49" s="17">
        <v>26</v>
      </c>
    </row>
    <row r="50" spans="1:4" ht="18" customHeight="1" x14ac:dyDescent="0.2">
      <c r="A50" s="14">
        <v>37</v>
      </c>
      <c r="B50" s="15">
        <v>15</v>
      </c>
      <c r="C50" s="16">
        <v>8</v>
      </c>
      <c r="D50" s="17">
        <v>23</v>
      </c>
    </row>
    <row r="51" spans="1:4" ht="18" customHeight="1" x14ac:dyDescent="0.2">
      <c r="A51" s="14">
        <v>38</v>
      </c>
      <c r="B51" s="15">
        <v>9</v>
      </c>
      <c r="C51" s="16">
        <v>17</v>
      </c>
      <c r="D51" s="17">
        <v>26</v>
      </c>
    </row>
    <row r="52" spans="1:4" ht="18" customHeight="1" x14ac:dyDescent="0.2">
      <c r="A52" s="14">
        <v>39</v>
      </c>
      <c r="B52" s="15">
        <v>12</v>
      </c>
      <c r="C52" s="16">
        <v>9</v>
      </c>
      <c r="D52" s="17">
        <v>21</v>
      </c>
    </row>
    <row r="53" spans="1:4" ht="18" customHeight="1" x14ac:dyDescent="0.2">
      <c r="A53" s="18" t="s">
        <v>74</v>
      </c>
      <c r="B53" s="15">
        <v>65</v>
      </c>
      <c r="C53" s="16">
        <v>63</v>
      </c>
      <c r="D53" s="17">
        <v>128</v>
      </c>
    </row>
    <row r="54" spans="1:4" ht="18" customHeight="1" x14ac:dyDescent="0.2">
      <c r="A54" s="14">
        <v>40</v>
      </c>
      <c r="B54" s="15">
        <v>15</v>
      </c>
      <c r="C54" s="16">
        <v>8</v>
      </c>
      <c r="D54" s="17">
        <v>23</v>
      </c>
    </row>
    <row r="55" spans="1:4" ht="18" customHeight="1" x14ac:dyDescent="0.2">
      <c r="A55" s="14">
        <v>41</v>
      </c>
      <c r="B55" s="15">
        <v>10</v>
      </c>
      <c r="C55" s="16">
        <v>7</v>
      </c>
      <c r="D55" s="17">
        <v>17</v>
      </c>
    </row>
    <row r="56" spans="1:4" ht="18" customHeight="1" x14ac:dyDescent="0.2">
      <c r="A56" s="14">
        <v>42</v>
      </c>
      <c r="B56" s="15">
        <v>12</v>
      </c>
      <c r="C56" s="16">
        <v>10</v>
      </c>
      <c r="D56" s="17">
        <v>22</v>
      </c>
    </row>
    <row r="57" spans="1:4" ht="18" customHeight="1" x14ac:dyDescent="0.2">
      <c r="A57" s="14">
        <v>43</v>
      </c>
      <c r="B57" s="15">
        <v>8</v>
      </c>
      <c r="C57" s="16">
        <v>11</v>
      </c>
      <c r="D57" s="17">
        <v>19</v>
      </c>
    </row>
    <row r="58" spans="1:4" ht="18" customHeight="1" x14ac:dyDescent="0.2">
      <c r="A58" s="14">
        <v>44</v>
      </c>
      <c r="B58" s="15">
        <v>15</v>
      </c>
      <c r="C58" s="16">
        <v>15</v>
      </c>
      <c r="D58" s="17">
        <v>30</v>
      </c>
    </row>
    <row r="59" spans="1:4" ht="18" customHeight="1" x14ac:dyDescent="0.2">
      <c r="A59" s="18" t="s">
        <v>75</v>
      </c>
      <c r="B59" s="15">
        <v>60</v>
      </c>
      <c r="C59" s="16">
        <v>51</v>
      </c>
      <c r="D59" s="17">
        <v>111</v>
      </c>
    </row>
    <row r="60" spans="1:4" ht="18" customHeight="1" x14ac:dyDescent="0.2">
      <c r="A60" s="14">
        <v>45</v>
      </c>
      <c r="B60" s="15">
        <v>6</v>
      </c>
      <c r="C60" s="16">
        <v>15</v>
      </c>
      <c r="D60" s="17">
        <v>21</v>
      </c>
    </row>
    <row r="61" spans="1:4" ht="18" customHeight="1" x14ac:dyDescent="0.2">
      <c r="A61" s="14">
        <v>46</v>
      </c>
      <c r="B61" s="15">
        <v>8</v>
      </c>
      <c r="C61" s="16">
        <v>9</v>
      </c>
      <c r="D61" s="17">
        <v>17</v>
      </c>
    </row>
    <row r="62" spans="1:4" ht="18" customHeight="1" x14ac:dyDescent="0.2">
      <c r="A62" s="14">
        <v>47</v>
      </c>
      <c r="B62" s="15">
        <v>7</v>
      </c>
      <c r="C62" s="16">
        <v>14</v>
      </c>
      <c r="D62" s="17">
        <v>21</v>
      </c>
    </row>
    <row r="63" spans="1:4" ht="18" customHeight="1" x14ac:dyDescent="0.2">
      <c r="A63" s="14">
        <v>48</v>
      </c>
      <c r="B63" s="15">
        <v>17</v>
      </c>
      <c r="C63" s="16">
        <v>10</v>
      </c>
      <c r="D63" s="17">
        <v>27</v>
      </c>
    </row>
    <row r="64" spans="1:4" ht="18" customHeight="1" x14ac:dyDescent="0.2">
      <c r="A64" s="14">
        <v>49</v>
      </c>
      <c r="B64" s="15">
        <v>13</v>
      </c>
      <c r="C64" s="16">
        <v>16</v>
      </c>
      <c r="D64" s="17">
        <v>29</v>
      </c>
    </row>
    <row r="65" spans="1:4" ht="18" customHeight="1" x14ac:dyDescent="0.2">
      <c r="A65" s="18" t="s">
        <v>76</v>
      </c>
      <c r="B65" s="15">
        <v>51</v>
      </c>
      <c r="C65" s="16">
        <v>64</v>
      </c>
      <c r="D65" s="17">
        <v>115</v>
      </c>
    </row>
    <row r="66" spans="1:4" ht="18" customHeight="1" x14ac:dyDescent="0.2">
      <c r="A66" s="14">
        <v>50</v>
      </c>
      <c r="B66" s="15">
        <v>18</v>
      </c>
      <c r="C66" s="16">
        <v>10</v>
      </c>
      <c r="D66" s="17">
        <v>28</v>
      </c>
    </row>
    <row r="67" spans="1:4" ht="18" customHeight="1" x14ac:dyDescent="0.2">
      <c r="A67" s="14">
        <v>51</v>
      </c>
      <c r="B67" s="15">
        <v>12</v>
      </c>
      <c r="C67" s="16">
        <v>16</v>
      </c>
      <c r="D67" s="17">
        <v>28</v>
      </c>
    </row>
    <row r="68" spans="1:4" ht="18" customHeight="1" x14ac:dyDescent="0.2">
      <c r="A68" s="14">
        <v>52</v>
      </c>
      <c r="B68" s="15">
        <v>13</v>
      </c>
      <c r="C68" s="16">
        <v>13</v>
      </c>
      <c r="D68" s="17">
        <v>26</v>
      </c>
    </row>
    <row r="69" spans="1:4" ht="18" customHeight="1" x14ac:dyDescent="0.2">
      <c r="A69" s="14">
        <v>53</v>
      </c>
      <c r="B69" s="15">
        <v>15</v>
      </c>
      <c r="C69" s="16">
        <v>11</v>
      </c>
      <c r="D69" s="17">
        <v>26</v>
      </c>
    </row>
    <row r="70" spans="1:4" ht="18" customHeight="1" x14ac:dyDescent="0.2">
      <c r="A70" s="14">
        <v>54</v>
      </c>
      <c r="B70" s="15">
        <v>16</v>
      </c>
      <c r="C70" s="16">
        <v>15</v>
      </c>
      <c r="D70" s="17">
        <v>31</v>
      </c>
    </row>
    <row r="71" spans="1:4" ht="18" customHeight="1" x14ac:dyDescent="0.2">
      <c r="A71" s="18" t="s">
        <v>77</v>
      </c>
      <c r="B71" s="15">
        <v>74</v>
      </c>
      <c r="C71" s="16">
        <v>65</v>
      </c>
      <c r="D71" s="17">
        <v>139</v>
      </c>
    </row>
    <row r="72" spans="1:4" ht="18" customHeight="1" x14ac:dyDescent="0.2">
      <c r="A72" s="14">
        <v>55</v>
      </c>
      <c r="B72" s="15">
        <v>10</v>
      </c>
      <c r="C72" s="16">
        <v>13</v>
      </c>
      <c r="D72" s="17">
        <v>23</v>
      </c>
    </row>
    <row r="73" spans="1:4" ht="18" customHeight="1" x14ac:dyDescent="0.2">
      <c r="A73" s="14">
        <v>56</v>
      </c>
      <c r="B73" s="15">
        <v>16</v>
      </c>
      <c r="C73" s="16">
        <v>19</v>
      </c>
      <c r="D73" s="17">
        <v>35</v>
      </c>
    </row>
    <row r="74" spans="1:4" ht="18" customHeight="1" x14ac:dyDescent="0.2">
      <c r="A74" s="14">
        <v>57</v>
      </c>
      <c r="B74" s="15">
        <v>18</v>
      </c>
      <c r="C74" s="16">
        <v>24</v>
      </c>
      <c r="D74" s="17">
        <v>42</v>
      </c>
    </row>
    <row r="75" spans="1:4" ht="18" customHeight="1" x14ac:dyDescent="0.2">
      <c r="A75" s="14">
        <v>58</v>
      </c>
      <c r="B75" s="15">
        <v>26</v>
      </c>
      <c r="C75" s="16">
        <v>16</v>
      </c>
      <c r="D75" s="17">
        <v>42</v>
      </c>
    </row>
    <row r="76" spans="1:4" ht="18" customHeight="1" x14ac:dyDescent="0.2">
      <c r="A76" s="14">
        <v>59</v>
      </c>
      <c r="B76" s="15">
        <v>20</v>
      </c>
      <c r="C76" s="16">
        <v>26</v>
      </c>
      <c r="D76" s="17">
        <v>46</v>
      </c>
    </row>
    <row r="77" spans="1:4" ht="18" customHeight="1" x14ac:dyDescent="0.2">
      <c r="A77" s="18" t="s">
        <v>78</v>
      </c>
      <c r="B77" s="15">
        <v>90</v>
      </c>
      <c r="C77" s="16">
        <v>98</v>
      </c>
      <c r="D77" s="17">
        <v>188</v>
      </c>
    </row>
    <row r="78" spans="1:4" ht="18" customHeight="1" x14ac:dyDescent="0.2">
      <c r="A78" s="14">
        <v>60</v>
      </c>
      <c r="B78" s="15">
        <v>28</v>
      </c>
      <c r="C78" s="16">
        <v>29</v>
      </c>
      <c r="D78" s="17">
        <v>57</v>
      </c>
    </row>
    <row r="79" spans="1:4" ht="18" customHeight="1" x14ac:dyDescent="0.2">
      <c r="A79" s="14">
        <v>61</v>
      </c>
      <c r="B79" s="15">
        <v>24</v>
      </c>
      <c r="C79" s="16">
        <v>30</v>
      </c>
      <c r="D79" s="17">
        <v>54</v>
      </c>
    </row>
    <row r="80" spans="1:4" ht="18" customHeight="1" x14ac:dyDescent="0.2">
      <c r="A80" s="14">
        <v>62</v>
      </c>
      <c r="B80" s="15">
        <v>37</v>
      </c>
      <c r="C80" s="16">
        <v>38</v>
      </c>
      <c r="D80" s="17">
        <v>75</v>
      </c>
    </row>
    <row r="81" spans="1:4" ht="18" customHeight="1" x14ac:dyDescent="0.2">
      <c r="A81" s="14">
        <v>63</v>
      </c>
      <c r="B81" s="15">
        <v>17</v>
      </c>
      <c r="C81" s="16">
        <v>19</v>
      </c>
      <c r="D81" s="17">
        <v>36</v>
      </c>
    </row>
    <row r="82" spans="1:4" ht="18" customHeight="1" x14ac:dyDescent="0.2">
      <c r="A82" s="14">
        <v>64</v>
      </c>
      <c r="B82" s="15">
        <v>14</v>
      </c>
      <c r="C82" s="16">
        <v>22</v>
      </c>
      <c r="D82" s="17">
        <v>36</v>
      </c>
    </row>
    <row r="83" spans="1:4" ht="18" customHeight="1" x14ac:dyDescent="0.2">
      <c r="A83" s="18" t="s">
        <v>79</v>
      </c>
      <c r="B83" s="15">
        <v>120</v>
      </c>
      <c r="C83" s="16">
        <v>138</v>
      </c>
      <c r="D83" s="17">
        <v>258</v>
      </c>
    </row>
    <row r="84" spans="1:4" ht="18" customHeight="1" x14ac:dyDescent="0.2">
      <c r="A84" s="18" t="s">
        <v>80</v>
      </c>
      <c r="B84" s="15">
        <v>676</v>
      </c>
      <c r="C84" s="16">
        <v>690</v>
      </c>
      <c r="D84" s="17">
        <v>1366</v>
      </c>
    </row>
    <row r="85" spans="1:4" ht="18" customHeight="1" x14ac:dyDescent="0.2">
      <c r="A85" s="14">
        <v>65</v>
      </c>
      <c r="B85" s="15">
        <v>25</v>
      </c>
      <c r="C85" s="16">
        <v>14</v>
      </c>
      <c r="D85" s="17">
        <v>39</v>
      </c>
    </row>
    <row r="86" spans="1:4" ht="18" customHeight="1" x14ac:dyDescent="0.2">
      <c r="A86" s="14">
        <v>66</v>
      </c>
      <c r="B86" s="15">
        <v>21</v>
      </c>
      <c r="C86" s="16">
        <v>15</v>
      </c>
      <c r="D86" s="17">
        <v>36</v>
      </c>
    </row>
    <row r="87" spans="1:4" ht="18" customHeight="1" x14ac:dyDescent="0.2">
      <c r="A87" s="14">
        <v>67</v>
      </c>
      <c r="B87" s="15">
        <v>24</v>
      </c>
      <c r="C87" s="16">
        <v>15</v>
      </c>
      <c r="D87" s="17">
        <v>39</v>
      </c>
    </row>
    <row r="88" spans="1:4" ht="18" customHeight="1" x14ac:dyDescent="0.2">
      <c r="A88" s="14">
        <v>68</v>
      </c>
      <c r="B88" s="15">
        <v>14</v>
      </c>
      <c r="C88" s="16">
        <v>19</v>
      </c>
      <c r="D88" s="17">
        <v>33</v>
      </c>
    </row>
    <row r="89" spans="1:4" ht="18" customHeight="1" x14ac:dyDescent="0.2">
      <c r="A89" s="14">
        <v>69</v>
      </c>
      <c r="B89" s="15">
        <v>14</v>
      </c>
      <c r="C89" s="16">
        <v>21</v>
      </c>
      <c r="D89" s="17">
        <v>35</v>
      </c>
    </row>
    <row r="90" spans="1:4" ht="18" customHeight="1" x14ac:dyDescent="0.2">
      <c r="A90" s="18" t="s">
        <v>81</v>
      </c>
      <c r="B90" s="15">
        <v>98</v>
      </c>
      <c r="C90" s="16">
        <v>84</v>
      </c>
      <c r="D90" s="17">
        <v>182</v>
      </c>
    </row>
    <row r="91" spans="1:4" ht="18" customHeight="1" x14ac:dyDescent="0.2">
      <c r="A91" s="14">
        <v>70</v>
      </c>
      <c r="B91" s="15">
        <v>13</v>
      </c>
      <c r="C91" s="16">
        <v>13</v>
      </c>
      <c r="D91" s="17">
        <v>26</v>
      </c>
    </row>
    <row r="92" spans="1:4" ht="18" customHeight="1" x14ac:dyDescent="0.2">
      <c r="A92" s="14">
        <v>71</v>
      </c>
      <c r="B92" s="15">
        <v>13</v>
      </c>
      <c r="C92" s="16">
        <v>13</v>
      </c>
      <c r="D92" s="17">
        <v>26</v>
      </c>
    </row>
    <row r="93" spans="1:4" ht="18" customHeight="1" x14ac:dyDescent="0.2">
      <c r="A93" s="14">
        <v>72</v>
      </c>
      <c r="B93" s="15">
        <v>17</v>
      </c>
      <c r="C93" s="16">
        <v>16</v>
      </c>
      <c r="D93" s="17">
        <v>33</v>
      </c>
    </row>
    <row r="94" spans="1:4" ht="18" customHeight="1" x14ac:dyDescent="0.2">
      <c r="A94" s="14">
        <v>73</v>
      </c>
      <c r="B94" s="15">
        <v>13</v>
      </c>
      <c r="C94" s="16">
        <v>23</v>
      </c>
      <c r="D94" s="17">
        <v>36</v>
      </c>
    </row>
    <row r="95" spans="1:4" ht="18" customHeight="1" x14ac:dyDescent="0.2">
      <c r="A95" s="14">
        <v>74</v>
      </c>
      <c r="B95" s="15">
        <v>12</v>
      </c>
      <c r="C95" s="16">
        <v>14</v>
      </c>
      <c r="D95" s="17">
        <v>26</v>
      </c>
    </row>
    <row r="96" spans="1:4" ht="18" customHeight="1" x14ac:dyDescent="0.2">
      <c r="A96" s="18" t="s">
        <v>82</v>
      </c>
      <c r="B96" s="15">
        <v>68</v>
      </c>
      <c r="C96" s="16">
        <v>79</v>
      </c>
      <c r="D96" s="17">
        <v>147</v>
      </c>
    </row>
    <row r="97" spans="1:4" ht="18" customHeight="1" x14ac:dyDescent="0.2">
      <c r="A97" s="14">
        <v>75</v>
      </c>
      <c r="B97" s="15">
        <v>12</v>
      </c>
      <c r="C97" s="16">
        <v>12</v>
      </c>
      <c r="D97" s="17">
        <v>24</v>
      </c>
    </row>
    <row r="98" spans="1:4" ht="18" customHeight="1" x14ac:dyDescent="0.2">
      <c r="A98" s="14">
        <v>76</v>
      </c>
      <c r="B98" s="15">
        <v>8</v>
      </c>
      <c r="C98" s="16">
        <v>14</v>
      </c>
      <c r="D98" s="17">
        <v>22</v>
      </c>
    </row>
    <row r="99" spans="1:4" ht="18" customHeight="1" x14ac:dyDescent="0.2">
      <c r="A99" s="14">
        <v>77</v>
      </c>
      <c r="B99" s="15">
        <v>11</v>
      </c>
      <c r="C99" s="16">
        <v>15</v>
      </c>
      <c r="D99" s="17">
        <v>26</v>
      </c>
    </row>
    <row r="100" spans="1:4" ht="18" customHeight="1" x14ac:dyDescent="0.2">
      <c r="A100" s="14">
        <v>78</v>
      </c>
      <c r="B100" s="15">
        <v>13</v>
      </c>
      <c r="C100" s="16">
        <v>16</v>
      </c>
      <c r="D100" s="17">
        <v>29</v>
      </c>
    </row>
    <row r="101" spans="1:4" ht="18" customHeight="1" x14ac:dyDescent="0.2">
      <c r="A101" s="14">
        <v>79</v>
      </c>
      <c r="B101" s="15">
        <v>3</v>
      </c>
      <c r="C101" s="16">
        <v>5</v>
      </c>
      <c r="D101" s="17">
        <v>8</v>
      </c>
    </row>
    <row r="102" spans="1:4" ht="18" customHeight="1" x14ac:dyDescent="0.2">
      <c r="A102" s="18" t="s">
        <v>83</v>
      </c>
      <c r="B102" s="15">
        <v>47</v>
      </c>
      <c r="C102" s="16">
        <v>62</v>
      </c>
      <c r="D102" s="17">
        <v>109</v>
      </c>
    </row>
    <row r="103" spans="1:4" ht="18" customHeight="1" x14ac:dyDescent="0.2">
      <c r="A103" s="14">
        <v>80</v>
      </c>
      <c r="B103" s="15">
        <v>10</v>
      </c>
      <c r="C103" s="16">
        <v>12</v>
      </c>
      <c r="D103" s="17">
        <v>22</v>
      </c>
    </row>
    <row r="104" spans="1:4" ht="18" customHeight="1" x14ac:dyDescent="0.2">
      <c r="A104" s="14">
        <v>81</v>
      </c>
      <c r="B104" s="15">
        <v>9</v>
      </c>
      <c r="C104" s="16">
        <v>10</v>
      </c>
      <c r="D104" s="17">
        <v>19</v>
      </c>
    </row>
    <row r="105" spans="1:4" ht="18" customHeight="1" x14ac:dyDescent="0.2">
      <c r="A105" s="14">
        <v>82</v>
      </c>
      <c r="B105" s="15">
        <v>4</v>
      </c>
      <c r="C105" s="16">
        <v>14</v>
      </c>
      <c r="D105" s="17">
        <v>18</v>
      </c>
    </row>
    <row r="106" spans="1:4" ht="18" customHeight="1" x14ac:dyDescent="0.2">
      <c r="A106" s="14">
        <v>83</v>
      </c>
      <c r="B106" s="15">
        <v>6</v>
      </c>
      <c r="C106" s="16">
        <v>13</v>
      </c>
      <c r="D106" s="17">
        <v>19</v>
      </c>
    </row>
    <row r="107" spans="1:4" ht="18" customHeight="1" x14ac:dyDescent="0.2">
      <c r="A107" s="14">
        <v>84</v>
      </c>
      <c r="B107" s="15">
        <v>6</v>
      </c>
      <c r="C107" s="16">
        <v>12</v>
      </c>
      <c r="D107" s="17">
        <v>18</v>
      </c>
    </row>
    <row r="108" spans="1:4" ht="18" customHeight="1" x14ac:dyDescent="0.2">
      <c r="A108" s="18" t="s">
        <v>84</v>
      </c>
      <c r="B108" s="15">
        <v>35</v>
      </c>
      <c r="C108" s="16">
        <v>61</v>
      </c>
      <c r="D108" s="17">
        <v>96</v>
      </c>
    </row>
    <row r="109" spans="1:4" ht="18" customHeight="1" x14ac:dyDescent="0.2">
      <c r="A109" s="14">
        <v>85</v>
      </c>
      <c r="B109" s="15">
        <v>6</v>
      </c>
      <c r="C109" s="16">
        <v>9</v>
      </c>
      <c r="D109" s="17">
        <v>15</v>
      </c>
    </row>
    <row r="110" spans="1:4" ht="18" customHeight="1" x14ac:dyDescent="0.2">
      <c r="A110" s="14">
        <v>86</v>
      </c>
      <c r="B110" s="15">
        <v>3</v>
      </c>
      <c r="C110" s="16">
        <v>3</v>
      </c>
      <c r="D110" s="17">
        <v>6</v>
      </c>
    </row>
    <row r="111" spans="1:4" ht="18" customHeight="1" x14ac:dyDescent="0.2">
      <c r="A111" s="14">
        <v>87</v>
      </c>
      <c r="B111" s="15">
        <v>2</v>
      </c>
      <c r="C111" s="16">
        <v>11</v>
      </c>
      <c r="D111" s="17">
        <v>13</v>
      </c>
    </row>
    <row r="112" spans="1:4" ht="18" customHeight="1" x14ac:dyDescent="0.2">
      <c r="A112" s="14">
        <v>88</v>
      </c>
      <c r="B112" s="15">
        <v>3</v>
      </c>
      <c r="C112" s="16">
        <v>8</v>
      </c>
      <c r="D112" s="17">
        <v>11</v>
      </c>
    </row>
    <row r="113" spans="1:4" ht="18" customHeight="1" x14ac:dyDescent="0.2">
      <c r="A113" s="14">
        <v>89</v>
      </c>
      <c r="B113" s="15">
        <v>2</v>
      </c>
      <c r="C113" s="16">
        <v>8</v>
      </c>
      <c r="D113" s="17">
        <v>10</v>
      </c>
    </row>
    <row r="114" spans="1:4" ht="18" customHeight="1" x14ac:dyDescent="0.2">
      <c r="A114" s="18" t="s">
        <v>85</v>
      </c>
      <c r="B114" s="15">
        <v>16</v>
      </c>
      <c r="C114" s="16">
        <v>39</v>
      </c>
      <c r="D114" s="17">
        <v>55</v>
      </c>
    </row>
    <row r="115" spans="1:4" ht="18" customHeight="1" x14ac:dyDescent="0.2">
      <c r="A115" s="14">
        <v>90</v>
      </c>
      <c r="B115" s="15">
        <v>2</v>
      </c>
      <c r="C115" s="16">
        <v>6</v>
      </c>
      <c r="D115" s="17">
        <v>8</v>
      </c>
    </row>
    <row r="116" spans="1:4" ht="18" customHeight="1" x14ac:dyDescent="0.2">
      <c r="A116" s="14">
        <v>91</v>
      </c>
      <c r="B116" s="15">
        <v>1</v>
      </c>
      <c r="C116" s="16">
        <v>1</v>
      </c>
      <c r="D116" s="17">
        <v>2</v>
      </c>
    </row>
    <row r="117" spans="1:4" ht="18" customHeight="1" x14ac:dyDescent="0.2">
      <c r="A117" s="14">
        <v>92</v>
      </c>
      <c r="B117" s="15">
        <v>0</v>
      </c>
      <c r="C117" s="16">
        <v>2</v>
      </c>
      <c r="D117" s="17">
        <v>2</v>
      </c>
    </row>
    <row r="118" spans="1:4" ht="18" customHeight="1" x14ac:dyDescent="0.2">
      <c r="A118" s="14">
        <v>93</v>
      </c>
      <c r="B118" s="15">
        <v>1</v>
      </c>
      <c r="C118" s="16">
        <v>3</v>
      </c>
      <c r="D118" s="17">
        <v>4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86</v>
      </c>
      <c r="B120" s="15">
        <v>4</v>
      </c>
      <c r="C120" s="16">
        <v>14</v>
      </c>
      <c r="D120" s="17">
        <v>18</v>
      </c>
    </row>
    <row r="121" spans="1:4" ht="18" customHeight="1" x14ac:dyDescent="0.2">
      <c r="A121" s="14">
        <v>95</v>
      </c>
      <c r="B121" s="15">
        <v>2</v>
      </c>
      <c r="C121" s="16">
        <v>4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4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270</v>
      </c>
      <c r="C130" s="5">
        <v>344</v>
      </c>
      <c r="D130" s="6">
        <v>614</v>
      </c>
    </row>
    <row r="131" spans="1:4" ht="18" customHeight="1" x14ac:dyDescent="0.2">
      <c r="A131" s="20" t="s">
        <v>65</v>
      </c>
      <c r="B131" s="7">
        <v>1044</v>
      </c>
      <c r="C131" s="8">
        <v>1114</v>
      </c>
      <c r="D131" s="9">
        <v>215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47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0</v>
      </c>
      <c r="C5" s="12">
        <v>17</v>
      </c>
      <c r="D5" s="13">
        <v>27</v>
      </c>
    </row>
    <row r="6" spans="1:4" ht="18" customHeight="1" x14ac:dyDescent="0.2">
      <c r="A6" s="14">
        <v>1</v>
      </c>
      <c r="B6" s="15">
        <v>24</v>
      </c>
      <c r="C6" s="16">
        <v>19</v>
      </c>
      <c r="D6" s="17">
        <v>43</v>
      </c>
    </row>
    <row r="7" spans="1:4" ht="18" customHeight="1" x14ac:dyDescent="0.2">
      <c r="A7" s="14">
        <v>2</v>
      </c>
      <c r="B7" s="15">
        <v>16</v>
      </c>
      <c r="C7" s="16">
        <v>9</v>
      </c>
      <c r="D7" s="17">
        <v>25</v>
      </c>
    </row>
    <row r="8" spans="1:4" ht="18" customHeight="1" x14ac:dyDescent="0.2">
      <c r="A8" s="14">
        <v>3</v>
      </c>
      <c r="B8" s="15">
        <v>16</v>
      </c>
      <c r="C8" s="16">
        <v>13</v>
      </c>
      <c r="D8" s="17">
        <v>29</v>
      </c>
    </row>
    <row r="9" spans="1:4" ht="18" customHeight="1" x14ac:dyDescent="0.2">
      <c r="A9" s="14">
        <v>4</v>
      </c>
      <c r="B9" s="15">
        <v>21</v>
      </c>
      <c r="C9" s="16">
        <v>15</v>
      </c>
      <c r="D9" s="17">
        <v>36</v>
      </c>
    </row>
    <row r="10" spans="1:4" ht="18" customHeight="1" x14ac:dyDescent="0.2">
      <c r="A10" s="18" t="s">
        <v>66</v>
      </c>
      <c r="B10" s="15">
        <v>87</v>
      </c>
      <c r="C10" s="16">
        <v>73</v>
      </c>
      <c r="D10" s="17">
        <v>160</v>
      </c>
    </row>
    <row r="11" spans="1:4" ht="18" customHeight="1" x14ac:dyDescent="0.2">
      <c r="A11" s="14">
        <v>5</v>
      </c>
      <c r="B11" s="15">
        <v>15</v>
      </c>
      <c r="C11" s="16">
        <v>17</v>
      </c>
      <c r="D11" s="17">
        <v>32</v>
      </c>
    </row>
    <row r="12" spans="1:4" ht="18" customHeight="1" x14ac:dyDescent="0.2">
      <c r="A12" s="14">
        <v>6</v>
      </c>
      <c r="B12" s="15">
        <v>15</v>
      </c>
      <c r="C12" s="16">
        <v>22</v>
      </c>
      <c r="D12" s="17">
        <v>37</v>
      </c>
    </row>
    <row r="13" spans="1:4" ht="18" customHeight="1" x14ac:dyDescent="0.2">
      <c r="A13" s="14">
        <v>7</v>
      </c>
      <c r="B13" s="15">
        <v>16</v>
      </c>
      <c r="C13" s="16">
        <v>17</v>
      </c>
      <c r="D13" s="17">
        <v>33</v>
      </c>
    </row>
    <row r="14" spans="1:4" ht="18" customHeight="1" x14ac:dyDescent="0.2">
      <c r="A14" s="14">
        <v>8</v>
      </c>
      <c r="B14" s="15">
        <v>14</v>
      </c>
      <c r="C14" s="16">
        <v>19</v>
      </c>
      <c r="D14" s="17">
        <v>33</v>
      </c>
    </row>
    <row r="15" spans="1:4" ht="18" customHeight="1" x14ac:dyDescent="0.2">
      <c r="A15" s="14">
        <v>9</v>
      </c>
      <c r="B15" s="15">
        <v>17</v>
      </c>
      <c r="C15" s="16">
        <v>12</v>
      </c>
      <c r="D15" s="17">
        <v>29</v>
      </c>
    </row>
    <row r="16" spans="1:4" ht="18" customHeight="1" x14ac:dyDescent="0.2">
      <c r="A16" s="18" t="s">
        <v>67</v>
      </c>
      <c r="B16" s="15">
        <v>77</v>
      </c>
      <c r="C16" s="16">
        <v>87</v>
      </c>
      <c r="D16" s="17">
        <v>164</v>
      </c>
    </row>
    <row r="17" spans="1:4" ht="18" customHeight="1" x14ac:dyDescent="0.2">
      <c r="A17" s="14">
        <v>10</v>
      </c>
      <c r="B17" s="15">
        <v>24</v>
      </c>
      <c r="C17" s="16">
        <v>21</v>
      </c>
      <c r="D17" s="17">
        <v>45</v>
      </c>
    </row>
    <row r="18" spans="1:4" ht="18" customHeight="1" x14ac:dyDescent="0.2">
      <c r="A18" s="14">
        <v>11</v>
      </c>
      <c r="B18" s="15">
        <v>16</v>
      </c>
      <c r="C18" s="16">
        <v>11</v>
      </c>
      <c r="D18" s="17">
        <v>27</v>
      </c>
    </row>
    <row r="19" spans="1:4" ht="18" customHeight="1" x14ac:dyDescent="0.2">
      <c r="A19" s="14">
        <v>12</v>
      </c>
      <c r="B19" s="15">
        <v>19</v>
      </c>
      <c r="C19" s="16">
        <v>11</v>
      </c>
      <c r="D19" s="17">
        <v>30</v>
      </c>
    </row>
    <row r="20" spans="1:4" ht="18" customHeight="1" x14ac:dyDescent="0.2">
      <c r="A20" s="14">
        <v>13</v>
      </c>
      <c r="B20" s="15">
        <v>17</v>
      </c>
      <c r="C20" s="16">
        <v>21</v>
      </c>
      <c r="D20" s="17">
        <v>38</v>
      </c>
    </row>
    <row r="21" spans="1:4" ht="18" customHeight="1" x14ac:dyDescent="0.2">
      <c r="A21" s="14">
        <v>14</v>
      </c>
      <c r="B21" s="15">
        <v>21</v>
      </c>
      <c r="C21" s="16">
        <v>10</v>
      </c>
      <c r="D21" s="17">
        <v>31</v>
      </c>
    </row>
    <row r="22" spans="1:4" ht="18" customHeight="1" x14ac:dyDescent="0.2">
      <c r="A22" s="18" t="s">
        <v>68</v>
      </c>
      <c r="B22" s="15">
        <v>97</v>
      </c>
      <c r="C22" s="16">
        <v>74</v>
      </c>
      <c r="D22" s="17">
        <v>171</v>
      </c>
    </row>
    <row r="23" spans="1:4" ht="18" customHeight="1" x14ac:dyDescent="0.2">
      <c r="A23" s="18" t="s">
        <v>69</v>
      </c>
      <c r="B23" s="15">
        <v>261</v>
      </c>
      <c r="C23" s="16">
        <v>234</v>
      </c>
      <c r="D23" s="17">
        <v>495</v>
      </c>
    </row>
    <row r="24" spans="1:4" ht="18" customHeight="1" x14ac:dyDescent="0.2">
      <c r="A24" s="14">
        <v>15</v>
      </c>
      <c r="B24" s="15">
        <v>15</v>
      </c>
      <c r="C24" s="16">
        <v>18</v>
      </c>
      <c r="D24" s="17">
        <v>33</v>
      </c>
    </row>
    <row r="25" spans="1:4" ht="18" customHeight="1" x14ac:dyDescent="0.2">
      <c r="A25" s="14">
        <v>16</v>
      </c>
      <c r="B25" s="15">
        <v>13</v>
      </c>
      <c r="C25" s="16">
        <v>17</v>
      </c>
      <c r="D25" s="17">
        <v>30</v>
      </c>
    </row>
    <row r="26" spans="1:4" ht="18" customHeight="1" x14ac:dyDescent="0.2">
      <c r="A26" s="14">
        <v>17</v>
      </c>
      <c r="B26" s="15">
        <v>19</v>
      </c>
      <c r="C26" s="16">
        <v>29</v>
      </c>
      <c r="D26" s="17">
        <v>48</v>
      </c>
    </row>
    <row r="27" spans="1:4" ht="18" customHeight="1" x14ac:dyDescent="0.2">
      <c r="A27" s="14">
        <v>18</v>
      </c>
      <c r="B27" s="15">
        <v>18</v>
      </c>
      <c r="C27" s="16">
        <v>23</v>
      </c>
      <c r="D27" s="17">
        <v>41</v>
      </c>
    </row>
    <row r="28" spans="1:4" ht="18" customHeight="1" x14ac:dyDescent="0.2">
      <c r="A28" s="14">
        <v>19</v>
      </c>
      <c r="B28" s="15">
        <v>15</v>
      </c>
      <c r="C28" s="16">
        <v>15</v>
      </c>
      <c r="D28" s="17">
        <v>30</v>
      </c>
    </row>
    <row r="29" spans="1:4" ht="18" customHeight="1" x14ac:dyDescent="0.2">
      <c r="A29" s="18" t="s">
        <v>70</v>
      </c>
      <c r="B29" s="15">
        <v>80</v>
      </c>
      <c r="C29" s="16">
        <v>102</v>
      </c>
      <c r="D29" s="17">
        <v>182</v>
      </c>
    </row>
    <row r="30" spans="1:4" ht="18" customHeight="1" x14ac:dyDescent="0.2">
      <c r="A30" s="14">
        <v>20</v>
      </c>
      <c r="B30" s="15">
        <v>24</v>
      </c>
      <c r="C30" s="16">
        <v>19</v>
      </c>
      <c r="D30" s="17">
        <v>43</v>
      </c>
    </row>
    <row r="31" spans="1:4" ht="18" customHeight="1" x14ac:dyDescent="0.2">
      <c r="A31" s="14">
        <v>21</v>
      </c>
      <c r="B31" s="15">
        <v>18</v>
      </c>
      <c r="C31" s="16">
        <v>27</v>
      </c>
      <c r="D31" s="17">
        <v>45</v>
      </c>
    </row>
    <row r="32" spans="1:4" ht="18" customHeight="1" x14ac:dyDescent="0.2">
      <c r="A32" s="14">
        <v>22</v>
      </c>
      <c r="B32" s="15">
        <v>19</v>
      </c>
      <c r="C32" s="16">
        <v>19</v>
      </c>
      <c r="D32" s="17">
        <v>38</v>
      </c>
    </row>
    <row r="33" spans="1:4" ht="18" customHeight="1" x14ac:dyDescent="0.2">
      <c r="A33" s="14">
        <v>23</v>
      </c>
      <c r="B33" s="15">
        <v>26</v>
      </c>
      <c r="C33" s="16">
        <v>26</v>
      </c>
      <c r="D33" s="17">
        <v>52</v>
      </c>
    </row>
    <row r="34" spans="1:4" ht="18" customHeight="1" x14ac:dyDescent="0.2">
      <c r="A34" s="14">
        <v>24</v>
      </c>
      <c r="B34" s="15">
        <v>31</v>
      </c>
      <c r="C34" s="16">
        <v>22</v>
      </c>
      <c r="D34" s="17">
        <v>53</v>
      </c>
    </row>
    <row r="35" spans="1:4" ht="18" customHeight="1" x14ac:dyDescent="0.2">
      <c r="A35" s="18" t="s">
        <v>71</v>
      </c>
      <c r="B35" s="15">
        <v>118</v>
      </c>
      <c r="C35" s="16">
        <v>113</v>
      </c>
      <c r="D35" s="17">
        <v>231</v>
      </c>
    </row>
    <row r="36" spans="1:4" ht="18" customHeight="1" x14ac:dyDescent="0.2">
      <c r="A36" s="14">
        <v>25</v>
      </c>
      <c r="B36" s="15">
        <v>18</v>
      </c>
      <c r="C36" s="16">
        <v>26</v>
      </c>
      <c r="D36" s="17">
        <v>44</v>
      </c>
    </row>
    <row r="37" spans="1:4" ht="18" customHeight="1" x14ac:dyDescent="0.2">
      <c r="A37" s="14">
        <v>26</v>
      </c>
      <c r="B37" s="15">
        <v>22</v>
      </c>
      <c r="C37" s="16">
        <v>22</v>
      </c>
      <c r="D37" s="17">
        <v>44</v>
      </c>
    </row>
    <row r="38" spans="1:4" ht="18" customHeight="1" x14ac:dyDescent="0.2">
      <c r="A38" s="14">
        <v>27</v>
      </c>
      <c r="B38" s="15">
        <v>18</v>
      </c>
      <c r="C38" s="16">
        <v>19</v>
      </c>
      <c r="D38" s="17">
        <v>37</v>
      </c>
    </row>
    <row r="39" spans="1:4" ht="18" customHeight="1" x14ac:dyDescent="0.2">
      <c r="A39" s="14">
        <v>28</v>
      </c>
      <c r="B39" s="15">
        <v>25</v>
      </c>
      <c r="C39" s="16">
        <v>19</v>
      </c>
      <c r="D39" s="17">
        <v>44</v>
      </c>
    </row>
    <row r="40" spans="1:4" ht="18" customHeight="1" x14ac:dyDescent="0.2">
      <c r="A40" s="14">
        <v>29</v>
      </c>
      <c r="B40" s="15">
        <v>33</v>
      </c>
      <c r="C40" s="16">
        <v>18</v>
      </c>
      <c r="D40" s="17">
        <v>51</v>
      </c>
    </row>
    <row r="41" spans="1:4" ht="18" customHeight="1" x14ac:dyDescent="0.2">
      <c r="A41" s="18" t="s">
        <v>72</v>
      </c>
      <c r="B41" s="15">
        <v>116</v>
      </c>
      <c r="C41" s="16">
        <v>104</v>
      </c>
      <c r="D41" s="17">
        <v>220</v>
      </c>
    </row>
    <row r="42" spans="1:4" ht="18" customHeight="1" x14ac:dyDescent="0.2">
      <c r="A42" s="14">
        <v>30</v>
      </c>
      <c r="B42" s="15">
        <v>19</v>
      </c>
      <c r="C42" s="16">
        <v>13</v>
      </c>
      <c r="D42" s="17">
        <v>32</v>
      </c>
    </row>
    <row r="43" spans="1:4" ht="18" customHeight="1" x14ac:dyDescent="0.2">
      <c r="A43" s="14">
        <v>31</v>
      </c>
      <c r="B43" s="15">
        <v>30</v>
      </c>
      <c r="C43" s="16">
        <v>27</v>
      </c>
      <c r="D43" s="17">
        <v>57</v>
      </c>
    </row>
    <row r="44" spans="1:4" ht="18" customHeight="1" x14ac:dyDescent="0.2">
      <c r="A44" s="14">
        <v>32</v>
      </c>
      <c r="B44" s="15">
        <v>32</v>
      </c>
      <c r="C44" s="16">
        <v>24</v>
      </c>
      <c r="D44" s="17">
        <v>56</v>
      </c>
    </row>
    <row r="45" spans="1:4" ht="18" customHeight="1" x14ac:dyDescent="0.2">
      <c r="A45" s="14">
        <v>33</v>
      </c>
      <c r="B45" s="15">
        <v>35</v>
      </c>
      <c r="C45" s="16">
        <v>29</v>
      </c>
      <c r="D45" s="17">
        <v>64</v>
      </c>
    </row>
    <row r="46" spans="1:4" ht="18" customHeight="1" x14ac:dyDescent="0.2">
      <c r="A46" s="14">
        <v>34</v>
      </c>
      <c r="B46" s="15">
        <v>42</v>
      </c>
      <c r="C46" s="16">
        <v>17</v>
      </c>
      <c r="D46" s="17">
        <v>59</v>
      </c>
    </row>
    <row r="47" spans="1:4" ht="18" customHeight="1" x14ac:dyDescent="0.2">
      <c r="A47" s="18" t="s">
        <v>73</v>
      </c>
      <c r="B47" s="15">
        <v>158</v>
      </c>
      <c r="C47" s="16">
        <v>110</v>
      </c>
      <c r="D47" s="17">
        <v>268</v>
      </c>
    </row>
    <row r="48" spans="1:4" ht="18" customHeight="1" x14ac:dyDescent="0.2">
      <c r="A48" s="14">
        <v>35</v>
      </c>
      <c r="B48" s="15">
        <v>36</v>
      </c>
      <c r="C48" s="16">
        <v>30</v>
      </c>
      <c r="D48" s="17">
        <v>66</v>
      </c>
    </row>
    <row r="49" spans="1:4" ht="18" customHeight="1" x14ac:dyDescent="0.2">
      <c r="A49" s="14">
        <v>36</v>
      </c>
      <c r="B49" s="15">
        <v>43</v>
      </c>
      <c r="C49" s="16">
        <v>32</v>
      </c>
      <c r="D49" s="17">
        <v>75</v>
      </c>
    </row>
    <row r="50" spans="1:4" ht="18" customHeight="1" x14ac:dyDescent="0.2">
      <c r="A50" s="14">
        <v>37</v>
      </c>
      <c r="B50" s="15">
        <v>18</v>
      </c>
      <c r="C50" s="16">
        <v>16</v>
      </c>
      <c r="D50" s="17">
        <v>34</v>
      </c>
    </row>
    <row r="51" spans="1:4" ht="18" customHeight="1" x14ac:dyDescent="0.2">
      <c r="A51" s="14">
        <v>38</v>
      </c>
      <c r="B51" s="15">
        <v>30</v>
      </c>
      <c r="C51" s="16">
        <v>27</v>
      </c>
      <c r="D51" s="17">
        <v>57</v>
      </c>
    </row>
    <row r="52" spans="1:4" ht="18" customHeight="1" x14ac:dyDescent="0.2">
      <c r="A52" s="14">
        <v>39</v>
      </c>
      <c r="B52" s="15">
        <v>32</v>
      </c>
      <c r="C52" s="16">
        <v>21</v>
      </c>
      <c r="D52" s="17">
        <v>53</v>
      </c>
    </row>
    <row r="53" spans="1:4" ht="18" customHeight="1" x14ac:dyDescent="0.2">
      <c r="A53" s="18" t="s">
        <v>74</v>
      </c>
      <c r="B53" s="15">
        <v>159</v>
      </c>
      <c r="C53" s="16">
        <v>126</v>
      </c>
      <c r="D53" s="17">
        <v>285</v>
      </c>
    </row>
    <row r="54" spans="1:4" ht="18" customHeight="1" x14ac:dyDescent="0.2">
      <c r="A54" s="14">
        <v>40</v>
      </c>
      <c r="B54" s="15">
        <v>25</v>
      </c>
      <c r="C54" s="16">
        <v>16</v>
      </c>
      <c r="D54" s="17">
        <v>41</v>
      </c>
    </row>
    <row r="55" spans="1:4" ht="18" customHeight="1" x14ac:dyDescent="0.2">
      <c r="A55" s="14">
        <v>41</v>
      </c>
      <c r="B55" s="15">
        <v>16</v>
      </c>
      <c r="C55" s="16">
        <v>24</v>
      </c>
      <c r="D55" s="17">
        <v>40</v>
      </c>
    </row>
    <row r="56" spans="1:4" ht="18" customHeight="1" x14ac:dyDescent="0.2">
      <c r="A56" s="14">
        <v>42</v>
      </c>
      <c r="B56" s="15">
        <v>27</v>
      </c>
      <c r="C56" s="16">
        <v>21</v>
      </c>
      <c r="D56" s="17">
        <v>48</v>
      </c>
    </row>
    <row r="57" spans="1:4" ht="18" customHeight="1" x14ac:dyDescent="0.2">
      <c r="A57" s="14">
        <v>43</v>
      </c>
      <c r="B57" s="15">
        <v>9</v>
      </c>
      <c r="C57" s="16">
        <v>16</v>
      </c>
      <c r="D57" s="17">
        <v>25</v>
      </c>
    </row>
    <row r="58" spans="1:4" ht="18" customHeight="1" x14ac:dyDescent="0.2">
      <c r="A58" s="14">
        <v>44</v>
      </c>
      <c r="B58" s="15">
        <v>30</v>
      </c>
      <c r="C58" s="16">
        <v>29</v>
      </c>
      <c r="D58" s="17">
        <v>59</v>
      </c>
    </row>
    <row r="59" spans="1:4" ht="18" customHeight="1" x14ac:dyDescent="0.2">
      <c r="A59" s="18" t="s">
        <v>75</v>
      </c>
      <c r="B59" s="15">
        <v>107</v>
      </c>
      <c r="C59" s="16">
        <v>106</v>
      </c>
      <c r="D59" s="17">
        <v>213</v>
      </c>
    </row>
    <row r="60" spans="1:4" ht="18" customHeight="1" x14ac:dyDescent="0.2">
      <c r="A60" s="14">
        <v>45</v>
      </c>
      <c r="B60" s="15">
        <v>24</v>
      </c>
      <c r="C60" s="16">
        <v>19</v>
      </c>
      <c r="D60" s="17">
        <v>43</v>
      </c>
    </row>
    <row r="61" spans="1:4" ht="18" customHeight="1" x14ac:dyDescent="0.2">
      <c r="A61" s="14">
        <v>46</v>
      </c>
      <c r="B61" s="15">
        <v>24</v>
      </c>
      <c r="C61" s="16">
        <v>20</v>
      </c>
      <c r="D61" s="17">
        <v>44</v>
      </c>
    </row>
    <row r="62" spans="1:4" ht="18" customHeight="1" x14ac:dyDescent="0.2">
      <c r="A62" s="14">
        <v>47</v>
      </c>
      <c r="B62" s="15">
        <v>24</v>
      </c>
      <c r="C62" s="16">
        <v>27</v>
      </c>
      <c r="D62" s="17">
        <v>51</v>
      </c>
    </row>
    <row r="63" spans="1:4" ht="18" customHeight="1" x14ac:dyDescent="0.2">
      <c r="A63" s="14">
        <v>48</v>
      </c>
      <c r="B63" s="15">
        <v>23</v>
      </c>
      <c r="C63" s="16">
        <v>21</v>
      </c>
      <c r="D63" s="17">
        <v>44</v>
      </c>
    </row>
    <row r="64" spans="1:4" ht="18" customHeight="1" x14ac:dyDescent="0.2">
      <c r="A64" s="14">
        <v>49</v>
      </c>
      <c r="B64" s="15">
        <v>23</v>
      </c>
      <c r="C64" s="16">
        <v>22</v>
      </c>
      <c r="D64" s="17">
        <v>45</v>
      </c>
    </row>
    <row r="65" spans="1:4" ht="18" customHeight="1" x14ac:dyDescent="0.2">
      <c r="A65" s="18" t="s">
        <v>76</v>
      </c>
      <c r="B65" s="15">
        <v>118</v>
      </c>
      <c r="C65" s="16">
        <v>109</v>
      </c>
      <c r="D65" s="17">
        <v>227</v>
      </c>
    </row>
    <row r="66" spans="1:4" ht="18" customHeight="1" x14ac:dyDescent="0.2">
      <c r="A66" s="14">
        <v>50</v>
      </c>
      <c r="B66" s="15">
        <v>28</v>
      </c>
      <c r="C66" s="16">
        <v>32</v>
      </c>
      <c r="D66" s="17">
        <v>60</v>
      </c>
    </row>
    <row r="67" spans="1:4" ht="18" customHeight="1" x14ac:dyDescent="0.2">
      <c r="A67" s="14">
        <v>51</v>
      </c>
      <c r="B67" s="15">
        <v>21</v>
      </c>
      <c r="C67" s="16">
        <v>29</v>
      </c>
      <c r="D67" s="17">
        <v>50</v>
      </c>
    </row>
    <row r="68" spans="1:4" ht="18" customHeight="1" x14ac:dyDescent="0.2">
      <c r="A68" s="14">
        <v>52</v>
      </c>
      <c r="B68" s="15">
        <v>27</v>
      </c>
      <c r="C68" s="16">
        <v>31</v>
      </c>
      <c r="D68" s="17">
        <v>58</v>
      </c>
    </row>
    <row r="69" spans="1:4" ht="18" customHeight="1" x14ac:dyDescent="0.2">
      <c r="A69" s="14">
        <v>53</v>
      </c>
      <c r="B69" s="15">
        <v>29</v>
      </c>
      <c r="C69" s="16">
        <v>36</v>
      </c>
      <c r="D69" s="17">
        <v>65</v>
      </c>
    </row>
    <row r="70" spans="1:4" ht="18" customHeight="1" x14ac:dyDescent="0.2">
      <c r="A70" s="14">
        <v>54</v>
      </c>
      <c r="B70" s="15">
        <v>31</v>
      </c>
      <c r="C70" s="16">
        <v>32</v>
      </c>
      <c r="D70" s="17">
        <v>63</v>
      </c>
    </row>
    <row r="71" spans="1:4" ht="18" customHeight="1" x14ac:dyDescent="0.2">
      <c r="A71" s="18" t="s">
        <v>77</v>
      </c>
      <c r="B71" s="15">
        <v>136</v>
      </c>
      <c r="C71" s="16">
        <v>160</v>
      </c>
      <c r="D71" s="17">
        <v>296</v>
      </c>
    </row>
    <row r="72" spans="1:4" ht="18" customHeight="1" x14ac:dyDescent="0.2">
      <c r="A72" s="14">
        <v>55</v>
      </c>
      <c r="B72" s="15">
        <v>33</v>
      </c>
      <c r="C72" s="16">
        <v>27</v>
      </c>
      <c r="D72" s="17">
        <v>60</v>
      </c>
    </row>
    <row r="73" spans="1:4" ht="18" customHeight="1" x14ac:dyDescent="0.2">
      <c r="A73" s="14">
        <v>56</v>
      </c>
      <c r="B73" s="15">
        <v>31</v>
      </c>
      <c r="C73" s="16">
        <v>39</v>
      </c>
      <c r="D73" s="17">
        <v>70</v>
      </c>
    </row>
    <row r="74" spans="1:4" ht="18" customHeight="1" x14ac:dyDescent="0.2">
      <c r="A74" s="14">
        <v>57</v>
      </c>
      <c r="B74" s="15">
        <v>37</v>
      </c>
      <c r="C74" s="16">
        <v>32</v>
      </c>
      <c r="D74" s="17">
        <v>69</v>
      </c>
    </row>
    <row r="75" spans="1:4" ht="18" customHeight="1" x14ac:dyDescent="0.2">
      <c r="A75" s="14">
        <v>58</v>
      </c>
      <c r="B75" s="15">
        <v>39</v>
      </c>
      <c r="C75" s="16">
        <v>31</v>
      </c>
      <c r="D75" s="17">
        <v>70</v>
      </c>
    </row>
    <row r="76" spans="1:4" ht="18" customHeight="1" x14ac:dyDescent="0.2">
      <c r="A76" s="14">
        <v>59</v>
      </c>
      <c r="B76" s="15">
        <v>53</v>
      </c>
      <c r="C76" s="16">
        <v>46</v>
      </c>
      <c r="D76" s="17">
        <v>99</v>
      </c>
    </row>
    <row r="77" spans="1:4" ht="18" customHeight="1" x14ac:dyDescent="0.2">
      <c r="A77" s="18" t="s">
        <v>78</v>
      </c>
      <c r="B77" s="15">
        <v>193</v>
      </c>
      <c r="C77" s="16">
        <v>175</v>
      </c>
      <c r="D77" s="17">
        <v>368</v>
      </c>
    </row>
    <row r="78" spans="1:4" ht="18" customHeight="1" x14ac:dyDescent="0.2">
      <c r="A78" s="14">
        <v>60</v>
      </c>
      <c r="B78" s="15">
        <v>56</v>
      </c>
      <c r="C78" s="16">
        <v>65</v>
      </c>
      <c r="D78" s="17">
        <v>121</v>
      </c>
    </row>
    <row r="79" spans="1:4" ht="18" customHeight="1" x14ac:dyDescent="0.2">
      <c r="A79" s="14">
        <v>61</v>
      </c>
      <c r="B79" s="15">
        <v>57</v>
      </c>
      <c r="C79" s="16">
        <v>48</v>
      </c>
      <c r="D79" s="17">
        <v>105</v>
      </c>
    </row>
    <row r="80" spans="1:4" ht="18" customHeight="1" x14ac:dyDescent="0.2">
      <c r="A80" s="14">
        <v>62</v>
      </c>
      <c r="B80" s="15">
        <v>61</v>
      </c>
      <c r="C80" s="16">
        <v>64</v>
      </c>
      <c r="D80" s="17">
        <v>125</v>
      </c>
    </row>
    <row r="81" spans="1:4" ht="18" customHeight="1" x14ac:dyDescent="0.2">
      <c r="A81" s="14">
        <v>63</v>
      </c>
      <c r="B81" s="15">
        <v>30</v>
      </c>
      <c r="C81" s="16">
        <v>25</v>
      </c>
      <c r="D81" s="17">
        <v>55</v>
      </c>
    </row>
    <row r="82" spans="1:4" ht="18" customHeight="1" x14ac:dyDescent="0.2">
      <c r="A82" s="14">
        <v>64</v>
      </c>
      <c r="B82" s="15">
        <v>27</v>
      </c>
      <c r="C82" s="16">
        <v>21</v>
      </c>
      <c r="D82" s="17">
        <v>48</v>
      </c>
    </row>
    <row r="83" spans="1:4" ht="18" customHeight="1" x14ac:dyDescent="0.2">
      <c r="A83" s="18" t="s">
        <v>79</v>
      </c>
      <c r="B83" s="15">
        <v>231</v>
      </c>
      <c r="C83" s="16">
        <v>223</v>
      </c>
      <c r="D83" s="17">
        <v>454</v>
      </c>
    </row>
    <row r="84" spans="1:4" ht="18" customHeight="1" x14ac:dyDescent="0.2">
      <c r="A84" s="18" t="s">
        <v>80</v>
      </c>
      <c r="B84" s="15">
        <v>1416</v>
      </c>
      <c r="C84" s="16">
        <v>1328</v>
      </c>
      <c r="D84" s="17">
        <v>2744</v>
      </c>
    </row>
    <row r="85" spans="1:4" ht="18" customHeight="1" x14ac:dyDescent="0.2">
      <c r="A85" s="14">
        <v>65</v>
      </c>
      <c r="B85" s="15">
        <v>31</v>
      </c>
      <c r="C85" s="16">
        <v>26</v>
      </c>
      <c r="D85" s="17">
        <v>57</v>
      </c>
    </row>
    <row r="86" spans="1:4" ht="18" customHeight="1" x14ac:dyDescent="0.2">
      <c r="A86" s="14">
        <v>66</v>
      </c>
      <c r="B86" s="15">
        <v>28</v>
      </c>
      <c r="C86" s="16">
        <v>34</v>
      </c>
      <c r="D86" s="17">
        <v>62</v>
      </c>
    </row>
    <row r="87" spans="1:4" ht="18" customHeight="1" x14ac:dyDescent="0.2">
      <c r="A87" s="14">
        <v>67</v>
      </c>
      <c r="B87" s="15">
        <v>40</v>
      </c>
      <c r="C87" s="16">
        <v>42</v>
      </c>
      <c r="D87" s="17">
        <v>82</v>
      </c>
    </row>
    <row r="88" spans="1:4" ht="18" customHeight="1" x14ac:dyDescent="0.2">
      <c r="A88" s="14">
        <v>68</v>
      </c>
      <c r="B88" s="15">
        <v>28</v>
      </c>
      <c r="C88" s="16">
        <v>44</v>
      </c>
      <c r="D88" s="17">
        <v>72</v>
      </c>
    </row>
    <row r="89" spans="1:4" ht="18" customHeight="1" x14ac:dyDescent="0.2">
      <c r="A89" s="14">
        <v>69</v>
      </c>
      <c r="B89" s="15">
        <v>31</v>
      </c>
      <c r="C89" s="16">
        <v>40</v>
      </c>
      <c r="D89" s="17">
        <v>71</v>
      </c>
    </row>
    <row r="90" spans="1:4" ht="18" customHeight="1" x14ac:dyDescent="0.2">
      <c r="A90" s="18" t="s">
        <v>81</v>
      </c>
      <c r="B90" s="15">
        <v>158</v>
      </c>
      <c r="C90" s="16">
        <v>186</v>
      </c>
      <c r="D90" s="17">
        <v>344</v>
      </c>
    </row>
    <row r="91" spans="1:4" ht="18" customHeight="1" x14ac:dyDescent="0.2">
      <c r="A91" s="14">
        <v>70</v>
      </c>
      <c r="B91" s="15">
        <v>20</v>
      </c>
      <c r="C91" s="16">
        <v>20</v>
      </c>
      <c r="D91" s="17">
        <v>40</v>
      </c>
    </row>
    <row r="92" spans="1:4" ht="18" customHeight="1" x14ac:dyDescent="0.2">
      <c r="A92" s="14">
        <v>71</v>
      </c>
      <c r="B92" s="15">
        <v>28</v>
      </c>
      <c r="C92" s="16">
        <v>34</v>
      </c>
      <c r="D92" s="17">
        <v>62</v>
      </c>
    </row>
    <row r="93" spans="1:4" ht="18" customHeight="1" x14ac:dyDescent="0.2">
      <c r="A93" s="14">
        <v>72</v>
      </c>
      <c r="B93" s="15">
        <v>21</v>
      </c>
      <c r="C93" s="16">
        <v>31</v>
      </c>
      <c r="D93" s="17">
        <v>52</v>
      </c>
    </row>
    <row r="94" spans="1:4" ht="18" customHeight="1" x14ac:dyDescent="0.2">
      <c r="A94" s="14">
        <v>73</v>
      </c>
      <c r="B94" s="15">
        <v>18</v>
      </c>
      <c r="C94" s="16">
        <v>22</v>
      </c>
      <c r="D94" s="17">
        <v>40</v>
      </c>
    </row>
    <row r="95" spans="1:4" ht="18" customHeight="1" x14ac:dyDescent="0.2">
      <c r="A95" s="14">
        <v>74</v>
      </c>
      <c r="B95" s="15">
        <v>27</v>
      </c>
      <c r="C95" s="16">
        <v>24</v>
      </c>
      <c r="D95" s="17">
        <v>51</v>
      </c>
    </row>
    <row r="96" spans="1:4" ht="18" customHeight="1" x14ac:dyDescent="0.2">
      <c r="A96" s="18" t="s">
        <v>82</v>
      </c>
      <c r="B96" s="15">
        <v>114</v>
      </c>
      <c r="C96" s="16">
        <v>131</v>
      </c>
      <c r="D96" s="17">
        <v>245</v>
      </c>
    </row>
    <row r="97" spans="1:4" ht="18" customHeight="1" x14ac:dyDescent="0.2">
      <c r="A97" s="14">
        <v>75</v>
      </c>
      <c r="B97" s="15">
        <v>24</v>
      </c>
      <c r="C97" s="16">
        <v>23</v>
      </c>
      <c r="D97" s="17">
        <v>47</v>
      </c>
    </row>
    <row r="98" spans="1:4" ht="18" customHeight="1" x14ac:dyDescent="0.2">
      <c r="A98" s="14">
        <v>76</v>
      </c>
      <c r="B98" s="15">
        <v>20</v>
      </c>
      <c r="C98" s="16">
        <v>28</v>
      </c>
      <c r="D98" s="17">
        <v>48</v>
      </c>
    </row>
    <row r="99" spans="1:4" ht="18" customHeight="1" x14ac:dyDescent="0.2">
      <c r="A99" s="14">
        <v>77</v>
      </c>
      <c r="B99" s="15">
        <v>19</v>
      </c>
      <c r="C99" s="16">
        <v>27</v>
      </c>
      <c r="D99" s="17">
        <v>46</v>
      </c>
    </row>
    <row r="100" spans="1:4" ht="18" customHeight="1" x14ac:dyDescent="0.2">
      <c r="A100" s="14">
        <v>78</v>
      </c>
      <c r="B100" s="15">
        <v>19</v>
      </c>
      <c r="C100" s="16">
        <v>27</v>
      </c>
      <c r="D100" s="17">
        <v>46</v>
      </c>
    </row>
    <row r="101" spans="1:4" ht="18" customHeight="1" x14ac:dyDescent="0.2">
      <c r="A101" s="14">
        <v>79</v>
      </c>
      <c r="B101" s="15">
        <v>11</v>
      </c>
      <c r="C101" s="16">
        <v>39</v>
      </c>
      <c r="D101" s="17">
        <v>50</v>
      </c>
    </row>
    <row r="102" spans="1:4" ht="18" customHeight="1" x14ac:dyDescent="0.2">
      <c r="A102" s="18" t="s">
        <v>83</v>
      </c>
      <c r="B102" s="15">
        <v>93</v>
      </c>
      <c r="C102" s="16">
        <v>144</v>
      </c>
      <c r="D102" s="17">
        <v>237</v>
      </c>
    </row>
    <row r="103" spans="1:4" ht="18" customHeight="1" x14ac:dyDescent="0.2">
      <c r="A103" s="14">
        <v>80</v>
      </c>
      <c r="B103" s="15">
        <v>20</v>
      </c>
      <c r="C103" s="16">
        <v>26</v>
      </c>
      <c r="D103" s="17">
        <v>46</v>
      </c>
    </row>
    <row r="104" spans="1:4" ht="18" customHeight="1" x14ac:dyDescent="0.2">
      <c r="A104" s="14">
        <v>81</v>
      </c>
      <c r="B104" s="15">
        <v>25</v>
      </c>
      <c r="C104" s="16">
        <v>18</v>
      </c>
      <c r="D104" s="17">
        <v>43</v>
      </c>
    </row>
    <row r="105" spans="1:4" ht="18" customHeight="1" x14ac:dyDescent="0.2">
      <c r="A105" s="14">
        <v>82</v>
      </c>
      <c r="B105" s="15">
        <v>8</v>
      </c>
      <c r="C105" s="16">
        <v>15</v>
      </c>
      <c r="D105" s="17">
        <v>23</v>
      </c>
    </row>
    <row r="106" spans="1:4" ht="18" customHeight="1" x14ac:dyDescent="0.2">
      <c r="A106" s="14">
        <v>83</v>
      </c>
      <c r="B106" s="15">
        <v>14</v>
      </c>
      <c r="C106" s="16">
        <v>17</v>
      </c>
      <c r="D106" s="17">
        <v>31</v>
      </c>
    </row>
    <row r="107" spans="1:4" ht="18" customHeight="1" x14ac:dyDescent="0.2">
      <c r="A107" s="14">
        <v>84</v>
      </c>
      <c r="B107" s="15">
        <v>9</v>
      </c>
      <c r="C107" s="16">
        <v>30</v>
      </c>
      <c r="D107" s="17">
        <v>39</v>
      </c>
    </row>
    <row r="108" spans="1:4" ht="18" customHeight="1" x14ac:dyDescent="0.2">
      <c r="A108" s="18" t="s">
        <v>84</v>
      </c>
      <c r="B108" s="15">
        <v>76</v>
      </c>
      <c r="C108" s="16">
        <v>106</v>
      </c>
      <c r="D108" s="17">
        <v>182</v>
      </c>
    </row>
    <row r="109" spans="1:4" ht="18" customHeight="1" x14ac:dyDescent="0.2">
      <c r="A109" s="14">
        <v>85</v>
      </c>
      <c r="B109" s="15">
        <v>6</v>
      </c>
      <c r="C109" s="16">
        <v>20</v>
      </c>
      <c r="D109" s="17">
        <v>26</v>
      </c>
    </row>
    <row r="110" spans="1:4" ht="18" customHeight="1" x14ac:dyDescent="0.2">
      <c r="A110" s="14">
        <v>86</v>
      </c>
      <c r="B110" s="15">
        <v>5</v>
      </c>
      <c r="C110" s="16">
        <v>21</v>
      </c>
      <c r="D110" s="17">
        <v>26</v>
      </c>
    </row>
    <row r="111" spans="1:4" ht="18" customHeight="1" x14ac:dyDescent="0.2">
      <c r="A111" s="14">
        <v>87</v>
      </c>
      <c r="B111" s="15">
        <v>2</v>
      </c>
      <c r="C111" s="16">
        <v>13</v>
      </c>
      <c r="D111" s="17">
        <v>15</v>
      </c>
    </row>
    <row r="112" spans="1:4" ht="18" customHeight="1" x14ac:dyDescent="0.2">
      <c r="A112" s="14">
        <v>88</v>
      </c>
      <c r="B112" s="15">
        <v>7</v>
      </c>
      <c r="C112" s="16">
        <v>10</v>
      </c>
      <c r="D112" s="17">
        <v>17</v>
      </c>
    </row>
    <row r="113" spans="1:4" ht="18" customHeight="1" x14ac:dyDescent="0.2">
      <c r="A113" s="14">
        <v>89</v>
      </c>
      <c r="B113" s="15">
        <v>3</v>
      </c>
      <c r="C113" s="16">
        <v>12</v>
      </c>
      <c r="D113" s="17">
        <v>15</v>
      </c>
    </row>
    <row r="114" spans="1:4" ht="18" customHeight="1" x14ac:dyDescent="0.2">
      <c r="A114" s="18" t="s">
        <v>85</v>
      </c>
      <c r="B114" s="15">
        <v>23</v>
      </c>
      <c r="C114" s="16">
        <v>76</v>
      </c>
      <c r="D114" s="17">
        <v>99</v>
      </c>
    </row>
    <row r="115" spans="1:4" ht="18" customHeight="1" x14ac:dyDescent="0.2">
      <c r="A115" s="14">
        <v>90</v>
      </c>
      <c r="B115" s="15">
        <v>1</v>
      </c>
      <c r="C115" s="16">
        <v>7</v>
      </c>
      <c r="D115" s="17">
        <v>8</v>
      </c>
    </row>
    <row r="116" spans="1:4" ht="18" customHeight="1" x14ac:dyDescent="0.2">
      <c r="A116" s="14">
        <v>91</v>
      </c>
      <c r="B116" s="15">
        <v>1</v>
      </c>
      <c r="C116" s="16">
        <v>12</v>
      </c>
      <c r="D116" s="17">
        <v>13</v>
      </c>
    </row>
    <row r="117" spans="1:4" ht="18" customHeight="1" x14ac:dyDescent="0.2">
      <c r="A117" s="14">
        <v>92</v>
      </c>
      <c r="B117" s="15">
        <v>3</v>
      </c>
      <c r="C117" s="16">
        <v>7</v>
      </c>
      <c r="D117" s="17">
        <v>10</v>
      </c>
    </row>
    <row r="118" spans="1:4" ht="18" customHeight="1" x14ac:dyDescent="0.2">
      <c r="A118" s="14">
        <v>93</v>
      </c>
      <c r="B118" s="15">
        <v>2</v>
      </c>
      <c r="C118" s="16">
        <v>9</v>
      </c>
      <c r="D118" s="17">
        <v>11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86</v>
      </c>
      <c r="B120" s="15">
        <v>8</v>
      </c>
      <c r="C120" s="16">
        <v>41</v>
      </c>
      <c r="D120" s="17">
        <v>49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12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474</v>
      </c>
      <c r="C130" s="5">
        <v>697</v>
      </c>
      <c r="D130" s="6">
        <v>1171</v>
      </c>
    </row>
    <row r="131" spans="1:4" ht="18" customHeight="1" x14ac:dyDescent="0.2">
      <c r="A131" s="20" t="s">
        <v>65</v>
      </c>
      <c r="B131" s="7">
        <v>2151</v>
      </c>
      <c r="C131" s="8">
        <v>2259</v>
      </c>
      <c r="D131" s="9">
        <v>441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48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9</v>
      </c>
      <c r="C5" s="12">
        <v>7</v>
      </c>
      <c r="D5" s="13">
        <v>16</v>
      </c>
    </row>
    <row r="6" spans="1:4" ht="18" customHeight="1" x14ac:dyDescent="0.2">
      <c r="A6" s="14">
        <v>1</v>
      </c>
      <c r="B6" s="15">
        <v>13</v>
      </c>
      <c r="C6" s="16">
        <v>7</v>
      </c>
      <c r="D6" s="17">
        <v>20</v>
      </c>
    </row>
    <row r="7" spans="1:4" ht="18" customHeight="1" x14ac:dyDescent="0.2">
      <c r="A7" s="14">
        <v>2</v>
      </c>
      <c r="B7" s="15">
        <v>5</v>
      </c>
      <c r="C7" s="16">
        <v>7</v>
      </c>
      <c r="D7" s="17">
        <v>12</v>
      </c>
    </row>
    <row r="8" spans="1:4" ht="18" customHeight="1" x14ac:dyDescent="0.2">
      <c r="A8" s="14">
        <v>3</v>
      </c>
      <c r="B8" s="15">
        <v>16</v>
      </c>
      <c r="C8" s="16">
        <v>13</v>
      </c>
      <c r="D8" s="17">
        <v>29</v>
      </c>
    </row>
    <row r="9" spans="1:4" ht="18" customHeight="1" x14ac:dyDescent="0.2">
      <c r="A9" s="14">
        <v>4</v>
      </c>
      <c r="B9" s="15">
        <v>19</v>
      </c>
      <c r="C9" s="16">
        <v>10</v>
      </c>
      <c r="D9" s="17">
        <v>29</v>
      </c>
    </row>
    <row r="10" spans="1:4" ht="18" customHeight="1" x14ac:dyDescent="0.2">
      <c r="A10" s="18" t="s">
        <v>66</v>
      </c>
      <c r="B10" s="15">
        <v>62</v>
      </c>
      <c r="C10" s="16">
        <v>44</v>
      </c>
      <c r="D10" s="17">
        <v>106</v>
      </c>
    </row>
    <row r="11" spans="1:4" ht="18" customHeight="1" x14ac:dyDescent="0.2">
      <c r="A11" s="14">
        <v>5</v>
      </c>
      <c r="B11" s="15">
        <v>14</v>
      </c>
      <c r="C11" s="16">
        <v>17</v>
      </c>
      <c r="D11" s="17">
        <v>31</v>
      </c>
    </row>
    <row r="12" spans="1:4" ht="18" customHeight="1" x14ac:dyDescent="0.2">
      <c r="A12" s="14">
        <v>6</v>
      </c>
      <c r="B12" s="15">
        <v>14</v>
      </c>
      <c r="C12" s="16">
        <v>23</v>
      </c>
      <c r="D12" s="17">
        <v>37</v>
      </c>
    </row>
    <row r="13" spans="1:4" ht="18" customHeight="1" x14ac:dyDescent="0.2">
      <c r="A13" s="14">
        <v>7</v>
      </c>
      <c r="B13" s="15">
        <v>12</v>
      </c>
      <c r="C13" s="16">
        <v>17</v>
      </c>
      <c r="D13" s="17">
        <v>29</v>
      </c>
    </row>
    <row r="14" spans="1:4" ht="18" customHeight="1" x14ac:dyDescent="0.2">
      <c r="A14" s="14">
        <v>8</v>
      </c>
      <c r="B14" s="15">
        <v>22</v>
      </c>
      <c r="C14" s="16">
        <v>16</v>
      </c>
      <c r="D14" s="17">
        <v>38</v>
      </c>
    </row>
    <row r="15" spans="1:4" ht="18" customHeight="1" x14ac:dyDescent="0.2">
      <c r="A15" s="14">
        <v>9</v>
      </c>
      <c r="B15" s="15">
        <v>22</v>
      </c>
      <c r="C15" s="16">
        <v>6</v>
      </c>
      <c r="D15" s="17">
        <v>28</v>
      </c>
    </row>
    <row r="16" spans="1:4" ht="18" customHeight="1" x14ac:dyDescent="0.2">
      <c r="A16" s="18" t="s">
        <v>67</v>
      </c>
      <c r="B16" s="15">
        <v>84</v>
      </c>
      <c r="C16" s="16">
        <v>79</v>
      </c>
      <c r="D16" s="17">
        <v>163</v>
      </c>
    </row>
    <row r="17" spans="1:4" ht="18" customHeight="1" x14ac:dyDescent="0.2">
      <c r="A17" s="14">
        <v>10</v>
      </c>
      <c r="B17" s="15">
        <v>13</v>
      </c>
      <c r="C17" s="16">
        <v>15</v>
      </c>
      <c r="D17" s="17">
        <v>28</v>
      </c>
    </row>
    <row r="18" spans="1:4" ht="18" customHeight="1" x14ac:dyDescent="0.2">
      <c r="A18" s="14">
        <v>11</v>
      </c>
      <c r="B18" s="15">
        <v>18</v>
      </c>
      <c r="C18" s="16">
        <v>11</v>
      </c>
      <c r="D18" s="17">
        <v>29</v>
      </c>
    </row>
    <row r="19" spans="1:4" ht="18" customHeight="1" x14ac:dyDescent="0.2">
      <c r="A19" s="14">
        <v>12</v>
      </c>
      <c r="B19" s="15">
        <v>8</v>
      </c>
      <c r="C19" s="16">
        <v>19</v>
      </c>
      <c r="D19" s="17">
        <v>27</v>
      </c>
    </row>
    <row r="20" spans="1:4" ht="18" customHeight="1" x14ac:dyDescent="0.2">
      <c r="A20" s="14">
        <v>13</v>
      </c>
      <c r="B20" s="15">
        <v>6</v>
      </c>
      <c r="C20" s="16">
        <v>8</v>
      </c>
      <c r="D20" s="17">
        <v>14</v>
      </c>
    </row>
    <row r="21" spans="1:4" ht="18" customHeight="1" x14ac:dyDescent="0.2">
      <c r="A21" s="14">
        <v>14</v>
      </c>
      <c r="B21" s="15">
        <v>6</v>
      </c>
      <c r="C21" s="16">
        <v>8</v>
      </c>
      <c r="D21" s="17">
        <v>14</v>
      </c>
    </row>
    <row r="22" spans="1:4" ht="18" customHeight="1" x14ac:dyDescent="0.2">
      <c r="A22" s="18" t="s">
        <v>68</v>
      </c>
      <c r="B22" s="15">
        <v>51</v>
      </c>
      <c r="C22" s="16">
        <v>61</v>
      </c>
      <c r="D22" s="17">
        <v>112</v>
      </c>
    </row>
    <row r="23" spans="1:4" ht="18" customHeight="1" x14ac:dyDescent="0.2">
      <c r="A23" s="18" t="s">
        <v>69</v>
      </c>
      <c r="B23" s="15">
        <v>197</v>
      </c>
      <c r="C23" s="16">
        <v>184</v>
      </c>
      <c r="D23" s="17">
        <v>381</v>
      </c>
    </row>
    <row r="24" spans="1:4" ht="18" customHeight="1" x14ac:dyDescent="0.2">
      <c r="A24" s="14">
        <v>15</v>
      </c>
      <c r="B24" s="15">
        <v>9</v>
      </c>
      <c r="C24" s="16">
        <v>12</v>
      </c>
      <c r="D24" s="17">
        <v>21</v>
      </c>
    </row>
    <row r="25" spans="1:4" ht="18" customHeight="1" x14ac:dyDescent="0.2">
      <c r="A25" s="14">
        <v>16</v>
      </c>
      <c r="B25" s="15">
        <v>10</v>
      </c>
      <c r="C25" s="16">
        <v>7</v>
      </c>
      <c r="D25" s="17">
        <v>17</v>
      </c>
    </row>
    <row r="26" spans="1:4" ht="18" customHeight="1" x14ac:dyDescent="0.2">
      <c r="A26" s="14">
        <v>17</v>
      </c>
      <c r="B26" s="15">
        <v>7</v>
      </c>
      <c r="C26" s="16">
        <v>7</v>
      </c>
      <c r="D26" s="17">
        <v>14</v>
      </c>
    </row>
    <row r="27" spans="1:4" ht="18" customHeight="1" x14ac:dyDescent="0.2">
      <c r="A27" s="14">
        <v>18</v>
      </c>
      <c r="B27" s="15">
        <v>4</v>
      </c>
      <c r="C27" s="16">
        <v>7</v>
      </c>
      <c r="D27" s="17">
        <v>11</v>
      </c>
    </row>
    <row r="28" spans="1:4" ht="18" customHeight="1" x14ac:dyDescent="0.2">
      <c r="A28" s="14">
        <v>19</v>
      </c>
      <c r="B28" s="15">
        <v>6</v>
      </c>
      <c r="C28" s="16">
        <v>7</v>
      </c>
      <c r="D28" s="17">
        <v>13</v>
      </c>
    </row>
    <row r="29" spans="1:4" ht="18" customHeight="1" x14ac:dyDescent="0.2">
      <c r="A29" s="18" t="s">
        <v>70</v>
      </c>
      <c r="B29" s="15">
        <v>36</v>
      </c>
      <c r="C29" s="16">
        <v>40</v>
      </c>
      <c r="D29" s="17">
        <v>76</v>
      </c>
    </row>
    <row r="30" spans="1:4" ht="18" customHeight="1" x14ac:dyDescent="0.2">
      <c r="A30" s="14">
        <v>20</v>
      </c>
      <c r="B30" s="15">
        <v>7</v>
      </c>
      <c r="C30" s="16">
        <v>8</v>
      </c>
      <c r="D30" s="17">
        <v>15</v>
      </c>
    </row>
    <row r="31" spans="1:4" ht="18" customHeight="1" x14ac:dyDescent="0.2">
      <c r="A31" s="14">
        <v>21</v>
      </c>
      <c r="B31" s="15">
        <v>2</v>
      </c>
      <c r="C31" s="16">
        <v>7</v>
      </c>
      <c r="D31" s="17">
        <v>9</v>
      </c>
    </row>
    <row r="32" spans="1:4" ht="18" customHeight="1" x14ac:dyDescent="0.2">
      <c r="A32" s="14">
        <v>22</v>
      </c>
      <c r="B32" s="15">
        <v>9</v>
      </c>
      <c r="C32" s="16">
        <v>9</v>
      </c>
      <c r="D32" s="17">
        <v>18</v>
      </c>
    </row>
    <row r="33" spans="1:4" ht="18" customHeight="1" x14ac:dyDescent="0.2">
      <c r="A33" s="14">
        <v>23</v>
      </c>
      <c r="B33" s="15">
        <v>5</v>
      </c>
      <c r="C33" s="16">
        <v>5</v>
      </c>
      <c r="D33" s="17">
        <v>10</v>
      </c>
    </row>
    <row r="34" spans="1:4" ht="18" customHeight="1" x14ac:dyDescent="0.2">
      <c r="A34" s="14">
        <v>24</v>
      </c>
      <c r="B34" s="15">
        <v>5</v>
      </c>
      <c r="C34" s="16">
        <v>7</v>
      </c>
      <c r="D34" s="17">
        <v>12</v>
      </c>
    </row>
    <row r="35" spans="1:4" ht="18" customHeight="1" x14ac:dyDescent="0.2">
      <c r="A35" s="18" t="s">
        <v>71</v>
      </c>
      <c r="B35" s="15">
        <v>28</v>
      </c>
      <c r="C35" s="16">
        <v>36</v>
      </c>
      <c r="D35" s="17">
        <v>64</v>
      </c>
    </row>
    <row r="36" spans="1:4" ht="18" customHeight="1" x14ac:dyDescent="0.2">
      <c r="A36" s="14">
        <v>25</v>
      </c>
      <c r="B36" s="15">
        <v>8</v>
      </c>
      <c r="C36" s="16">
        <v>3</v>
      </c>
      <c r="D36" s="17">
        <v>11</v>
      </c>
    </row>
    <row r="37" spans="1:4" ht="18" customHeight="1" x14ac:dyDescent="0.2">
      <c r="A37" s="14">
        <v>26</v>
      </c>
      <c r="B37" s="15">
        <v>6</v>
      </c>
      <c r="C37" s="16">
        <v>2</v>
      </c>
      <c r="D37" s="17">
        <v>8</v>
      </c>
    </row>
    <row r="38" spans="1:4" ht="18" customHeight="1" x14ac:dyDescent="0.2">
      <c r="A38" s="14">
        <v>27</v>
      </c>
      <c r="B38" s="15">
        <v>5</v>
      </c>
      <c r="C38" s="16">
        <v>7</v>
      </c>
      <c r="D38" s="17">
        <v>12</v>
      </c>
    </row>
    <row r="39" spans="1:4" ht="18" customHeight="1" x14ac:dyDescent="0.2">
      <c r="A39" s="14">
        <v>28</v>
      </c>
      <c r="B39" s="15">
        <v>5</v>
      </c>
      <c r="C39" s="16">
        <v>6</v>
      </c>
      <c r="D39" s="17">
        <v>11</v>
      </c>
    </row>
    <row r="40" spans="1:4" ht="18" customHeight="1" x14ac:dyDescent="0.2">
      <c r="A40" s="14">
        <v>29</v>
      </c>
      <c r="B40" s="15">
        <v>10</v>
      </c>
      <c r="C40" s="16">
        <v>11</v>
      </c>
      <c r="D40" s="17">
        <v>21</v>
      </c>
    </row>
    <row r="41" spans="1:4" ht="18" customHeight="1" x14ac:dyDescent="0.2">
      <c r="A41" s="18" t="s">
        <v>72</v>
      </c>
      <c r="B41" s="15">
        <v>34</v>
      </c>
      <c r="C41" s="16">
        <v>29</v>
      </c>
      <c r="D41" s="17">
        <v>63</v>
      </c>
    </row>
    <row r="42" spans="1:4" ht="18" customHeight="1" x14ac:dyDescent="0.2">
      <c r="A42" s="14">
        <v>30</v>
      </c>
      <c r="B42" s="15">
        <v>7</v>
      </c>
      <c r="C42" s="16">
        <v>9</v>
      </c>
      <c r="D42" s="17">
        <v>16</v>
      </c>
    </row>
    <row r="43" spans="1:4" ht="18" customHeight="1" x14ac:dyDescent="0.2">
      <c r="A43" s="14">
        <v>31</v>
      </c>
      <c r="B43" s="15">
        <v>14</v>
      </c>
      <c r="C43" s="16">
        <v>17</v>
      </c>
      <c r="D43" s="17">
        <v>31</v>
      </c>
    </row>
    <row r="44" spans="1:4" ht="18" customHeight="1" x14ac:dyDescent="0.2">
      <c r="A44" s="14">
        <v>32</v>
      </c>
      <c r="B44" s="15">
        <v>13</v>
      </c>
      <c r="C44" s="16">
        <v>14</v>
      </c>
      <c r="D44" s="17">
        <v>27</v>
      </c>
    </row>
    <row r="45" spans="1:4" ht="18" customHeight="1" x14ac:dyDescent="0.2">
      <c r="A45" s="14">
        <v>33</v>
      </c>
      <c r="B45" s="15">
        <v>22</v>
      </c>
      <c r="C45" s="16">
        <v>16</v>
      </c>
      <c r="D45" s="17">
        <v>38</v>
      </c>
    </row>
    <row r="46" spans="1:4" ht="18" customHeight="1" x14ac:dyDescent="0.2">
      <c r="A46" s="14">
        <v>34</v>
      </c>
      <c r="B46" s="15">
        <v>25</v>
      </c>
      <c r="C46" s="16">
        <v>22</v>
      </c>
      <c r="D46" s="17">
        <v>47</v>
      </c>
    </row>
    <row r="47" spans="1:4" ht="18" customHeight="1" x14ac:dyDescent="0.2">
      <c r="A47" s="18" t="s">
        <v>73</v>
      </c>
      <c r="B47" s="15">
        <v>81</v>
      </c>
      <c r="C47" s="16">
        <v>78</v>
      </c>
      <c r="D47" s="17">
        <v>159</v>
      </c>
    </row>
    <row r="48" spans="1:4" ht="18" customHeight="1" x14ac:dyDescent="0.2">
      <c r="A48" s="14">
        <v>35</v>
      </c>
      <c r="B48" s="15">
        <v>26</v>
      </c>
      <c r="C48" s="16">
        <v>14</v>
      </c>
      <c r="D48" s="17">
        <v>40</v>
      </c>
    </row>
    <row r="49" spans="1:4" ht="18" customHeight="1" x14ac:dyDescent="0.2">
      <c r="A49" s="14">
        <v>36</v>
      </c>
      <c r="B49" s="15">
        <v>22</v>
      </c>
      <c r="C49" s="16">
        <v>21</v>
      </c>
      <c r="D49" s="17">
        <v>43</v>
      </c>
    </row>
    <row r="50" spans="1:4" ht="18" customHeight="1" x14ac:dyDescent="0.2">
      <c r="A50" s="14">
        <v>37</v>
      </c>
      <c r="B50" s="15">
        <v>23</v>
      </c>
      <c r="C50" s="16">
        <v>24</v>
      </c>
      <c r="D50" s="17">
        <v>47</v>
      </c>
    </row>
    <row r="51" spans="1:4" ht="18" customHeight="1" x14ac:dyDescent="0.2">
      <c r="A51" s="14">
        <v>38</v>
      </c>
      <c r="B51" s="15">
        <v>20</v>
      </c>
      <c r="C51" s="16">
        <v>15</v>
      </c>
      <c r="D51" s="17">
        <v>35</v>
      </c>
    </row>
    <row r="52" spans="1:4" ht="18" customHeight="1" x14ac:dyDescent="0.2">
      <c r="A52" s="14">
        <v>39</v>
      </c>
      <c r="B52" s="15">
        <v>15</v>
      </c>
      <c r="C52" s="16">
        <v>24</v>
      </c>
      <c r="D52" s="17">
        <v>39</v>
      </c>
    </row>
    <row r="53" spans="1:4" ht="18" customHeight="1" x14ac:dyDescent="0.2">
      <c r="A53" s="18" t="s">
        <v>74</v>
      </c>
      <c r="B53" s="15">
        <v>106</v>
      </c>
      <c r="C53" s="16">
        <v>98</v>
      </c>
      <c r="D53" s="17">
        <v>204</v>
      </c>
    </row>
    <row r="54" spans="1:4" ht="18" customHeight="1" x14ac:dyDescent="0.2">
      <c r="A54" s="14">
        <v>40</v>
      </c>
      <c r="B54" s="15">
        <v>11</v>
      </c>
      <c r="C54" s="16">
        <v>14</v>
      </c>
      <c r="D54" s="17">
        <v>25</v>
      </c>
    </row>
    <row r="55" spans="1:4" ht="18" customHeight="1" x14ac:dyDescent="0.2">
      <c r="A55" s="14">
        <v>41</v>
      </c>
      <c r="B55" s="15">
        <v>24</v>
      </c>
      <c r="C55" s="16">
        <v>19</v>
      </c>
      <c r="D55" s="17">
        <v>43</v>
      </c>
    </row>
    <row r="56" spans="1:4" ht="18" customHeight="1" x14ac:dyDescent="0.2">
      <c r="A56" s="14">
        <v>42</v>
      </c>
      <c r="B56" s="15">
        <v>7</v>
      </c>
      <c r="C56" s="16">
        <v>14</v>
      </c>
      <c r="D56" s="17">
        <v>21</v>
      </c>
    </row>
    <row r="57" spans="1:4" ht="18" customHeight="1" x14ac:dyDescent="0.2">
      <c r="A57" s="14">
        <v>43</v>
      </c>
      <c r="B57" s="15">
        <v>10</v>
      </c>
      <c r="C57" s="16">
        <v>6</v>
      </c>
      <c r="D57" s="17">
        <v>16</v>
      </c>
    </row>
    <row r="58" spans="1:4" ht="18" customHeight="1" x14ac:dyDescent="0.2">
      <c r="A58" s="14">
        <v>44</v>
      </c>
      <c r="B58" s="15">
        <v>11</v>
      </c>
      <c r="C58" s="16">
        <v>7</v>
      </c>
      <c r="D58" s="17">
        <v>18</v>
      </c>
    </row>
    <row r="59" spans="1:4" ht="18" customHeight="1" x14ac:dyDescent="0.2">
      <c r="A59" s="18" t="s">
        <v>75</v>
      </c>
      <c r="B59" s="15">
        <v>63</v>
      </c>
      <c r="C59" s="16">
        <v>60</v>
      </c>
      <c r="D59" s="17">
        <v>123</v>
      </c>
    </row>
    <row r="60" spans="1:4" ht="18" customHeight="1" x14ac:dyDescent="0.2">
      <c r="A60" s="14">
        <v>45</v>
      </c>
      <c r="B60" s="15">
        <v>14</v>
      </c>
      <c r="C60" s="16">
        <v>6</v>
      </c>
      <c r="D60" s="17">
        <v>20</v>
      </c>
    </row>
    <row r="61" spans="1:4" ht="18" customHeight="1" x14ac:dyDescent="0.2">
      <c r="A61" s="14">
        <v>46</v>
      </c>
      <c r="B61" s="15">
        <v>5</v>
      </c>
      <c r="C61" s="16">
        <v>10</v>
      </c>
      <c r="D61" s="17">
        <v>15</v>
      </c>
    </row>
    <row r="62" spans="1:4" ht="18" customHeight="1" x14ac:dyDescent="0.2">
      <c r="A62" s="14">
        <v>47</v>
      </c>
      <c r="B62" s="15">
        <v>4</v>
      </c>
      <c r="C62" s="16">
        <v>15</v>
      </c>
      <c r="D62" s="17">
        <v>19</v>
      </c>
    </row>
    <row r="63" spans="1:4" ht="18" customHeight="1" x14ac:dyDescent="0.2">
      <c r="A63" s="14">
        <v>48</v>
      </c>
      <c r="B63" s="15">
        <v>11</v>
      </c>
      <c r="C63" s="16">
        <v>10</v>
      </c>
      <c r="D63" s="17">
        <v>21</v>
      </c>
    </row>
    <row r="64" spans="1:4" ht="18" customHeight="1" x14ac:dyDescent="0.2">
      <c r="A64" s="14">
        <v>49</v>
      </c>
      <c r="B64" s="15">
        <v>14</v>
      </c>
      <c r="C64" s="16">
        <v>11</v>
      </c>
      <c r="D64" s="17">
        <v>25</v>
      </c>
    </row>
    <row r="65" spans="1:4" ht="18" customHeight="1" x14ac:dyDescent="0.2">
      <c r="A65" s="18" t="s">
        <v>76</v>
      </c>
      <c r="B65" s="15">
        <v>48</v>
      </c>
      <c r="C65" s="16">
        <v>52</v>
      </c>
      <c r="D65" s="17">
        <v>100</v>
      </c>
    </row>
    <row r="66" spans="1:4" ht="18" customHeight="1" x14ac:dyDescent="0.2">
      <c r="A66" s="14">
        <v>50</v>
      </c>
      <c r="B66" s="15">
        <v>12</v>
      </c>
      <c r="C66" s="16">
        <v>5</v>
      </c>
      <c r="D66" s="17">
        <v>17</v>
      </c>
    </row>
    <row r="67" spans="1:4" ht="18" customHeight="1" x14ac:dyDescent="0.2">
      <c r="A67" s="14">
        <v>51</v>
      </c>
      <c r="B67" s="15">
        <v>8</v>
      </c>
      <c r="C67" s="16">
        <v>14</v>
      </c>
      <c r="D67" s="17">
        <v>22</v>
      </c>
    </row>
    <row r="68" spans="1:4" ht="18" customHeight="1" x14ac:dyDescent="0.2">
      <c r="A68" s="14">
        <v>52</v>
      </c>
      <c r="B68" s="15">
        <v>7</v>
      </c>
      <c r="C68" s="16">
        <v>7</v>
      </c>
      <c r="D68" s="17">
        <v>14</v>
      </c>
    </row>
    <row r="69" spans="1:4" ht="18" customHeight="1" x14ac:dyDescent="0.2">
      <c r="A69" s="14">
        <v>53</v>
      </c>
      <c r="B69" s="15">
        <v>7</v>
      </c>
      <c r="C69" s="16">
        <v>6</v>
      </c>
      <c r="D69" s="17">
        <v>13</v>
      </c>
    </row>
    <row r="70" spans="1:4" ht="18" customHeight="1" x14ac:dyDescent="0.2">
      <c r="A70" s="14">
        <v>54</v>
      </c>
      <c r="B70" s="15">
        <v>7</v>
      </c>
      <c r="C70" s="16">
        <v>7</v>
      </c>
      <c r="D70" s="17">
        <v>14</v>
      </c>
    </row>
    <row r="71" spans="1:4" ht="18" customHeight="1" x14ac:dyDescent="0.2">
      <c r="A71" s="18" t="s">
        <v>77</v>
      </c>
      <c r="B71" s="15">
        <v>41</v>
      </c>
      <c r="C71" s="16">
        <v>39</v>
      </c>
      <c r="D71" s="17">
        <v>80</v>
      </c>
    </row>
    <row r="72" spans="1:4" ht="18" customHeight="1" x14ac:dyDescent="0.2">
      <c r="A72" s="14">
        <v>55</v>
      </c>
      <c r="B72" s="15">
        <v>12</v>
      </c>
      <c r="C72" s="16">
        <v>12</v>
      </c>
      <c r="D72" s="17">
        <v>24</v>
      </c>
    </row>
    <row r="73" spans="1:4" ht="18" customHeight="1" x14ac:dyDescent="0.2">
      <c r="A73" s="14">
        <v>56</v>
      </c>
      <c r="B73" s="15">
        <v>8</v>
      </c>
      <c r="C73" s="16">
        <v>18</v>
      </c>
      <c r="D73" s="17">
        <v>26</v>
      </c>
    </row>
    <row r="74" spans="1:4" ht="18" customHeight="1" x14ac:dyDescent="0.2">
      <c r="A74" s="14">
        <v>57</v>
      </c>
      <c r="B74" s="15">
        <v>11</v>
      </c>
      <c r="C74" s="16">
        <v>11</v>
      </c>
      <c r="D74" s="17">
        <v>22</v>
      </c>
    </row>
    <row r="75" spans="1:4" ht="18" customHeight="1" x14ac:dyDescent="0.2">
      <c r="A75" s="14">
        <v>58</v>
      </c>
      <c r="B75" s="15">
        <v>11</v>
      </c>
      <c r="C75" s="16">
        <v>9</v>
      </c>
      <c r="D75" s="17">
        <v>20</v>
      </c>
    </row>
    <row r="76" spans="1:4" ht="18" customHeight="1" x14ac:dyDescent="0.2">
      <c r="A76" s="14">
        <v>59</v>
      </c>
      <c r="B76" s="15">
        <v>21</v>
      </c>
      <c r="C76" s="16">
        <v>13</v>
      </c>
      <c r="D76" s="17">
        <v>34</v>
      </c>
    </row>
    <row r="77" spans="1:4" ht="18" customHeight="1" x14ac:dyDescent="0.2">
      <c r="A77" s="18" t="s">
        <v>78</v>
      </c>
      <c r="B77" s="15">
        <v>63</v>
      </c>
      <c r="C77" s="16">
        <v>63</v>
      </c>
      <c r="D77" s="17">
        <v>126</v>
      </c>
    </row>
    <row r="78" spans="1:4" ht="18" customHeight="1" x14ac:dyDescent="0.2">
      <c r="A78" s="14">
        <v>60</v>
      </c>
      <c r="B78" s="15">
        <v>14</v>
      </c>
      <c r="C78" s="16">
        <v>13</v>
      </c>
      <c r="D78" s="17">
        <v>27</v>
      </c>
    </row>
    <row r="79" spans="1:4" ht="18" customHeight="1" x14ac:dyDescent="0.2">
      <c r="A79" s="14">
        <v>61</v>
      </c>
      <c r="B79" s="15">
        <v>8</v>
      </c>
      <c r="C79" s="16">
        <v>11</v>
      </c>
      <c r="D79" s="17">
        <v>19</v>
      </c>
    </row>
    <row r="80" spans="1:4" ht="18" customHeight="1" x14ac:dyDescent="0.2">
      <c r="A80" s="14">
        <v>62</v>
      </c>
      <c r="B80" s="15">
        <v>13</v>
      </c>
      <c r="C80" s="16">
        <v>16</v>
      </c>
      <c r="D80" s="17">
        <v>29</v>
      </c>
    </row>
    <row r="81" spans="1:4" ht="18" customHeight="1" x14ac:dyDescent="0.2">
      <c r="A81" s="14">
        <v>63</v>
      </c>
      <c r="B81" s="15">
        <v>11</v>
      </c>
      <c r="C81" s="16">
        <v>4</v>
      </c>
      <c r="D81" s="17">
        <v>15</v>
      </c>
    </row>
    <row r="82" spans="1:4" ht="18" customHeight="1" x14ac:dyDescent="0.2">
      <c r="A82" s="14">
        <v>64</v>
      </c>
      <c r="B82" s="15">
        <v>10</v>
      </c>
      <c r="C82" s="16">
        <v>13</v>
      </c>
      <c r="D82" s="17">
        <v>23</v>
      </c>
    </row>
    <row r="83" spans="1:4" ht="18" customHeight="1" x14ac:dyDescent="0.2">
      <c r="A83" s="18" t="s">
        <v>79</v>
      </c>
      <c r="B83" s="15">
        <v>56</v>
      </c>
      <c r="C83" s="16">
        <v>57</v>
      </c>
      <c r="D83" s="17">
        <v>113</v>
      </c>
    </row>
    <row r="84" spans="1:4" ht="18" customHeight="1" x14ac:dyDescent="0.2">
      <c r="A84" s="18" t="s">
        <v>80</v>
      </c>
      <c r="B84" s="15">
        <v>556</v>
      </c>
      <c r="C84" s="16">
        <v>552</v>
      </c>
      <c r="D84" s="17">
        <v>1108</v>
      </c>
    </row>
    <row r="85" spans="1:4" ht="18" customHeight="1" x14ac:dyDescent="0.2">
      <c r="A85" s="14">
        <v>65</v>
      </c>
      <c r="B85" s="15">
        <v>14</v>
      </c>
      <c r="C85" s="16">
        <v>8</v>
      </c>
      <c r="D85" s="17">
        <v>22</v>
      </c>
    </row>
    <row r="86" spans="1:4" ht="18" customHeight="1" x14ac:dyDescent="0.2">
      <c r="A86" s="14">
        <v>66</v>
      </c>
      <c r="B86" s="15">
        <v>9</v>
      </c>
      <c r="C86" s="16">
        <v>11</v>
      </c>
      <c r="D86" s="17">
        <v>20</v>
      </c>
    </row>
    <row r="87" spans="1:4" ht="18" customHeight="1" x14ac:dyDescent="0.2">
      <c r="A87" s="14">
        <v>67</v>
      </c>
      <c r="B87" s="15">
        <v>4</v>
      </c>
      <c r="C87" s="16">
        <v>13</v>
      </c>
      <c r="D87" s="17">
        <v>17</v>
      </c>
    </row>
    <row r="88" spans="1:4" ht="18" customHeight="1" x14ac:dyDescent="0.2">
      <c r="A88" s="14">
        <v>68</v>
      </c>
      <c r="B88" s="15">
        <v>13</v>
      </c>
      <c r="C88" s="16">
        <v>10</v>
      </c>
      <c r="D88" s="17">
        <v>23</v>
      </c>
    </row>
    <row r="89" spans="1:4" ht="18" customHeight="1" x14ac:dyDescent="0.2">
      <c r="A89" s="14">
        <v>69</v>
      </c>
      <c r="B89" s="15">
        <v>6</v>
      </c>
      <c r="C89" s="16">
        <v>12</v>
      </c>
      <c r="D89" s="17">
        <v>18</v>
      </c>
    </row>
    <row r="90" spans="1:4" ht="18" customHeight="1" x14ac:dyDescent="0.2">
      <c r="A90" s="18" t="s">
        <v>81</v>
      </c>
      <c r="B90" s="15">
        <v>46</v>
      </c>
      <c r="C90" s="16">
        <v>54</v>
      </c>
      <c r="D90" s="17">
        <v>100</v>
      </c>
    </row>
    <row r="91" spans="1:4" ht="18" customHeight="1" x14ac:dyDescent="0.2">
      <c r="A91" s="14">
        <v>70</v>
      </c>
      <c r="B91" s="15">
        <v>14</v>
      </c>
      <c r="C91" s="16">
        <v>5</v>
      </c>
      <c r="D91" s="17">
        <v>19</v>
      </c>
    </row>
    <row r="92" spans="1:4" ht="18" customHeight="1" x14ac:dyDescent="0.2">
      <c r="A92" s="14">
        <v>71</v>
      </c>
      <c r="B92" s="15">
        <v>5</v>
      </c>
      <c r="C92" s="16">
        <v>8</v>
      </c>
      <c r="D92" s="17">
        <v>13</v>
      </c>
    </row>
    <row r="93" spans="1:4" ht="18" customHeight="1" x14ac:dyDescent="0.2">
      <c r="A93" s="14">
        <v>72</v>
      </c>
      <c r="B93" s="15">
        <v>5</v>
      </c>
      <c r="C93" s="16">
        <v>8</v>
      </c>
      <c r="D93" s="17">
        <v>13</v>
      </c>
    </row>
    <row r="94" spans="1:4" ht="18" customHeight="1" x14ac:dyDescent="0.2">
      <c r="A94" s="14">
        <v>73</v>
      </c>
      <c r="B94" s="15">
        <v>7</v>
      </c>
      <c r="C94" s="16">
        <v>9</v>
      </c>
      <c r="D94" s="17">
        <v>16</v>
      </c>
    </row>
    <row r="95" spans="1:4" ht="18" customHeight="1" x14ac:dyDescent="0.2">
      <c r="A95" s="14">
        <v>74</v>
      </c>
      <c r="B95" s="15">
        <v>5</v>
      </c>
      <c r="C95" s="16">
        <v>9</v>
      </c>
      <c r="D95" s="17">
        <v>14</v>
      </c>
    </row>
    <row r="96" spans="1:4" ht="18" customHeight="1" x14ac:dyDescent="0.2">
      <c r="A96" s="18" t="s">
        <v>82</v>
      </c>
      <c r="B96" s="15">
        <v>36</v>
      </c>
      <c r="C96" s="16">
        <v>39</v>
      </c>
      <c r="D96" s="17">
        <v>75</v>
      </c>
    </row>
    <row r="97" spans="1:4" ht="18" customHeight="1" x14ac:dyDescent="0.2">
      <c r="A97" s="14">
        <v>75</v>
      </c>
      <c r="B97" s="15">
        <v>8</v>
      </c>
      <c r="C97" s="16">
        <v>13</v>
      </c>
      <c r="D97" s="17">
        <v>21</v>
      </c>
    </row>
    <row r="98" spans="1:4" ht="18" customHeight="1" x14ac:dyDescent="0.2">
      <c r="A98" s="14">
        <v>76</v>
      </c>
      <c r="B98" s="15">
        <v>6</v>
      </c>
      <c r="C98" s="16">
        <v>9</v>
      </c>
      <c r="D98" s="17">
        <v>15</v>
      </c>
    </row>
    <row r="99" spans="1:4" ht="18" customHeight="1" x14ac:dyDescent="0.2">
      <c r="A99" s="14">
        <v>77</v>
      </c>
      <c r="B99" s="15">
        <v>5</v>
      </c>
      <c r="C99" s="16">
        <v>14</v>
      </c>
      <c r="D99" s="17">
        <v>19</v>
      </c>
    </row>
    <row r="100" spans="1:4" ht="18" customHeight="1" x14ac:dyDescent="0.2">
      <c r="A100" s="14">
        <v>78</v>
      </c>
      <c r="B100" s="15">
        <v>9</v>
      </c>
      <c r="C100" s="16">
        <v>14</v>
      </c>
      <c r="D100" s="17">
        <v>23</v>
      </c>
    </row>
    <row r="101" spans="1:4" ht="18" customHeight="1" x14ac:dyDescent="0.2">
      <c r="A101" s="14">
        <v>79</v>
      </c>
      <c r="B101" s="15">
        <v>8</v>
      </c>
      <c r="C101" s="16">
        <v>4</v>
      </c>
      <c r="D101" s="17">
        <v>12</v>
      </c>
    </row>
    <row r="102" spans="1:4" ht="18" customHeight="1" x14ac:dyDescent="0.2">
      <c r="A102" s="18" t="s">
        <v>83</v>
      </c>
      <c r="B102" s="15">
        <v>36</v>
      </c>
      <c r="C102" s="16">
        <v>54</v>
      </c>
      <c r="D102" s="17">
        <v>90</v>
      </c>
    </row>
    <row r="103" spans="1:4" ht="18" customHeight="1" x14ac:dyDescent="0.2">
      <c r="A103" s="14">
        <v>80</v>
      </c>
      <c r="B103" s="15">
        <v>5</v>
      </c>
      <c r="C103" s="16">
        <v>6</v>
      </c>
      <c r="D103" s="17">
        <v>11</v>
      </c>
    </row>
    <row r="104" spans="1:4" ht="18" customHeight="1" x14ac:dyDescent="0.2">
      <c r="A104" s="14">
        <v>81</v>
      </c>
      <c r="B104" s="15">
        <v>10</v>
      </c>
      <c r="C104" s="16">
        <v>10</v>
      </c>
      <c r="D104" s="17">
        <v>20</v>
      </c>
    </row>
    <row r="105" spans="1:4" ht="18" customHeight="1" x14ac:dyDescent="0.2">
      <c r="A105" s="14">
        <v>82</v>
      </c>
      <c r="B105" s="15">
        <v>4</v>
      </c>
      <c r="C105" s="16">
        <v>10</v>
      </c>
      <c r="D105" s="17">
        <v>14</v>
      </c>
    </row>
    <row r="106" spans="1:4" ht="18" customHeight="1" x14ac:dyDescent="0.2">
      <c r="A106" s="14">
        <v>83</v>
      </c>
      <c r="B106" s="15">
        <v>5</v>
      </c>
      <c r="C106" s="16">
        <v>6</v>
      </c>
      <c r="D106" s="17">
        <v>11</v>
      </c>
    </row>
    <row r="107" spans="1:4" ht="18" customHeight="1" x14ac:dyDescent="0.2">
      <c r="A107" s="14">
        <v>84</v>
      </c>
      <c r="B107" s="15">
        <v>1</v>
      </c>
      <c r="C107" s="16">
        <v>18</v>
      </c>
      <c r="D107" s="17">
        <v>19</v>
      </c>
    </row>
    <row r="108" spans="1:4" ht="18" customHeight="1" x14ac:dyDescent="0.2">
      <c r="A108" s="18" t="s">
        <v>84</v>
      </c>
      <c r="B108" s="15">
        <v>25</v>
      </c>
      <c r="C108" s="16">
        <v>50</v>
      </c>
      <c r="D108" s="17">
        <v>75</v>
      </c>
    </row>
    <row r="109" spans="1:4" ht="18" customHeight="1" x14ac:dyDescent="0.2">
      <c r="A109" s="14">
        <v>85</v>
      </c>
      <c r="B109" s="15">
        <v>6</v>
      </c>
      <c r="C109" s="16">
        <v>9</v>
      </c>
      <c r="D109" s="17">
        <v>15</v>
      </c>
    </row>
    <row r="110" spans="1:4" ht="18" customHeight="1" x14ac:dyDescent="0.2">
      <c r="A110" s="14">
        <v>86</v>
      </c>
      <c r="B110" s="15">
        <v>2</v>
      </c>
      <c r="C110" s="16">
        <v>6</v>
      </c>
      <c r="D110" s="17">
        <v>8</v>
      </c>
    </row>
    <row r="111" spans="1:4" ht="18" customHeight="1" x14ac:dyDescent="0.2">
      <c r="A111" s="14">
        <v>87</v>
      </c>
      <c r="B111" s="15">
        <v>2</v>
      </c>
      <c r="C111" s="16">
        <v>2</v>
      </c>
      <c r="D111" s="17">
        <v>4</v>
      </c>
    </row>
    <row r="112" spans="1:4" ht="18" customHeight="1" x14ac:dyDescent="0.2">
      <c r="A112" s="14">
        <v>88</v>
      </c>
      <c r="B112" s="15">
        <v>3</v>
      </c>
      <c r="C112" s="16">
        <v>6</v>
      </c>
      <c r="D112" s="17">
        <v>9</v>
      </c>
    </row>
    <row r="113" spans="1:4" ht="18" customHeight="1" x14ac:dyDescent="0.2">
      <c r="A113" s="14">
        <v>89</v>
      </c>
      <c r="B113" s="15">
        <v>1</v>
      </c>
      <c r="C113" s="16">
        <v>2</v>
      </c>
      <c r="D113" s="17">
        <v>3</v>
      </c>
    </row>
    <row r="114" spans="1:4" ht="18" customHeight="1" x14ac:dyDescent="0.2">
      <c r="A114" s="18" t="s">
        <v>85</v>
      </c>
      <c r="B114" s="15">
        <v>14</v>
      </c>
      <c r="C114" s="16">
        <v>25</v>
      </c>
      <c r="D114" s="17">
        <v>39</v>
      </c>
    </row>
    <row r="115" spans="1:4" ht="18" customHeight="1" x14ac:dyDescent="0.2">
      <c r="A115" s="14">
        <v>90</v>
      </c>
      <c r="B115" s="15">
        <v>1</v>
      </c>
      <c r="C115" s="16">
        <v>3</v>
      </c>
      <c r="D115" s="17">
        <v>4</v>
      </c>
    </row>
    <row r="116" spans="1:4" ht="18" customHeight="1" x14ac:dyDescent="0.2">
      <c r="A116" s="14">
        <v>91</v>
      </c>
      <c r="B116" s="15">
        <v>0</v>
      </c>
      <c r="C116" s="16">
        <v>1</v>
      </c>
      <c r="D116" s="17">
        <v>1</v>
      </c>
    </row>
    <row r="117" spans="1:4" ht="18" customHeight="1" x14ac:dyDescent="0.2">
      <c r="A117" s="14">
        <v>92</v>
      </c>
      <c r="B117" s="15">
        <v>2</v>
      </c>
      <c r="C117" s="16">
        <v>2</v>
      </c>
      <c r="D117" s="17">
        <v>4</v>
      </c>
    </row>
    <row r="118" spans="1:4" ht="18" customHeight="1" x14ac:dyDescent="0.2">
      <c r="A118" s="14">
        <v>93</v>
      </c>
      <c r="B118" s="15">
        <v>2</v>
      </c>
      <c r="C118" s="16">
        <v>2</v>
      </c>
      <c r="D118" s="17">
        <v>4</v>
      </c>
    </row>
    <row r="119" spans="1:4" ht="18" customHeight="1" x14ac:dyDescent="0.2">
      <c r="A119" s="14">
        <v>94</v>
      </c>
      <c r="B119" s="15">
        <v>1</v>
      </c>
      <c r="C119" s="16">
        <v>2</v>
      </c>
      <c r="D119" s="17">
        <v>3</v>
      </c>
    </row>
    <row r="120" spans="1:4" ht="18" customHeight="1" x14ac:dyDescent="0.2">
      <c r="A120" s="18" t="s">
        <v>86</v>
      </c>
      <c r="B120" s="15">
        <v>6</v>
      </c>
      <c r="C120" s="16">
        <v>10</v>
      </c>
      <c r="D120" s="17">
        <v>16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7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165</v>
      </c>
      <c r="C130" s="5">
        <v>240</v>
      </c>
      <c r="D130" s="6">
        <v>405</v>
      </c>
    </row>
    <row r="131" spans="1:4" ht="18" customHeight="1" x14ac:dyDescent="0.2">
      <c r="A131" s="20" t="s">
        <v>65</v>
      </c>
      <c r="B131" s="7">
        <v>918</v>
      </c>
      <c r="C131" s="8">
        <v>976</v>
      </c>
      <c r="D131" s="9">
        <v>189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1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8</v>
      </c>
      <c r="C5" s="12">
        <v>6</v>
      </c>
      <c r="D5" s="13">
        <v>14</v>
      </c>
    </row>
    <row r="6" spans="1:4" ht="18" customHeight="1" x14ac:dyDescent="0.2">
      <c r="A6" s="14">
        <v>1</v>
      </c>
      <c r="B6" s="15">
        <v>4</v>
      </c>
      <c r="C6" s="16">
        <v>6</v>
      </c>
      <c r="D6" s="17">
        <v>10</v>
      </c>
    </row>
    <row r="7" spans="1:4" ht="18" customHeight="1" x14ac:dyDescent="0.2">
      <c r="A7" s="14">
        <v>2</v>
      </c>
      <c r="B7" s="15">
        <v>5</v>
      </c>
      <c r="C7" s="16">
        <v>6</v>
      </c>
      <c r="D7" s="17">
        <v>11</v>
      </c>
    </row>
    <row r="8" spans="1:4" ht="18" customHeight="1" x14ac:dyDescent="0.2">
      <c r="A8" s="14">
        <v>3</v>
      </c>
      <c r="B8" s="15">
        <v>6</v>
      </c>
      <c r="C8" s="16">
        <v>9</v>
      </c>
      <c r="D8" s="17">
        <v>15</v>
      </c>
    </row>
    <row r="9" spans="1:4" ht="18" customHeight="1" x14ac:dyDescent="0.2">
      <c r="A9" s="14">
        <v>4</v>
      </c>
      <c r="B9" s="15">
        <v>6</v>
      </c>
      <c r="C9" s="16">
        <v>4</v>
      </c>
      <c r="D9" s="17">
        <v>10</v>
      </c>
    </row>
    <row r="10" spans="1:4" ht="18" customHeight="1" x14ac:dyDescent="0.2">
      <c r="A10" s="18" t="s">
        <v>66</v>
      </c>
      <c r="B10" s="15">
        <v>29</v>
      </c>
      <c r="C10" s="16">
        <v>31</v>
      </c>
      <c r="D10" s="17">
        <v>60</v>
      </c>
    </row>
    <row r="11" spans="1:4" ht="18" customHeight="1" x14ac:dyDescent="0.2">
      <c r="A11" s="14">
        <v>5</v>
      </c>
      <c r="B11" s="15">
        <v>10</v>
      </c>
      <c r="C11" s="16">
        <v>4</v>
      </c>
      <c r="D11" s="17">
        <v>14</v>
      </c>
    </row>
    <row r="12" spans="1:4" ht="18" customHeight="1" x14ac:dyDescent="0.2">
      <c r="A12" s="14">
        <v>6</v>
      </c>
      <c r="B12" s="15">
        <v>6</v>
      </c>
      <c r="C12" s="16">
        <v>4</v>
      </c>
      <c r="D12" s="17">
        <v>10</v>
      </c>
    </row>
    <row r="13" spans="1:4" ht="18" customHeight="1" x14ac:dyDescent="0.2">
      <c r="A13" s="14">
        <v>7</v>
      </c>
      <c r="B13" s="15">
        <v>5</v>
      </c>
      <c r="C13" s="16">
        <v>8</v>
      </c>
      <c r="D13" s="17">
        <v>13</v>
      </c>
    </row>
    <row r="14" spans="1:4" ht="18" customHeight="1" x14ac:dyDescent="0.2">
      <c r="A14" s="14">
        <v>8</v>
      </c>
      <c r="B14" s="15">
        <v>4</v>
      </c>
      <c r="C14" s="16">
        <v>7</v>
      </c>
      <c r="D14" s="17">
        <v>11</v>
      </c>
    </row>
    <row r="15" spans="1:4" ht="18" customHeight="1" x14ac:dyDescent="0.2">
      <c r="A15" s="14">
        <v>9</v>
      </c>
      <c r="B15" s="15">
        <v>8</v>
      </c>
      <c r="C15" s="16">
        <v>6</v>
      </c>
      <c r="D15" s="17">
        <v>14</v>
      </c>
    </row>
    <row r="16" spans="1:4" ht="18" customHeight="1" x14ac:dyDescent="0.2">
      <c r="A16" s="18" t="s">
        <v>67</v>
      </c>
      <c r="B16" s="15">
        <v>33</v>
      </c>
      <c r="C16" s="16">
        <v>29</v>
      </c>
      <c r="D16" s="17">
        <v>62</v>
      </c>
    </row>
    <row r="17" spans="1:4" ht="18" customHeight="1" x14ac:dyDescent="0.2">
      <c r="A17" s="14">
        <v>10</v>
      </c>
      <c r="B17" s="15">
        <v>3</v>
      </c>
      <c r="C17" s="16">
        <v>2</v>
      </c>
      <c r="D17" s="17">
        <v>5</v>
      </c>
    </row>
    <row r="18" spans="1:4" ht="18" customHeight="1" x14ac:dyDescent="0.2">
      <c r="A18" s="14">
        <v>11</v>
      </c>
      <c r="B18" s="15">
        <v>5</v>
      </c>
      <c r="C18" s="16">
        <v>2</v>
      </c>
      <c r="D18" s="17">
        <v>7</v>
      </c>
    </row>
    <row r="19" spans="1:4" ht="18" customHeight="1" x14ac:dyDescent="0.2">
      <c r="A19" s="14">
        <v>12</v>
      </c>
      <c r="B19" s="15">
        <v>5</v>
      </c>
      <c r="C19" s="16">
        <v>5</v>
      </c>
      <c r="D19" s="17">
        <v>10</v>
      </c>
    </row>
    <row r="20" spans="1:4" ht="18" customHeight="1" x14ac:dyDescent="0.2">
      <c r="A20" s="14">
        <v>13</v>
      </c>
      <c r="B20" s="15">
        <v>4</v>
      </c>
      <c r="C20" s="16">
        <v>4</v>
      </c>
      <c r="D20" s="17">
        <v>8</v>
      </c>
    </row>
    <row r="21" spans="1:4" ht="18" customHeight="1" x14ac:dyDescent="0.2">
      <c r="A21" s="14">
        <v>14</v>
      </c>
      <c r="B21" s="15">
        <v>6</v>
      </c>
      <c r="C21" s="16">
        <v>8</v>
      </c>
      <c r="D21" s="17">
        <v>14</v>
      </c>
    </row>
    <row r="22" spans="1:4" ht="18" customHeight="1" x14ac:dyDescent="0.2">
      <c r="A22" s="18" t="s">
        <v>68</v>
      </c>
      <c r="B22" s="15">
        <v>23</v>
      </c>
      <c r="C22" s="16">
        <v>21</v>
      </c>
      <c r="D22" s="17">
        <v>44</v>
      </c>
    </row>
    <row r="23" spans="1:4" ht="18" customHeight="1" x14ac:dyDescent="0.2">
      <c r="A23" s="18" t="s">
        <v>69</v>
      </c>
      <c r="B23" s="15">
        <v>85</v>
      </c>
      <c r="C23" s="16">
        <v>81</v>
      </c>
      <c r="D23" s="17">
        <v>166</v>
      </c>
    </row>
    <row r="24" spans="1:4" ht="18" customHeight="1" x14ac:dyDescent="0.2">
      <c r="A24" s="14">
        <v>15</v>
      </c>
      <c r="B24" s="15">
        <v>5</v>
      </c>
      <c r="C24" s="16">
        <v>2</v>
      </c>
      <c r="D24" s="17">
        <v>7</v>
      </c>
    </row>
    <row r="25" spans="1:4" ht="18" customHeight="1" x14ac:dyDescent="0.2">
      <c r="A25" s="14">
        <v>16</v>
      </c>
      <c r="B25" s="15">
        <v>8</v>
      </c>
      <c r="C25" s="16">
        <v>4</v>
      </c>
      <c r="D25" s="17">
        <v>12</v>
      </c>
    </row>
    <row r="26" spans="1:4" ht="18" customHeight="1" x14ac:dyDescent="0.2">
      <c r="A26" s="14">
        <v>17</v>
      </c>
      <c r="B26" s="15">
        <v>4</v>
      </c>
      <c r="C26" s="16">
        <v>4</v>
      </c>
      <c r="D26" s="17">
        <v>8</v>
      </c>
    </row>
    <row r="27" spans="1:4" ht="18" customHeight="1" x14ac:dyDescent="0.2">
      <c r="A27" s="14">
        <v>18</v>
      </c>
      <c r="B27" s="15">
        <v>1</v>
      </c>
      <c r="C27" s="16">
        <v>2</v>
      </c>
      <c r="D27" s="17">
        <v>3</v>
      </c>
    </row>
    <row r="28" spans="1:4" ht="18" customHeight="1" x14ac:dyDescent="0.2">
      <c r="A28" s="14">
        <v>19</v>
      </c>
      <c r="B28" s="15">
        <v>2</v>
      </c>
      <c r="C28" s="16">
        <v>10</v>
      </c>
      <c r="D28" s="17">
        <v>12</v>
      </c>
    </row>
    <row r="29" spans="1:4" ht="18" customHeight="1" x14ac:dyDescent="0.2">
      <c r="A29" s="18" t="s">
        <v>70</v>
      </c>
      <c r="B29" s="15">
        <v>20</v>
      </c>
      <c r="C29" s="16">
        <v>22</v>
      </c>
      <c r="D29" s="17">
        <v>42</v>
      </c>
    </row>
    <row r="30" spans="1:4" ht="18" customHeight="1" x14ac:dyDescent="0.2">
      <c r="A30" s="14">
        <v>20</v>
      </c>
      <c r="B30" s="15">
        <v>2</v>
      </c>
      <c r="C30" s="16">
        <v>8</v>
      </c>
      <c r="D30" s="17">
        <v>10</v>
      </c>
    </row>
    <row r="31" spans="1:4" ht="18" customHeight="1" x14ac:dyDescent="0.2">
      <c r="A31" s="14">
        <v>21</v>
      </c>
      <c r="B31" s="15">
        <v>5</v>
      </c>
      <c r="C31" s="16">
        <v>2</v>
      </c>
      <c r="D31" s="17">
        <v>7</v>
      </c>
    </row>
    <row r="32" spans="1:4" ht="18" customHeight="1" x14ac:dyDescent="0.2">
      <c r="A32" s="14">
        <v>22</v>
      </c>
      <c r="B32" s="15">
        <v>5</v>
      </c>
      <c r="C32" s="16">
        <v>5</v>
      </c>
      <c r="D32" s="17">
        <v>10</v>
      </c>
    </row>
    <row r="33" spans="1:4" ht="18" customHeight="1" x14ac:dyDescent="0.2">
      <c r="A33" s="14">
        <v>23</v>
      </c>
      <c r="B33" s="15">
        <v>6</v>
      </c>
      <c r="C33" s="16">
        <v>3</v>
      </c>
      <c r="D33" s="17">
        <v>9</v>
      </c>
    </row>
    <row r="34" spans="1:4" ht="18" customHeight="1" x14ac:dyDescent="0.2">
      <c r="A34" s="14">
        <v>24</v>
      </c>
      <c r="B34" s="15">
        <v>9</v>
      </c>
      <c r="C34" s="16">
        <v>8</v>
      </c>
      <c r="D34" s="17">
        <v>17</v>
      </c>
    </row>
    <row r="35" spans="1:4" ht="18" customHeight="1" x14ac:dyDescent="0.2">
      <c r="A35" s="18" t="s">
        <v>71</v>
      </c>
      <c r="B35" s="15">
        <v>27</v>
      </c>
      <c r="C35" s="16">
        <v>26</v>
      </c>
      <c r="D35" s="17">
        <v>53</v>
      </c>
    </row>
    <row r="36" spans="1:4" ht="18" customHeight="1" x14ac:dyDescent="0.2">
      <c r="A36" s="14">
        <v>25</v>
      </c>
      <c r="B36" s="15">
        <v>9</v>
      </c>
      <c r="C36" s="16">
        <v>9</v>
      </c>
      <c r="D36" s="17">
        <v>18</v>
      </c>
    </row>
    <row r="37" spans="1:4" ht="18" customHeight="1" x14ac:dyDescent="0.2">
      <c r="A37" s="14">
        <v>26</v>
      </c>
      <c r="B37" s="15">
        <v>6</v>
      </c>
      <c r="C37" s="16">
        <v>4</v>
      </c>
      <c r="D37" s="17">
        <v>10</v>
      </c>
    </row>
    <row r="38" spans="1:4" ht="18" customHeight="1" x14ac:dyDescent="0.2">
      <c r="A38" s="14">
        <v>27</v>
      </c>
      <c r="B38" s="15">
        <v>13</v>
      </c>
      <c r="C38" s="16">
        <v>6</v>
      </c>
      <c r="D38" s="17">
        <v>19</v>
      </c>
    </row>
    <row r="39" spans="1:4" ht="18" customHeight="1" x14ac:dyDescent="0.2">
      <c r="A39" s="14">
        <v>28</v>
      </c>
      <c r="B39" s="15">
        <v>5</v>
      </c>
      <c r="C39" s="16">
        <v>9</v>
      </c>
      <c r="D39" s="17">
        <v>14</v>
      </c>
    </row>
    <row r="40" spans="1:4" ht="18" customHeight="1" x14ac:dyDescent="0.2">
      <c r="A40" s="14">
        <v>29</v>
      </c>
      <c r="B40" s="15">
        <v>10</v>
      </c>
      <c r="C40" s="16">
        <v>12</v>
      </c>
      <c r="D40" s="17">
        <v>22</v>
      </c>
    </row>
    <row r="41" spans="1:4" ht="18" customHeight="1" x14ac:dyDescent="0.2">
      <c r="A41" s="18" t="s">
        <v>72</v>
      </c>
      <c r="B41" s="15">
        <v>43</v>
      </c>
      <c r="C41" s="16">
        <v>40</v>
      </c>
      <c r="D41" s="17">
        <v>83</v>
      </c>
    </row>
    <row r="42" spans="1:4" ht="18" customHeight="1" x14ac:dyDescent="0.2">
      <c r="A42" s="14">
        <v>30</v>
      </c>
      <c r="B42" s="15">
        <v>11</v>
      </c>
      <c r="C42" s="16">
        <v>11</v>
      </c>
      <c r="D42" s="17">
        <v>22</v>
      </c>
    </row>
    <row r="43" spans="1:4" ht="18" customHeight="1" x14ac:dyDescent="0.2">
      <c r="A43" s="14">
        <v>31</v>
      </c>
      <c r="B43" s="15">
        <v>9</v>
      </c>
      <c r="C43" s="16">
        <v>12</v>
      </c>
      <c r="D43" s="17">
        <v>21</v>
      </c>
    </row>
    <row r="44" spans="1:4" ht="18" customHeight="1" x14ac:dyDescent="0.2">
      <c r="A44" s="14">
        <v>32</v>
      </c>
      <c r="B44" s="15">
        <v>10</v>
      </c>
      <c r="C44" s="16">
        <v>7</v>
      </c>
      <c r="D44" s="17">
        <v>17</v>
      </c>
    </row>
    <row r="45" spans="1:4" ht="18" customHeight="1" x14ac:dyDescent="0.2">
      <c r="A45" s="14">
        <v>33</v>
      </c>
      <c r="B45" s="15">
        <v>14</v>
      </c>
      <c r="C45" s="16">
        <v>8</v>
      </c>
      <c r="D45" s="17">
        <v>22</v>
      </c>
    </row>
    <row r="46" spans="1:4" ht="18" customHeight="1" x14ac:dyDescent="0.2">
      <c r="A46" s="14">
        <v>34</v>
      </c>
      <c r="B46" s="15">
        <v>13</v>
      </c>
      <c r="C46" s="16">
        <v>17</v>
      </c>
      <c r="D46" s="17">
        <v>30</v>
      </c>
    </row>
    <row r="47" spans="1:4" ht="18" customHeight="1" x14ac:dyDescent="0.2">
      <c r="A47" s="18" t="s">
        <v>73</v>
      </c>
      <c r="B47" s="15">
        <v>57</v>
      </c>
      <c r="C47" s="16">
        <v>55</v>
      </c>
      <c r="D47" s="17">
        <v>112</v>
      </c>
    </row>
    <row r="48" spans="1:4" ht="18" customHeight="1" x14ac:dyDescent="0.2">
      <c r="A48" s="14">
        <v>35</v>
      </c>
      <c r="B48" s="15">
        <v>8</v>
      </c>
      <c r="C48" s="16">
        <v>8</v>
      </c>
      <c r="D48" s="17">
        <v>16</v>
      </c>
    </row>
    <row r="49" spans="1:4" ht="18" customHeight="1" x14ac:dyDescent="0.2">
      <c r="A49" s="14">
        <v>36</v>
      </c>
      <c r="B49" s="15">
        <v>13</v>
      </c>
      <c r="C49" s="16">
        <v>12</v>
      </c>
      <c r="D49" s="17">
        <v>25</v>
      </c>
    </row>
    <row r="50" spans="1:4" ht="18" customHeight="1" x14ac:dyDescent="0.2">
      <c r="A50" s="14">
        <v>37</v>
      </c>
      <c r="B50" s="15">
        <v>14</v>
      </c>
      <c r="C50" s="16">
        <v>10</v>
      </c>
      <c r="D50" s="17">
        <v>24</v>
      </c>
    </row>
    <row r="51" spans="1:4" ht="18" customHeight="1" x14ac:dyDescent="0.2">
      <c r="A51" s="14">
        <v>38</v>
      </c>
      <c r="B51" s="15">
        <v>5</v>
      </c>
      <c r="C51" s="16">
        <v>10</v>
      </c>
      <c r="D51" s="17">
        <v>15</v>
      </c>
    </row>
    <row r="52" spans="1:4" ht="18" customHeight="1" x14ac:dyDescent="0.2">
      <c r="A52" s="14">
        <v>39</v>
      </c>
      <c r="B52" s="15">
        <v>10</v>
      </c>
      <c r="C52" s="16">
        <v>12</v>
      </c>
      <c r="D52" s="17">
        <v>22</v>
      </c>
    </row>
    <row r="53" spans="1:4" ht="18" customHeight="1" x14ac:dyDescent="0.2">
      <c r="A53" s="18" t="s">
        <v>74</v>
      </c>
      <c r="B53" s="15">
        <v>50</v>
      </c>
      <c r="C53" s="16">
        <v>52</v>
      </c>
      <c r="D53" s="17">
        <v>102</v>
      </c>
    </row>
    <row r="54" spans="1:4" ht="18" customHeight="1" x14ac:dyDescent="0.2">
      <c r="A54" s="14">
        <v>40</v>
      </c>
      <c r="B54" s="15">
        <v>12</v>
      </c>
      <c r="C54" s="16">
        <v>11</v>
      </c>
      <c r="D54" s="17">
        <v>23</v>
      </c>
    </row>
    <row r="55" spans="1:4" ht="18" customHeight="1" x14ac:dyDescent="0.2">
      <c r="A55" s="14">
        <v>41</v>
      </c>
      <c r="B55" s="15">
        <v>14</v>
      </c>
      <c r="C55" s="16">
        <v>15</v>
      </c>
      <c r="D55" s="17">
        <v>29</v>
      </c>
    </row>
    <row r="56" spans="1:4" ht="18" customHeight="1" x14ac:dyDescent="0.2">
      <c r="A56" s="14">
        <v>42</v>
      </c>
      <c r="B56" s="15">
        <v>14</v>
      </c>
      <c r="C56" s="16">
        <v>12</v>
      </c>
      <c r="D56" s="17">
        <v>26</v>
      </c>
    </row>
    <row r="57" spans="1:4" ht="18" customHeight="1" x14ac:dyDescent="0.2">
      <c r="A57" s="14">
        <v>43</v>
      </c>
      <c r="B57" s="15">
        <v>11</v>
      </c>
      <c r="C57" s="16">
        <v>11</v>
      </c>
      <c r="D57" s="17">
        <v>22</v>
      </c>
    </row>
    <row r="58" spans="1:4" ht="18" customHeight="1" x14ac:dyDescent="0.2">
      <c r="A58" s="14">
        <v>44</v>
      </c>
      <c r="B58" s="15">
        <v>8</v>
      </c>
      <c r="C58" s="16">
        <v>11</v>
      </c>
      <c r="D58" s="17">
        <v>19</v>
      </c>
    </row>
    <row r="59" spans="1:4" ht="18" customHeight="1" x14ac:dyDescent="0.2">
      <c r="A59" s="18" t="s">
        <v>75</v>
      </c>
      <c r="B59" s="15">
        <v>59</v>
      </c>
      <c r="C59" s="16">
        <v>60</v>
      </c>
      <c r="D59" s="17">
        <v>119</v>
      </c>
    </row>
    <row r="60" spans="1:4" ht="18" customHeight="1" x14ac:dyDescent="0.2">
      <c r="A60" s="14">
        <v>45</v>
      </c>
      <c r="B60" s="15">
        <v>8</v>
      </c>
      <c r="C60" s="16">
        <v>14</v>
      </c>
      <c r="D60" s="17">
        <v>22</v>
      </c>
    </row>
    <row r="61" spans="1:4" ht="18" customHeight="1" x14ac:dyDescent="0.2">
      <c r="A61" s="14">
        <v>46</v>
      </c>
      <c r="B61" s="15">
        <v>9</v>
      </c>
      <c r="C61" s="16">
        <v>10</v>
      </c>
      <c r="D61" s="17">
        <v>19</v>
      </c>
    </row>
    <row r="62" spans="1:4" ht="18" customHeight="1" x14ac:dyDescent="0.2">
      <c r="A62" s="14">
        <v>47</v>
      </c>
      <c r="B62" s="15">
        <v>12</v>
      </c>
      <c r="C62" s="16">
        <v>9</v>
      </c>
      <c r="D62" s="17">
        <v>21</v>
      </c>
    </row>
    <row r="63" spans="1:4" ht="18" customHeight="1" x14ac:dyDescent="0.2">
      <c r="A63" s="14">
        <v>48</v>
      </c>
      <c r="B63" s="15">
        <v>6</v>
      </c>
      <c r="C63" s="16">
        <v>8</v>
      </c>
      <c r="D63" s="17">
        <v>14</v>
      </c>
    </row>
    <row r="64" spans="1:4" ht="18" customHeight="1" x14ac:dyDescent="0.2">
      <c r="A64" s="14">
        <v>49</v>
      </c>
      <c r="B64" s="15">
        <v>11</v>
      </c>
      <c r="C64" s="16">
        <v>6</v>
      </c>
      <c r="D64" s="17">
        <v>17</v>
      </c>
    </row>
    <row r="65" spans="1:4" ht="18" customHeight="1" x14ac:dyDescent="0.2">
      <c r="A65" s="18" t="s">
        <v>76</v>
      </c>
      <c r="B65" s="15">
        <v>46</v>
      </c>
      <c r="C65" s="16">
        <v>47</v>
      </c>
      <c r="D65" s="17">
        <v>93</v>
      </c>
    </row>
    <row r="66" spans="1:4" ht="18" customHeight="1" x14ac:dyDescent="0.2">
      <c r="A66" s="14">
        <v>50</v>
      </c>
      <c r="B66" s="15">
        <v>9</v>
      </c>
      <c r="C66" s="16">
        <v>10</v>
      </c>
      <c r="D66" s="17">
        <v>19</v>
      </c>
    </row>
    <row r="67" spans="1:4" ht="18" customHeight="1" x14ac:dyDescent="0.2">
      <c r="A67" s="14">
        <v>51</v>
      </c>
      <c r="B67" s="15">
        <v>8</v>
      </c>
      <c r="C67" s="16">
        <v>12</v>
      </c>
      <c r="D67" s="17">
        <v>20</v>
      </c>
    </row>
    <row r="68" spans="1:4" ht="18" customHeight="1" x14ac:dyDescent="0.2">
      <c r="A68" s="14">
        <v>52</v>
      </c>
      <c r="B68" s="15">
        <v>13</v>
      </c>
      <c r="C68" s="16">
        <v>10</v>
      </c>
      <c r="D68" s="17">
        <v>23</v>
      </c>
    </row>
    <row r="69" spans="1:4" ht="18" customHeight="1" x14ac:dyDescent="0.2">
      <c r="A69" s="14">
        <v>53</v>
      </c>
      <c r="B69" s="15">
        <v>6</v>
      </c>
      <c r="C69" s="16">
        <v>11</v>
      </c>
      <c r="D69" s="17">
        <v>17</v>
      </c>
    </row>
    <row r="70" spans="1:4" ht="18" customHeight="1" x14ac:dyDescent="0.2">
      <c r="A70" s="14">
        <v>54</v>
      </c>
      <c r="B70" s="15">
        <v>8</v>
      </c>
      <c r="C70" s="16">
        <v>10</v>
      </c>
      <c r="D70" s="17">
        <v>18</v>
      </c>
    </row>
    <row r="71" spans="1:4" ht="18" customHeight="1" x14ac:dyDescent="0.2">
      <c r="A71" s="18" t="s">
        <v>77</v>
      </c>
      <c r="B71" s="15">
        <v>44</v>
      </c>
      <c r="C71" s="16">
        <v>53</v>
      </c>
      <c r="D71" s="17">
        <v>97</v>
      </c>
    </row>
    <row r="72" spans="1:4" ht="18" customHeight="1" x14ac:dyDescent="0.2">
      <c r="A72" s="14">
        <v>55</v>
      </c>
      <c r="B72" s="15">
        <v>3</v>
      </c>
      <c r="C72" s="16">
        <v>12</v>
      </c>
      <c r="D72" s="17">
        <v>15</v>
      </c>
    </row>
    <row r="73" spans="1:4" ht="18" customHeight="1" x14ac:dyDescent="0.2">
      <c r="A73" s="14">
        <v>56</v>
      </c>
      <c r="B73" s="15">
        <v>12</v>
      </c>
      <c r="C73" s="16">
        <v>15</v>
      </c>
      <c r="D73" s="17">
        <v>27</v>
      </c>
    </row>
    <row r="74" spans="1:4" ht="18" customHeight="1" x14ac:dyDescent="0.2">
      <c r="A74" s="14">
        <v>57</v>
      </c>
      <c r="B74" s="15">
        <v>11</v>
      </c>
      <c r="C74" s="16">
        <v>16</v>
      </c>
      <c r="D74" s="17">
        <v>27</v>
      </c>
    </row>
    <row r="75" spans="1:4" ht="18" customHeight="1" x14ac:dyDescent="0.2">
      <c r="A75" s="14">
        <v>58</v>
      </c>
      <c r="B75" s="15">
        <v>17</v>
      </c>
      <c r="C75" s="16">
        <v>14</v>
      </c>
      <c r="D75" s="17">
        <v>31</v>
      </c>
    </row>
    <row r="76" spans="1:4" ht="18" customHeight="1" x14ac:dyDescent="0.2">
      <c r="A76" s="14">
        <v>59</v>
      </c>
      <c r="B76" s="15">
        <v>18</v>
      </c>
      <c r="C76" s="16">
        <v>11</v>
      </c>
      <c r="D76" s="17">
        <v>29</v>
      </c>
    </row>
    <row r="77" spans="1:4" ht="18" customHeight="1" x14ac:dyDescent="0.2">
      <c r="A77" s="18" t="s">
        <v>78</v>
      </c>
      <c r="B77" s="15">
        <v>61</v>
      </c>
      <c r="C77" s="16">
        <v>68</v>
      </c>
      <c r="D77" s="17">
        <v>129</v>
      </c>
    </row>
    <row r="78" spans="1:4" ht="18" customHeight="1" x14ac:dyDescent="0.2">
      <c r="A78" s="14">
        <v>60</v>
      </c>
      <c r="B78" s="15">
        <v>12</v>
      </c>
      <c r="C78" s="16">
        <v>18</v>
      </c>
      <c r="D78" s="17">
        <v>30</v>
      </c>
    </row>
    <row r="79" spans="1:4" ht="18" customHeight="1" x14ac:dyDescent="0.2">
      <c r="A79" s="14">
        <v>61</v>
      </c>
      <c r="B79" s="15">
        <v>16</v>
      </c>
      <c r="C79" s="16">
        <v>11</v>
      </c>
      <c r="D79" s="17">
        <v>27</v>
      </c>
    </row>
    <row r="80" spans="1:4" ht="18" customHeight="1" x14ac:dyDescent="0.2">
      <c r="A80" s="14">
        <v>62</v>
      </c>
      <c r="B80" s="15">
        <v>13</v>
      </c>
      <c r="C80" s="16">
        <v>26</v>
      </c>
      <c r="D80" s="17">
        <v>39</v>
      </c>
    </row>
    <row r="81" spans="1:4" ht="18" customHeight="1" x14ac:dyDescent="0.2">
      <c r="A81" s="14">
        <v>63</v>
      </c>
      <c r="B81" s="15">
        <v>12</v>
      </c>
      <c r="C81" s="16">
        <v>7</v>
      </c>
      <c r="D81" s="17">
        <v>19</v>
      </c>
    </row>
    <row r="82" spans="1:4" ht="18" customHeight="1" x14ac:dyDescent="0.2">
      <c r="A82" s="14">
        <v>64</v>
      </c>
      <c r="B82" s="15">
        <v>5</v>
      </c>
      <c r="C82" s="16">
        <v>21</v>
      </c>
      <c r="D82" s="17">
        <v>26</v>
      </c>
    </row>
    <row r="83" spans="1:4" ht="18" customHeight="1" x14ac:dyDescent="0.2">
      <c r="A83" s="18" t="s">
        <v>79</v>
      </c>
      <c r="B83" s="15">
        <v>58</v>
      </c>
      <c r="C83" s="16">
        <v>83</v>
      </c>
      <c r="D83" s="17">
        <v>141</v>
      </c>
    </row>
    <row r="84" spans="1:4" ht="18" customHeight="1" x14ac:dyDescent="0.2">
      <c r="A84" s="18" t="s">
        <v>80</v>
      </c>
      <c r="B84" s="15">
        <v>465</v>
      </c>
      <c r="C84" s="16">
        <v>506</v>
      </c>
      <c r="D84" s="17">
        <v>971</v>
      </c>
    </row>
    <row r="85" spans="1:4" ht="18" customHeight="1" x14ac:dyDescent="0.2">
      <c r="A85" s="14">
        <v>65</v>
      </c>
      <c r="B85" s="15">
        <v>15</v>
      </c>
      <c r="C85" s="16">
        <v>14</v>
      </c>
      <c r="D85" s="17">
        <v>29</v>
      </c>
    </row>
    <row r="86" spans="1:4" ht="18" customHeight="1" x14ac:dyDescent="0.2">
      <c r="A86" s="14">
        <v>66</v>
      </c>
      <c r="B86" s="15">
        <v>12</v>
      </c>
      <c r="C86" s="16">
        <v>9</v>
      </c>
      <c r="D86" s="17">
        <v>21</v>
      </c>
    </row>
    <row r="87" spans="1:4" ht="18" customHeight="1" x14ac:dyDescent="0.2">
      <c r="A87" s="14">
        <v>67</v>
      </c>
      <c r="B87" s="15">
        <v>14</v>
      </c>
      <c r="C87" s="16">
        <v>27</v>
      </c>
      <c r="D87" s="17">
        <v>41</v>
      </c>
    </row>
    <row r="88" spans="1:4" ht="18" customHeight="1" x14ac:dyDescent="0.2">
      <c r="A88" s="14">
        <v>68</v>
      </c>
      <c r="B88" s="15">
        <v>10</v>
      </c>
      <c r="C88" s="16">
        <v>26</v>
      </c>
      <c r="D88" s="17">
        <v>36</v>
      </c>
    </row>
    <row r="89" spans="1:4" ht="18" customHeight="1" x14ac:dyDescent="0.2">
      <c r="A89" s="14">
        <v>69</v>
      </c>
      <c r="B89" s="15">
        <v>15</v>
      </c>
      <c r="C89" s="16">
        <v>20</v>
      </c>
      <c r="D89" s="17">
        <v>35</v>
      </c>
    </row>
    <row r="90" spans="1:4" ht="18" customHeight="1" x14ac:dyDescent="0.2">
      <c r="A90" s="18" t="s">
        <v>81</v>
      </c>
      <c r="B90" s="15">
        <v>66</v>
      </c>
      <c r="C90" s="16">
        <v>96</v>
      </c>
      <c r="D90" s="17">
        <v>162</v>
      </c>
    </row>
    <row r="91" spans="1:4" ht="18" customHeight="1" x14ac:dyDescent="0.2">
      <c r="A91" s="14">
        <v>70</v>
      </c>
      <c r="B91" s="15">
        <v>11</v>
      </c>
      <c r="C91" s="16">
        <v>10</v>
      </c>
      <c r="D91" s="17">
        <v>21</v>
      </c>
    </row>
    <row r="92" spans="1:4" ht="18" customHeight="1" x14ac:dyDescent="0.2">
      <c r="A92" s="14">
        <v>71</v>
      </c>
      <c r="B92" s="15">
        <v>16</v>
      </c>
      <c r="C92" s="16">
        <v>9</v>
      </c>
      <c r="D92" s="17">
        <v>25</v>
      </c>
    </row>
    <row r="93" spans="1:4" ht="18" customHeight="1" x14ac:dyDescent="0.2">
      <c r="A93" s="14">
        <v>72</v>
      </c>
      <c r="B93" s="15">
        <v>17</v>
      </c>
      <c r="C93" s="16">
        <v>15</v>
      </c>
      <c r="D93" s="17">
        <v>32</v>
      </c>
    </row>
    <row r="94" spans="1:4" ht="18" customHeight="1" x14ac:dyDescent="0.2">
      <c r="A94" s="14">
        <v>73</v>
      </c>
      <c r="B94" s="15">
        <v>8</v>
      </c>
      <c r="C94" s="16">
        <v>11</v>
      </c>
      <c r="D94" s="17">
        <v>19</v>
      </c>
    </row>
    <row r="95" spans="1:4" ht="18" customHeight="1" x14ac:dyDescent="0.2">
      <c r="A95" s="14">
        <v>74</v>
      </c>
      <c r="B95" s="15">
        <v>7</v>
      </c>
      <c r="C95" s="16">
        <v>13</v>
      </c>
      <c r="D95" s="17">
        <v>20</v>
      </c>
    </row>
    <row r="96" spans="1:4" ht="18" customHeight="1" x14ac:dyDescent="0.2">
      <c r="A96" s="18" t="s">
        <v>82</v>
      </c>
      <c r="B96" s="15">
        <v>59</v>
      </c>
      <c r="C96" s="16">
        <v>58</v>
      </c>
      <c r="D96" s="17">
        <v>117</v>
      </c>
    </row>
    <row r="97" spans="1:4" ht="18" customHeight="1" x14ac:dyDescent="0.2">
      <c r="A97" s="14">
        <v>75</v>
      </c>
      <c r="B97" s="15">
        <v>13</v>
      </c>
      <c r="C97" s="16">
        <v>11</v>
      </c>
      <c r="D97" s="17">
        <v>24</v>
      </c>
    </row>
    <row r="98" spans="1:4" ht="18" customHeight="1" x14ac:dyDescent="0.2">
      <c r="A98" s="14">
        <v>76</v>
      </c>
      <c r="B98" s="15">
        <v>7</v>
      </c>
      <c r="C98" s="16">
        <v>10</v>
      </c>
      <c r="D98" s="17">
        <v>17</v>
      </c>
    </row>
    <row r="99" spans="1:4" ht="18" customHeight="1" x14ac:dyDescent="0.2">
      <c r="A99" s="14">
        <v>77</v>
      </c>
      <c r="B99" s="15">
        <v>7</v>
      </c>
      <c r="C99" s="16">
        <v>13</v>
      </c>
      <c r="D99" s="17">
        <v>20</v>
      </c>
    </row>
    <row r="100" spans="1:4" ht="18" customHeight="1" x14ac:dyDescent="0.2">
      <c r="A100" s="14">
        <v>78</v>
      </c>
      <c r="B100" s="15">
        <v>12</v>
      </c>
      <c r="C100" s="16">
        <v>8</v>
      </c>
      <c r="D100" s="17">
        <v>20</v>
      </c>
    </row>
    <row r="101" spans="1:4" ht="18" customHeight="1" x14ac:dyDescent="0.2">
      <c r="A101" s="14">
        <v>79</v>
      </c>
      <c r="B101" s="15">
        <v>9</v>
      </c>
      <c r="C101" s="16">
        <v>15</v>
      </c>
      <c r="D101" s="17">
        <v>24</v>
      </c>
    </row>
    <row r="102" spans="1:4" ht="18" customHeight="1" x14ac:dyDescent="0.2">
      <c r="A102" s="18" t="s">
        <v>83</v>
      </c>
      <c r="B102" s="15">
        <v>48</v>
      </c>
      <c r="C102" s="16">
        <v>57</v>
      </c>
      <c r="D102" s="17">
        <v>105</v>
      </c>
    </row>
    <row r="103" spans="1:4" ht="18" customHeight="1" x14ac:dyDescent="0.2">
      <c r="A103" s="14">
        <v>80</v>
      </c>
      <c r="B103" s="15">
        <v>11</v>
      </c>
      <c r="C103" s="16">
        <v>13</v>
      </c>
      <c r="D103" s="17">
        <v>24</v>
      </c>
    </row>
    <row r="104" spans="1:4" ht="18" customHeight="1" x14ac:dyDescent="0.2">
      <c r="A104" s="14">
        <v>81</v>
      </c>
      <c r="B104" s="15">
        <v>0</v>
      </c>
      <c r="C104" s="16">
        <v>11</v>
      </c>
      <c r="D104" s="17">
        <v>11</v>
      </c>
    </row>
    <row r="105" spans="1:4" ht="18" customHeight="1" x14ac:dyDescent="0.2">
      <c r="A105" s="14">
        <v>82</v>
      </c>
      <c r="B105" s="15">
        <v>6</v>
      </c>
      <c r="C105" s="16">
        <v>10</v>
      </c>
      <c r="D105" s="17">
        <v>16</v>
      </c>
    </row>
    <row r="106" spans="1:4" ht="18" customHeight="1" x14ac:dyDescent="0.2">
      <c r="A106" s="14">
        <v>83</v>
      </c>
      <c r="B106" s="15">
        <v>3</v>
      </c>
      <c r="C106" s="16">
        <v>9</v>
      </c>
      <c r="D106" s="17">
        <v>12</v>
      </c>
    </row>
    <row r="107" spans="1:4" ht="18" customHeight="1" x14ac:dyDescent="0.2">
      <c r="A107" s="14">
        <v>84</v>
      </c>
      <c r="B107" s="15">
        <v>5</v>
      </c>
      <c r="C107" s="16">
        <v>9</v>
      </c>
      <c r="D107" s="17">
        <v>14</v>
      </c>
    </row>
    <row r="108" spans="1:4" ht="18" customHeight="1" x14ac:dyDescent="0.2">
      <c r="A108" s="18" t="s">
        <v>84</v>
      </c>
      <c r="B108" s="15">
        <v>25</v>
      </c>
      <c r="C108" s="16">
        <v>52</v>
      </c>
      <c r="D108" s="17">
        <v>77</v>
      </c>
    </row>
    <row r="109" spans="1:4" ht="18" customHeight="1" x14ac:dyDescent="0.2">
      <c r="A109" s="14">
        <v>85</v>
      </c>
      <c r="B109" s="15">
        <v>6</v>
      </c>
      <c r="C109" s="16">
        <v>13</v>
      </c>
      <c r="D109" s="17">
        <v>19</v>
      </c>
    </row>
    <row r="110" spans="1:4" ht="18" customHeight="1" x14ac:dyDescent="0.2">
      <c r="A110" s="14">
        <v>86</v>
      </c>
      <c r="B110" s="15">
        <v>1</v>
      </c>
      <c r="C110" s="16">
        <v>6</v>
      </c>
      <c r="D110" s="17">
        <v>7</v>
      </c>
    </row>
    <row r="111" spans="1:4" ht="18" customHeight="1" x14ac:dyDescent="0.2">
      <c r="A111" s="14">
        <v>87</v>
      </c>
      <c r="B111" s="15">
        <v>1</v>
      </c>
      <c r="C111" s="16">
        <v>9</v>
      </c>
      <c r="D111" s="17">
        <v>10</v>
      </c>
    </row>
    <row r="112" spans="1:4" ht="18" customHeight="1" x14ac:dyDescent="0.2">
      <c r="A112" s="14">
        <v>88</v>
      </c>
      <c r="B112" s="15">
        <v>1</v>
      </c>
      <c r="C112" s="16">
        <v>6</v>
      </c>
      <c r="D112" s="17">
        <v>7</v>
      </c>
    </row>
    <row r="113" spans="1:4" ht="18" customHeight="1" x14ac:dyDescent="0.2">
      <c r="A113" s="14">
        <v>89</v>
      </c>
      <c r="B113" s="15">
        <v>2</v>
      </c>
      <c r="C113" s="16">
        <v>4</v>
      </c>
      <c r="D113" s="17">
        <v>6</v>
      </c>
    </row>
    <row r="114" spans="1:4" ht="18" customHeight="1" x14ac:dyDescent="0.2">
      <c r="A114" s="18" t="s">
        <v>85</v>
      </c>
      <c r="B114" s="15">
        <v>11</v>
      </c>
      <c r="C114" s="16">
        <v>38</v>
      </c>
      <c r="D114" s="17">
        <v>49</v>
      </c>
    </row>
    <row r="115" spans="1:4" ht="18" customHeight="1" x14ac:dyDescent="0.2">
      <c r="A115" s="14">
        <v>90</v>
      </c>
      <c r="B115" s="15">
        <v>0</v>
      </c>
      <c r="C115" s="16">
        <v>5</v>
      </c>
      <c r="D115" s="17">
        <v>5</v>
      </c>
    </row>
    <row r="116" spans="1:4" ht="18" customHeight="1" x14ac:dyDescent="0.2">
      <c r="A116" s="14">
        <v>91</v>
      </c>
      <c r="B116" s="15">
        <v>0</v>
      </c>
      <c r="C116" s="16">
        <v>2</v>
      </c>
      <c r="D116" s="17">
        <v>2</v>
      </c>
    </row>
    <row r="117" spans="1:4" ht="18" customHeight="1" x14ac:dyDescent="0.2">
      <c r="A117" s="14">
        <v>92</v>
      </c>
      <c r="B117" s="15">
        <v>1</v>
      </c>
      <c r="C117" s="16">
        <v>9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1</v>
      </c>
      <c r="D118" s="17">
        <v>1</v>
      </c>
    </row>
    <row r="119" spans="1:4" ht="18" customHeight="1" x14ac:dyDescent="0.2">
      <c r="A119" s="14">
        <v>94</v>
      </c>
      <c r="B119" s="15">
        <v>0</v>
      </c>
      <c r="C119" s="16">
        <v>4</v>
      </c>
      <c r="D119" s="17">
        <v>4</v>
      </c>
    </row>
    <row r="120" spans="1:4" ht="18" customHeight="1" x14ac:dyDescent="0.2">
      <c r="A120" s="18" t="s">
        <v>86</v>
      </c>
      <c r="B120" s="15">
        <v>1</v>
      </c>
      <c r="C120" s="16">
        <v>21</v>
      </c>
      <c r="D120" s="17">
        <v>22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0</v>
      </c>
      <c r="C126" s="16">
        <v>8</v>
      </c>
      <c r="D126" s="17">
        <v>8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88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89</v>
      </c>
      <c r="B129" s="15">
        <v>2</v>
      </c>
      <c r="C129" s="16">
        <v>4</v>
      </c>
      <c r="D129" s="17">
        <v>6</v>
      </c>
    </row>
    <row r="130" spans="1:4" ht="18" customHeight="1" x14ac:dyDescent="0.2">
      <c r="A130" s="18" t="s">
        <v>90</v>
      </c>
      <c r="B130" s="4">
        <v>212</v>
      </c>
      <c r="C130" s="5">
        <v>334</v>
      </c>
      <c r="D130" s="6">
        <v>546</v>
      </c>
    </row>
    <row r="131" spans="1:4" ht="18" customHeight="1" x14ac:dyDescent="0.2">
      <c r="A131" s="20" t="s">
        <v>65</v>
      </c>
      <c r="B131" s="7">
        <v>762</v>
      </c>
      <c r="C131" s="8">
        <v>921</v>
      </c>
      <c r="D131" s="9">
        <v>168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49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6</v>
      </c>
      <c r="C5" s="12">
        <v>57</v>
      </c>
      <c r="D5" s="13">
        <v>113</v>
      </c>
    </row>
    <row r="6" spans="1:4" ht="18" customHeight="1" x14ac:dyDescent="0.2">
      <c r="A6" s="14">
        <v>1</v>
      </c>
      <c r="B6" s="15">
        <v>61</v>
      </c>
      <c r="C6" s="16">
        <v>56</v>
      </c>
      <c r="D6" s="17">
        <v>117</v>
      </c>
    </row>
    <row r="7" spans="1:4" ht="18" customHeight="1" x14ac:dyDescent="0.2">
      <c r="A7" s="14">
        <v>2</v>
      </c>
      <c r="B7" s="15">
        <v>56</v>
      </c>
      <c r="C7" s="16">
        <v>58</v>
      </c>
      <c r="D7" s="17">
        <v>114</v>
      </c>
    </row>
    <row r="8" spans="1:4" ht="18" customHeight="1" x14ac:dyDescent="0.2">
      <c r="A8" s="14">
        <v>3</v>
      </c>
      <c r="B8" s="15">
        <v>53</v>
      </c>
      <c r="C8" s="16">
        <v>58</v>
      </c>
      <c r="D8" s="17">
        <v>111</v>
      </c>
    </row>
    <row r="9" spans="1:4" ht="18" customHeight="1" x14ac:dyDescent="0.2">
      <c r="A9" s="14">
        <v>4</v>
      </c>
      <c r="B9" s="15">
        <v>58</v>
      </c>
      <c r="C9" s="16">
        <v>57</v>
      </c>
      <c r="D9" s="17">
        <v>115</v>
      </c>
    </row>
    <row r="10" spans="1:4" ht="18" customHeight="1" x14ac:dyDescent="0.2">
      <c r="A10" s="18" t="s">
        <v>66</v>
      </c>
      <c r="B10" s="15">
        <v>284</v>
      </c>
      <c r="C10" s="16">
        <v>286</v>
      </c>
      <c r="D10" s="17">
        <v>570</v>
      </c>
    </row>
    <row r="11" spans="1:4" ht="18" customHeight="1" x14ac:dyDescent="0.2">
      <c r="A11" s="14">
        <v>5</v>
      </c>
      <c r="B11" s="15">
        <v>62</v>
      </c>
      <c r="C11" s="16">
        <v>67</v>
      </c>
      <c r="D11" s="17">
        <v>129</v>
      </c>
    </row>
    <row r="12" spans="1:4" ht="18" customHeight="1" x14ac:dyDescent="0.2">
      <c r="A12" s="14">
        <v>6</v>
      </c>
      <c r="B12" s="15">
        <v>48</v>
      </c>
      <c r="C12" s="16">
        <v>55</v>
      </c>
      <c r="D12" s="17">
        <v>103</v>
      </c>
    </row>
    <row r="13" spans="1:4" ht="18" customHeight="1" x14ac:dyDescent="0.2">
      <c r="A13" s="14">
        <v>7</v>
      </c>
      <c r="B13" s="15">
        <v>59</v>
      </c>
      <c r="C13" s="16">
        <v>51</v>
      </c>
      <c r="D13" s="17">
        <v>110</v>
      </c>
    </row>
    <row r="14" spans="1:4" ht="18" customHeight="1" x14ac:dyDescent="0.2">
      <c r="A14" s="14">
        <v>8</v>
      </c>
      <c r="B14" s="15">
        <v>53</v>
      </c>
      <c r="C14" s="16">
        <v>52</v>
      </c>
      <c r="D14" s="17">
        <v>105</v>
      </c>
    </row>
    <row r="15" spans="1:4" ht="18" customHeight="1" x14ac:dyDescent="0.2">
      <c r="A15" s="14">
        <v>9</v>
      </c>
      <c r="B15" s="15">
        <v>72</v>
      </c>
      <c r="C15" s="16">
        <v>60</v>
      </c>
      <c r="D15" s="17">
        <v>132</v>
      </c>
    </row>
    <row r="16" spans="1:4" ht="18" customHeight="1" x14ac:dyDescent="0.2">
      <c r="A16" s="18" t="s">
        <v>67</v>
      </c>
      <c r="B16" s="15">
        <v>294</v>
      </c>
      <c r="C16" s="16">
        <v>285</v>
      </c>
      <c r="D16" s="17">
        <v>579</v>
      </c>
    </row>
    <row r="17" spans="1:4" ht="18" customHeight="1" x14ac:dyDescent="0.2">
      <c r="A17" s="14">
        <v>10</v>
      </c>
      <c r="B17" s="15">
        <v>67</v>
      </c>
      <c r="C17" s="16">
        <v>43</v>
      </c>
      <c r="D17" s="17">
        <v>110</v>
      </c>
    </row>
    <row r="18" spans="1:4" ht="18" customHeight="1" x14ac:dyDescent="0.2">
      <c r="A18" s="14">
        <v>11</v>
      </c>
      <c r="B18" s="15">
        <v>71</v>
      </c>
      <c r="C18" s="16">
        <v>62</v>
      </c>
      <c r="D18" s="17">
        <v>133</v>
      </c>
    </row>
    <row r="19" spans="1:4" ht="18" customHeight="1" x14ac:dyDescent="0.2">
      <c r="A19" s="14">
        <v>12</v>
      </c>
      <c r="B19" s="15">
        <v>57</v>
      </c>
      <c r="C19" s="16">
        <v>52</v>
      </c>
      <c r="D19" s="17">
        <v>109</v>
      </c>
    </row>
    <row r="20" spans="1:4" ht="18" customHeight="1" x14ac:dyDescent="0.2">
      <c r="A20" s="14">
        <v>13</v>
      </c>
      <c r="B20" s="15">
        <v>44</v>
      </c>
      <c r="C20" s="16">
        <v>49</v>
      </c>
      <c r="D20" s="17">
        <v>93</v>
      </c>
    </row>
    <row r="21" spans="1:4" ht="18" customHeight="1" x14ac:dyDescent="0.2">
      <c r="A21" s="14">
        <v>14</v>
      </c>
      <c r="B21" s="15">
        <v>53</v>
      </c>
      <c r="C21" s="16">
        <v>43</v>
      </c>
      <c r="D21" s="17">
        <v>96</v>
      </c>
    </row>
    <row r="22" spans="1:4" ht="18" customHeight="1" x14ac:dyDescent="0.2">
      <c r="A22" s="18" t="s">
        <v>68</v>
      </c>
      <c r="B22" s="15">
        <v>292</v>
      </c>
      <c r="C22" s="16">
        <v>249</v>
      </c>
      <c r="D22" s="17">
        <v>541</v>
      </c>
    </row>
    <row r="23" spans="1:4" ht="18" customHeight="1" x14ac:dyDescent="0.2">
      <c r="A23" s="18" t="s">
        <v>69</v>
      </c>
      <c r="B23" s="15">
        <v>870</v>
      </c>
      <c r="C23" s="16">
        <v>820</v>
      </c>
      <c r="D23" s="17">
        <v>1690</v>
      </c>
    </row>
    <row r="24" spans="1:4" ht="18" customHeight="1" x14ac:dyDescent="0.2">
      <c r="A24" s="14">
        <v>15</v>
      </c>
      <c r="B24" s="15">
        <v>33</v>
      </c>
      <c r="C24" s="16">
        <v>39</v>
      </c>
      <c r="D24" s="17">
        <v>72</v>
      </c>
    </row>
    <row r="25" spans="1:4" ht="18" customHeight="1" x14ac:dyDescent="0.2">
      <c r="A25" s="14">
        <v>16</v>
      </c>
      <c r="B25" s="15">
        <v>40</v>
      </c>
      <c r="C25" s="16">
        <v>38</v>
      </c>
      <c r="D25" s="17">
        <v>78</v>
      </c>
    </row>
    <row r="26" spans="1:4" ht="18" customHeight="1" x14ac:dyDescent="0.2">
      <c r="A26" s="14">
        <v>17</v>
      </c>
      <c r="B26" s="15">
        <v>40</v>
      </c>
      <c r="C26" s="16">
        <v>33</v>
      </c>
      <c r="D26" s="17">
        <v>73</v>
      </c>
    </row>
    <row r="27" spans="1:4" ht="18" customHeight="1" x14ac:dyDescent="0.2">
      <c r="A27" s="14">
        <v>18</v>
      </c>
      <c r="B27" s="15">
        <v>32</v>
      </c>
      <c r="C27" s="16">
        <v>32</v>
      </c>
      <c r="D27" s="17">
        <v>64</v>
      </c>
    </row>
    <row r="28" spans="1:4" ht="18" customHeight="1" x14ac:dyDescent="0.2">
      <c r="A28" s="14">
        <v>19</v>
      </c>
      <c r="B28" s="15">
        <v>36</v>
      </c>
      <c r="C28" s="16">
        <v>32</v>
      </c>
      <c r="D28" s="17">
        <v>68</v>
      </c>
    </row>
    <row r="29" spans="1:4" ht="18" customHeight="1" x14ac:dyDescent="0.2">
      <c r="A29" s="18" t="s">
        <v>70</v>
      </c>
      <c r="B29" s="15">
        <v>181</v>
      </c>
      <c r="C29" s="16">
        <v>174</v>
      </c>
      <c r="D29" s="17">
        <v>355</v>
      </c>
    </row>
    <row r="30" spans="1:4" ht="18" customHeight="1" x14ac:dyDescent="0.2">
      <c r="A30" s="14">
        <v>20</v>
      </c>
      <c r="B30" s="15">
        <v>30</v>
      </c>
      <c r="C30" s="16">
        <v>24</v>
      </c>
      <c r="D30" s="17">
        <v>54</v>
      </c>
    </row>
    <row r="31" spans="1:4" ht="18" customHeight="1" x14ac:dyDescent="0.2">
      <c r="A31" s="14">
        <v>21</v>
      </c>
      <c r="B31" s="15">
        <v>32</v>
      </c>
      <c r="C31" s="16">
        <v>32</v>
      </c>
      <c r="D31" s="17">
        <v>64</v>
      </c>
    </row>
    <row r="32" spans="1:4" ht="18" customHeight="1" x14ac:dyDescent="0.2">
      <c r="A32" s="14">
        <v>22</v>
      </c>
      <c r="B32" s="15">
        <v>33</v>
      </c>
      <c r="C32" s="16">
        <v>28</v>
      </c>
      <c r="D32" s="17">
        <v>61</v>
      </c>
    </row>
    <row r="33" spans="1:4" ht="18" customHeight="1" x14ac:dyDescent="0.2">
      <c r="A33" s="14">
        <v>23</v>
      </c>
      <c r="B33" s="15">
        <v>38</v>
      </c>
      <c r="C33" s="16">
        <v>33</v>
      </c>
      <c r="D33" s="17">
        <v>71</v>
      </c>
    </row>
    <row r="34" spans="1:4" ht="18" customHeight="1" x14ac:dyDescent="0.2">
      <c r="A34" s="14">
        <v>24</v>
      </c>
      <c r="B34" s="15">
        <v>55</v>
      </c>
      <c r="C34" s="16">
        <v>33</v>
      </c>
      <c r="D34" s="17">
        <v>88</v>
      </c>
    </row>
    <row r="35" spans="1:4" ht="18" customHeight="1" x14ac:dyDescent="0.2">
      <c r="A35" s="18" t="s">
        <v>71</v>
      </c>
      <c r="B35" s="15">
        <v>188</v>
      </c>
      <c r="C35" s="16">
        <v>150</v>
      </c>
      <c r="D35" s="17">
        <v>338</v>
      </c>
    </row>
    <row r="36" spans="1:4" ht="18" customHeight="1" x14ac:dyDescent="0.2">
      <c r="A36" s="14">
        <v>25</v>
      </c>
      <c r="B36" s="15">
        <v>50</v>
      </c>
      <c r="C36" s="16">
        <v>49</v>
      </c>
      <c r="D36" s="17">
        <v>99</v>
      </c>
    </row>
    <row r="37" spans="1:4" ht="18" customHeight="1" x14ac:dyDescent="0.2">
      <c r="A37" s="14">
        <v>26</v>
      </c>
      <c r="B37" s="15">
        <v>47</v>
      </c>
      <c r="C37" s="16">
        <v>48</v>
      </c>
      <c r="D37" s="17">
        <v>95</v>
      </c>
    </row>
    <row r="38" spans="1:4" ht="18" customHeight="1" x14ac:dyDescent="0.2">
      <c r="A38" s="14">
        <v>27</v>
      </c>
      <c r="B38" s="15">
        <v>57</v>
      </c>
      <c r="C38" s="16">
        <v>71</v>
      </c>
      <c r="D38" s="17">
        <v>128</v>
      </c>
    </row>
    <row r="39" spans="1:4" ht="18" customHeight="1" x14ac:dyDescent="0.2">
      <c r="A39" s="14">
        <v>28</v>
      </c>
      <c r="B39" s="15">
        <v>53</v>
      </c>
      <c r="C39" s="16">
        <v>63</v>
      </c>
      <c r="D39" s="17">
        <v>116</v>
      </c>
    </row>
    <row r="40" spans="1:4" ht="18" customHeight="1" x14ac:dyDescent="0.2">
      <c r="A40" s="14">
        <v>29</v>
      </c>
      <c r="B40" s="15">
        <v>58</v>
      </c>
      <c r="C40" s="16">
        <v>66</v>
      </c>
      <c r="D40" s="17">
        <v>124</v>
      </c>
    </row>
    <row r="41" spans="1:4" ht="18" customHeight="1" x14ac:dyDescent="0.2">
      <c r="A41" s="18" t="s">
        <v>72</v>
      </c>
      <c r="B41" s="15">
        <v>265</v>
      </c>
      <c r="C41" s="16">
        <v>297</v>
      </c>
      <c r="D41" s="17">
        <v>562</v>
      </c>
    </row>
    <row r="42" spans="1:4" ht="18" customHeight="1" x14ac:dyDescent="0.2">
      <c r="A42" s="14">
        <v>30</v>
      </c>
      <c r="B42" s="15">
        <v>81</v>
      </c>
      <c r="C42" s="16">
        <v>59</v>
      </c>
      <c r="D42" s="17">
        <v>140</v>
      </c>
    </row>
    <row r="43" spans="1:4" ht="18" customHeight="1" x14ac:dyDescent="0.2">
      <c r="A43" s="14">
        <v>31</v>
      </c>
      <c r="B43" s="15">
        <v>64</v>
      </c>
      <c r="C43" s="16">
        <v>61</v>
      </c>
      <c r="D43" s="17">
        <v>125</v>
      </c>
    </row>
    <row r="44" spans="1:4" ht="18" customHeight="1" x14ac:dyDescent="0.2">
      <c r="A44" s="14">
        <v>32</v>
      </c>
      <c r="B44" s="15">
        <v>87</v>
      </c>
      <c r="C44" s="16">
        <v>86</v>
      </c>
      <c r="D44" s="17">
        <v>173</v>
      </c>
    </row>
    <row r="45" spans="1:4" ht="18" customHeight="1" x14ac:dyDescent="0.2">
      <c r="A45" s="14">
        <v>33</v>
      </c>
      <c r="B45" s="15">
        <v>72</v>
      </c>
      <c r="C45" s="16">
        <v>78</v>
      </c>
      <c r="D45" s="17">
        <v>150</v>
      </c>
    </row>
    <row r="46" spans="1:4" ht="18" customHeight="1" x14ac:dyDescent="0.2">
      <c r="A46" s="14">
        <v>34</v>
      </c>
      <c r="B46" s="15">
        <v>81</v>
      </c>
      <c r="C46" s="16">
        <v>87</v>
      </c>
      <c r="D46" s="17">
        <v>168</v>
      </c>
    </row>
    <row r="47" spans="1:4" ht="18" customHeight="1" x14ac:dyDescent="0.2">
      <c r="A47" s="18" t="s">
        <v>73</v>
      </c>
      <c r="B47" s="15">
        <v>385</v>
      </c>
      <c r="C47" s="16">
        <v>371</v>
      </c>
      <c r="D47" s="17">
        <v>756</v>
      </c>
    </row>
    <row r="48" spans="1:4" ht="18" customHeight="1" x14ac:dyDescent="0.2">
      <c r="A48" s="14">
        <v>35</v>
      </c>
      <c r="B48" s="15">
        <v>89</v>
      </c>
      <c r="C48" s="16">
        <v>91</v>
      </c>
      <c r="D48" s="17">
        <v>180</v>
      </c>
    </row>
    <row r="49" spans="1:4" ht="18" customHeight="1" x14ac:dyDescent="0.2">
      <c r="A49" s="14">
        <v>36</v>
      </c>
      <c r="B49" s="15">
        <v>83</v>
      </c>
      <c r="C49" s="16">
        <v>115</v>
      </c>
      <c r="D49" s="17">
        <v>198</v>
      </c>
    </row>
    <row r="50" spans="1:4" ht="18" customHeight="1" x14ac:dyDescent="0.2">
      <c r="A50" s="14">
        <v>37</v>
      </c>
      <c r="B50" s="15">
        <v>89</v>
      </c>
      <c r="C50" s="16">
        <v>92</v>
      </c>
      <c r="D50" s="17">
        <v>181</v>
      </c>
    </row>
    <row r="51" spans="1:4" ht="18" customHeight="1" x14ac:dyDescent="0.2">
      <c r="A51" s="14">
        <v>38</v>
      </c>
      <c r="B51" s="15">
        <v>90</v>
      </c>
      <c r="C51" s="16">
        <v>65</v>
      </c>
      <c r="D51" s="17">
        <v>155</v>
      </c>
    </row>
    <row r="52" spans="1:4" ht="18" customHeight="1" x14ac:dyDescent="0.2">
      <c r="A52" s="14">
        <v>39</v>
      </c>
      <c r="B52" s="15">
        <v>93</v>
      </c>
      <c r="C52" s="16">
        <v>91</v>
      </c>
      <c r="D52" s="17">
        <v>184</v>
      </c>
    </row>
    <row r="53" spans="1:4" ht="18" customHeight="1" x14ac:dyDescent="0.2">
      <c r="A53" s="18" t="s">
        <v>74</v>
      </c>
      <c r="B53" s="15">
        <v>444</v>
      </c>
      <c r="C53" s="16">
        <v>454</v>
      </c>
      <c r="D53" s="17">
        <v>898</v>
      </c>
    </row>
    <row r="54" spans="1:4" ht="18" customHeight="1" x14ac:dyDescent="0.2">
      <c r="A54" s="14">
        <v>40</v>
      </c>
      <c r="B54" s="15">
        <v>112</v>
      </c>
      <c r="C54" s="16">
        <v>110</v>
      </c>
      <c r="D54" s="17">
        <v>222</v>
      </c>
    </row>
    <row r="55" spans="1:4" ht="18" customHeight="1" x14ac:dyDescent="0.2">
      <c r="A55" s="14">
        <v>41</v>
      </c>
      <c r="B55" s="15">
        <v>84</v>
      </c>
      <c r="C55" s="16">
        <v>83</v>
      </c>
      <c r="D55" s="17">
        <v>167</v>
      </c>
    </row>
    <row r="56" spans="1:4" ht="18" customHeight="1" x14ac:dyDescent="0.2">
      <c r="A56" s="14">
        <v>42</v>
      </c>
      <c r="B56" s="15">
        <v>95</v>
      </c>
      <c r="C56" s="16">
        <v>74</v>
      </c>
      <c r="D56" s="17">
        <v>169</v>
      </c>
    </row>
    <row r="57" spans="1:4" ht="18" customHeight="1" x14ac:dyDescent="0.2">
      <c r="A57" s="14">
        <v>43</v>
      </c>
      <c r="B57" s="15">
        <v>71</v>
      </c>
      <c r="C57" s="16">
        <v>57</v>
      </c>
      <c r="D57" s="17">
        <v>128</v>
      </c>
    </row>
    <row r="58" spans="1:4" ht="18" customHeight="1" x14ac:dyDescent="0.2">
      <c r="A58" s="14">
        <v>44</v>
      </c>
      <c r="B58" s="15">
        <v>70</v>
      </c>
      <c r="C58" s="16">
        <v>82</v>
      </c>
      <c r="D58" s="17">
        <v>152</v>
      </c>
    </row>
    <row r="59" spans="1:4" ht="18" customHeight="1" x14ac:dyDescent="0.2">
      <c r="A59" s="18" t="s">
        <v>75</v>
      </c>
      <c r="B59" s="15">
        <v>432</v>
      </c>
      <c r="C59" s="16">
        <v>406</v>
      </c>
      <c r="D59" s="17">
        <v>838</v>
      </c>
    </row>
    <row r="60" spans="1:4" ht="18" customHeight="1" x14ac:dyDescent="0.2">
      <c r="A60" s="14">
        <v>45</v>
      </c>
      <c r="B60" s="15">
        <v>58</v>
      </c>
      <c r="C60" s="16">
        <v>66</v>
      </c>
      <c r="D60" s="17">
        <v>124</v>
      </c>
    </row>
    <row r="61" spans="1:4" ht="18" customHeight="1" x14ac:dyDescent="0.2">
      <c r="A61" s="14">
        <v>46</v>
      </c>
      <c r="B61" s="15">
        <v>75</v>
      </c>
      <c r="C61" s="16">
        <v>57</v>
      </c>
      <c r="D61" s="17">
        <v>132</v>
      </c>
    </row>
    <row r="62" spans="1:4" ht="18" customHeight="1" x14ac:dyDescent="0.2">
      <c r="A62" s="14">
        <v>47</v>
      </c>
      <c r="B62" s="15">
        <v>59</v>
      </c>
      <c r="C62" s="16">
        <v>56</v>
      </c>
      <c r="D62" s="17">
        <v>115</v>
      </c>
    </row>
    <row r="63" spans="1:4" ht="18" customHeight="1" x14ac:dyDescent="0.2">
      <c r="A63" s="14">
        <v>48</v>
      </c>
      <c r="B63" s="15">
        <v>60</v>
      </c>
      <c r="C63" s="16">
        <v>57</v>
      </c>
      <c r="D63" s="17">
        <v>117</v>
      </c>
    </row>
    <row r="64" spans="1:4" ht="18" customHeight="1" x14ac:dyDescent="0.2">
      <c r="A64" s="14">
        <v>49</v>
      </c>
      <c r="B64" s="15">
        <v>64</v>
      </c>
      <c r="C64" s="16">
        <v>38</v>
      </c>
      <c r="D64" s="17">
        <v>102</v>
      </c>
    </row>
    <row r="65" spans="1:4" ht="18" customHeight="1" x14ac:dyDescent="0.2">
      <c r="A65" s="18" t="s">
        <v>76</v>
      </c>
      <c r="B65" s="15">
        <v>316</v>
      </c>
      <c r="C65" s="16">
        <v>274</v>
      </c>
      <c r="D65" s="17">
        <v>590</v>
      </c>
    </row>
    <row r="66" spans="1:4" ht="18" customHeight="1" x14ac:dyDescent="0.2">
      <c r="A66" s="14">
        <v>50</v>
      </c>
      <c r="B66" s="15">
        <v>48</v>
      </c>
      <c r="C66" s="16">
        <v>51</v>
      </c>
      <c r="D66" s="17">
        <v>99</v>
      </c>
    </row>
    <row r="67" spans="1:4" ht="18" customHeight="1" x14ac:dyDescent="0.2">
      <c r="A67" s="14">
        <v>51</v>
      </c>
      <c r="B67" s="15">
        <v>53</v>
      </c>
      <c r="C67" s="16">
        <v>39</v>
      </c>
      <c r="D67" s="17">
        <v>92</v>
      </c>
    </row>
    <row r="68" spans="1:4" ht="18" customHeight="1" x14ac:dyDescent="0.2">
      <c r="A68" s="14">
        <v>52</v>
      </c>
      <c r="B68" s="15">
        <v>43</v>
      </c>
      <c r="C68" s="16">
        <v>31</v>
      </c>
      <c r="D68" s="17">
        <v>74</v>
      </c>
    </row>
    <row r="69" spans="1:4" ht="18" customHeight="1" x14ac:dyDescent="0.2">
      <c r="A69" s="14">
        <v>53</v>
      </c>
      <c r="B69" s="15">
        <v>30</v>
      </c>
      <c r="C69" s="16">
        <v>41</v>
      </c>
      <c r="D69" s="17">
        <v>71</v>
      </c>
    </row>
    <row r="70" spans="1:4" ht="18" customHeight="1" x14ac:dyDescent="0.2">
      <c r="A70" s="14">
        <v>54</v>
      </c>
      <c r="B70" s="15">
        <v>51</v>
      </c>
      <c r="C70" s="16">
        <v>35</v>
      </c>
      <c r="D70" s="17">
        <v>86</v>
      </c>
    </row>
    <row r="71" spans="1:4" ht="18" customHeight="1" x14ac:dyDescent="0.2">
      <c r="A71" s="18" t="s">
        <v>77</v>
      </c>
      <c r="B71" s="15">
        <v>225</v>
      </c>
      <c r="C71" s="16">
        <v>197</v>
      </c>
      <c r="D71" s="17">
        <v>422</v>
      </c>
    </row>
    <row r="72" spans="1:4" ht="18" customHeight="1" x14ac:dyDescent="0.2">
      <c r="A72" s="14">
        <v>55</v>
      </c>
      <c r="B72" s="15">
        <v>37</v>
      </c>
      <c r="C72" s="16">
        <v>39</v>
      </c>
      <c r="D72" s="17">
        <v>76</v>
      </c>
    </row>
    <row r="73" spans="1:4" ht="18" customHeight="1" x14ac:dyDescent="0.2">
      <c r="A73" s="14">
        <v>56</v>
      </c>
      <c r="B73" s="15">
        <v>38</v>
      </c>
      <c r="C73" s="16">
        <v>38</v>
      </c>
      <c r="D73" s="17">
        <v>76</v>
      </c>
    </row>
    <row r="74" spans="1:4" ht="18" customHeight="1" x14ac:dyDescent="0.2">
      <c r="A74" s="14">
        <v>57</v>
      </c>
      <c r="B74" s="15">
        <v>40</v>
      </c>
      <c r="C74" s="16">
        <v>45</v>
      </c>
      <c r="D74" s="17">
        <v>85</v>
      </c>
    </row>
    <row r="75" spans="1:4" ht="18" customHeight="1" x14ac:dyDescent="0.2">
      <c r="A75" s="14">
        <v>58</v>
      </c>
      <c r="B75" s="15">
        <v>39</v>
      </c>
      <c r="C75" s="16">
        <v>41</v>
      </c>
      <c r="D75" s="17">
        <v>80</v>
      </c>
    </row>
    <row r="76" spans="1:4" ht="18" customHeight="1" x14ac:dyDescent="0.2">
      <c r="A76" s="14">
        <v>59</v>
      </c>
      <c r="B76" s="15">
        <v>49</v>
      </c>
      <c r="C76" s="16">
        <v>51</v>
      </c>
      <c r="D76" s="17">
        <v>100</v>
      </c>
    </row>
    <row r="77" spans="1:4" ht="18" customHeight="1" x14ac:dyDescent="0.2">
      <c r="A77" s="18" t="s">
        <v>78</v>
      </c>
      <c r="B77" s="15">
        <v>203</v>
      </c>
      <c r="C77" s="16">
        <v>214</v>
      </c>
      <c r="D77" s="17">
        <v>417</v>
      </c>
    </row>
    <row r="78" spans="1:4" ht="18" customHeight="1" x14ac:dyDescent="0.2">
      <c r="A78" s="14">
        <v>60</v>
      </c>
      <c r="B78" s="15">
        <v>50</v>
      </c>
      <c r="C78" s="16">
        <v>48</v>
      </c>
      <c r="D78" s="17">
        <v>98</v>
      </c>
    </row>
    <row r="79" spans="1:4" ht="18" customHeight="1" x14ac:dyDescent="0.2">
      <c r="A79" s="14">
        <v>61</v>
      </c>
      <c r="B79" s="15">
        <v>38</v>
      </c>
      <c r="C79" s="16">
        <v>66</v>
      </c>
      <c r="D79" s="17">
        <v>104</v>
      </c>
    </row>
    <row r="80" spans="1:4" ht="18" customHeight="1" x14ac:dyDescent="0.2">
      <c r="A80" s="14">
        <v>62</v>
      </c>
      <c r="B80" s="15">
        <v>37</v>
      </c>
      <c r="C80" s="16">
        <v>40</v>
      </c>
      <c r="D80" s="17">
        <v>77</v>
      </c>
    </row>
    <row r="81" spans="1:4" ht="18" customHeight="1" x14ac:dyDescent="0.2">
      <c r="A81" s="14">
        <v>63</v>
      </c>
      <c r="B81" s="15">
        <v>26</v>
      </c>
      <c r="C81" s="16">
        <v>36</v>
      </c>
      <c r="D81" s="17">
        <v>62</v>
      </c>
    </row>
    <row r="82" spans="1:4" ht="18" customHeight="1" x14ac:dyDescent="0.2">
      <c r="A82" s="14">
        <v>64</v>
      </c>
      <c r="B82" s="15">
        <v>27</v>
      </c>
      <c r="C82" s="16">
        <v>23</v>
      </c>
      <c r="D82" s="17">
        <v>50</v>
      </c>
    </row>
    <row r="83" spans="1:4" ht="18" customHeight="1" x14ac:dyDescent="0.2">
      <c r="A83" s="18" t="s">
        <v>79</v>
      </c>
      <c r="B83" s="15">
        <v>178</v>
      </c>
      <c r="C83" s="16">
        <v>213</v>
      </c>
      <c r="D83" s="17">
        <v>391</v>
      </c>
    </row>
    <row r="84" spans="1:4" ht="18" customHeight="1" x14ac:dyDescent="0.2">
      <c r="A84" s="18" t="s">
        <v>80</v>
      </c>
      <c r="B84" s="15">
        <v>2817</v>
      </c>
      <c r="C84" s="16">
        <v>2750</v>
      </c>
      <c r="D84" s="17">
        <v>5567</v>
      </c>
    </row>
    <row r="85" spans="1:4" ht="18" customHeight="1" x14ac:dyDescent="0.2">
      <c r="A85" s="14">
        <v>65</v>
      </c>
      <c r="B85" s="15">
        <v>34</v>
      </c>
      <c r="C85" s="16">
        <v>42</v>
      </c>
      <c r="D85" s="17">
        <v>76</v>
      </c>
    </row>
    <row r="86" spans="1:4" ht="18" customHeight="1" x14ac:dyDescent="0.2">
      <c r="A86" s="14">
        <v>66</v>
      </c>
      <c r="B86" s="15">
        <v>32</v>
      </c>
      <c r="C86" s="16">
        <v>48</v>
      </c>
      <c r="D86" s="17">
        <v>80</v>
      </c>
    </row>
    <row r="87" spans="1:4" ht="18" customHeight="1" x14ac:dyDescent="0.2">
      <c r="A87" s="14">
        <v>67</v>
      </c>
      <c r="B87" s="15">
        <v>38</v>
      </c>
      <c r="C87" s="16">
        <v>46</v>
      </c>
      <c r="D87" s="17">
        <v>84</v>
      </c>
    </row>
    <row r="88" spans="1:4" ht="18" customHeight="1" x14ac:dyDescent="0.2">
      <c r="A88" s="14">
        <v>68</v>
      </c>
      <c r="B88" s="15">
        <v>43</v>
      </c>
      <c r="C88" s="16">
        <v>45</v>
      </c>
      <c r="D88" s="17">
        <v>88</v>
      </c>
    </row>
    <row r="89" spans="1:4" ht="18" customHeight="1" x14ac:dyDescent="0.2">
      <c r="A89" s="14">
        <v>69</v>
      </c>
      <c r="B89" s="15">
        <v>31</v>
      </c>
      <c r="C89" s="16">
        <v>27</v>
      </c>
      <c r="D89" s="17">
        <v>58</v>
      </c>
    </row>
    <row r="90" spans="1:4" ht="18" customHeight="1" x14ac:dyDescent="0.2">
      <c r="A90" s="18" t="s">
        <v>81</v>
      </c>
      <c r="B90" s="15">
        <v>178</v>
      </c>
      <c r="C90" s="16">
        <v>208</v>
      </c>
      <c r="D90" s="17">
        <v>386</v>
      </c>
    </row>
    <row r="91" spans="1:4" ht="18" customHeight="1" x14ac:dyDescent="0.2">
      <c r="A91" s="14">
        <v>70</v>
      </c>
      <c r="B91" s="15">
        <v>30</v>
      </c>
      <c r="C91" s="16">
        <v>26</v>
      </c>
      <c r="D91" s="17">
        <v>56</v>
      </c>
    </row>
    <row r="92" spans="1:4" ht="18" customHeight="1" x14ac:dyDescent="0.2">
      <c r="A92" s="14">
        <v>71</v>
      </c>
      <c r="B92" s="15">
        <v>34</v>
      </c>
      <c r="C92" s="16">
        <v>27</v>
      </c>
      <c r="D92" s="17">
        <v>61</v>
      </c>
    </row>
    <row r="93" spans="1:4" ht="18" customHeight="1" x14ac:dyDescent="0.2">
      <c r="A93" s="14">
        <v>72</v>
      </c>
      <c r="B93" s="15">
        <v>24</v>
      </c>
      <c r="C93" s="16">
        <v>33</v>
      </c>
      <c r="D93" s="17">
        <v>57</v>
      </c>
    </row>
    <row r="94" spans="1:4" ht="18" customHeight="1" x14ac:dyDescent="0.2">
      <c r="A94" s="14">
        <v>73</v>
      </c>
      <c r="B94" s="15">
        <v>24</v>
      </c>
      <c r="C94" s="16">
        <v>35</v>
      </c>
      <c r="D94" s="17">
        <v>59</v>
      </c>
    </row>
    <row r="95" spans="1:4" ht="18" customHeight="1" x14ac:dyDescent="0.2">
      <c r="A95" s="14">
        <v>74</v>
      </c>
      <c r="B95" s="15">
        <v>20</v>
      </c>
      <c r="C95" s="16">
        <v>26</v>
      </c>
      <c r="D95" s="17">
        <v>46</v>
      </c>
    </row>
    <row r="96" spans="1:4" ht="18" customHeight="1" x14ac:dyDescent="0.2">
      <c r="A96" s="18" t="s">
        <v>82</v>
      </c>
      <c r="B96" s="15">
        <v>132</v>
      </c>
      <c r="C96" s="16">
        <v>147</v>
      </c>
      <c r="D96" s="17">
        <v>279</v>
      </c>
    </row>
    <row r="97" spans="1:4" ht="18" customHeight="1" x14ac:dyDescent="0.2">
      <c r="A97" s="14">
        <v>75</v>
      </c>
      <c r="B97" s="15">
        <v>28</v>
      </c>
      <c r="C97" s="16">
        <v>33</v>
      </c>
      <c r="D97" s="17">
        <v>61</v>
      </c>
    </row>
    <row r="98" spans="1:4" ht="18" customHeight="1" x14ac:dyDescent="0.2">
      <c r="A98" s="14">
        <v>76</v>
      </c>
      <c r="B98" s="15">
        <v>27</v>
      </c>
      <c r="C98" s="16">
        <v>31</v>
      </c>
      <c r="D98" s="17">
        <v>58</v>
      </c>
    </row>
    <row r="99" spans="1:4" ht="18" customHeight="1" x14ac:dyDescent="0.2">
      <c r="A99" s="14">
        <v>77</v>
      </c>
      <c r="B99" s="15">
        <v>23</v>
      </c>
      <c r="C99" s="16">
        <v>34</v>
      </c>
      <c r="D99" s="17">
        <v>57</v>
      </c>
    </row>
    <row r="100" spans="1:4" ht="18" customHeight="1" x14ac:dyDescent="0.2">
      <c r="A100" s="14">
        <v>78</v>
      </c>
      <c r="B100" s="15">
        <v>15</v>
      </c>
      <c r="C100" s="16">
        <v>24</v>
      </c>
      <c r="D100" s="17">
        <v>39</v>
      </c>
    </row>
    <row r="101" spans="1:4" ht="18" customHeight="1" x14ac:dyDescent="0.2">
      <c r="A101" s="14">
        <v>79</v>
      </c>
      <c r="B101" s="15">
        <v>21</v>
      </c>
      <c r="C101" s="16">
        <v>26</v>
      </c>
      <c r="D101" s="17">
        <v>47</v>
      </c>
    </row>
    <row r="102" spans="1:4" ht="18" customHeight="1" x14ac:dyDescent="0.2">
      <c r="A102" s="18" t="s">
        <v>83</v>
      </c>
      <c r="B102" s="15">
        <v>114</v>
      </c>
      <c r="C102" s="16">
        <v>148</v>
      </c>
      <c r="D102" s="17">
        <v>262</v>
      </c>
    </row>
    <row r="103" spans="1:4" ht="18" customHeight="1" x14ac:dyDescent="0.2">
      <c r="A103" s="14">
        <v>80</v>
      </c>
      <c r="B103" s="15">
        <v>11</v>
      </c>
      <c r="C103" s="16">
        <v>28</v>
      </c>
      <c r="D103" s="17">
        <v>39</v>
      </c>
    </row>
    <row r="104" spans="1:4" ht="18" customHeight="1" x14ac:dyDescent="0.2">
      <c r="A104" s="14">
        <v>81</v>
      </c>
      <c r="B104" s="15">
        <v>13</v>
      </c>
      <c r="C104" s="16">
        <v>27</v>
      </c>
      <c r="D104" s="17">
        <v>40</v>
      </c>
    </row>
    <row r="105" spans="1:4" ht="18" customHeight="1" x14ac:dyDescent="0.2">
      <c r="A105" s="14">
        <v>82</v>
      </c>
      <c r="B105" s="15">
        <v>13</v>
      </c>
      <c r="C105" s="16">
        <v>28</v>
      </c>
      <c r="D105" s="17">
        <v>41</v>
      </c>
    </row>
    <row r="106" spans="1:4" ht="18" customHeight="1" x14ac:dyDescent="0.2">
      <c r="A106" s="14">
        <v>83</v>
      </c>
      <c r="B106" s="15">
        <v>17</v>
      </c>
      <c r="C106" s="16">
        <v>24</v>
      </c>
      <c r="D106" s="17">
        <v>41</v>
      </c>
    </row>
    <row r="107" spans="1:4" ht="18" customHeight="1" x14ac:dyDescent="0.2">
      <c r="A107" s="14">
        <v>84</v>
      </c>
      <c r="B107" s="15">
        <v>13</v>
      </c>
      <c r="C107" s="16">
        <v>23</v>
      </c>
      <c r="D107" s="17">
        <v>36</v>
      </c>
    </row>
    <row r="108" spans="1:4" ht="18" customHeight="1" x14ac:dyDescent="0.2">
      <c r="A108" s="18" t="s">
        <v>84</v>
      </c>
      <c r="B108" s="15">
        <v>67</v>
      </c>
      <c r="C108" s="16">
        <v>130</v>
      </c>
      <c r="D108" s="17">
        <v>197</v>
      </c>
    </row>
    <row r="109" spans="1:4" ht="18" customHeight="1" x14ac:dyDescent="0.2">
      <c r="A109" s="14">
        <v>85</v>
      </c>
      <c r="B109" s="15">
        <v>10</v>
      </c>
      <c r="C109" s="16">
        <v>24</v>
      </c>
      <c r="D109" s="17">
        <v>34</v>
      </c>
    </row>
    <row r="110" spans="1:4" ht="18" customHeight="1" x14ac:dyDescent="0.2">
      <c r="A110" s="14">
        <v>86</v>
      </c>
      <c r="B110" s="15">
        <v>3</v>
      </c>
      <c r="C110" s="16">
        <v>21</v>
      </c>
      <c r="D110" s="17">
        <v>24</v>
      </c>
    </row>
    <row r="111" spans="1:4" ht="18" customHeight="1" x14ac:dyDescent="0.2">
      <c r="A111" s="14">
        <v>87</v>
      </c>
      <c r="B111" s="15">
        <v>5</v>
      </c>
      <c r="C111" s="16">
        <v>10</v>
      </c>
      <c r="D111" s="17">
        <v>15</v>
      </c>
    </row>
    <row r="112" spans="1:4" ht="18" customHeight="1" x14ac:dyDescent="0.2">
      <c r="A112" s="14">
        <v>88</v>
      </c>
      <c r="B112" s="15">
        <v>7</v>
      </c>
      <c r="C112" s="16">
        <v>15</v>
      </c>
      <c r="D112" s="17">
        <v>22</v>
      </c>
    </row>
    <row r="113" spans="1:4" ht="18" customHeight="1" x14ac:dyDescent="0.2">
      <c r="A113" s="14">
        <v>89</v>
      </c>
      <c r="B113" s="15">
        <v>3</v>
      </c>
      <c r="C113" s="16">
        <v>9</v>
      </c>
      <c r="D113" s="17">
        <v>12</v>
      </c>
    </row>
    <row r="114" spans="1:4" ht="18" customHeight="1" x14ac:dyDescent="0.2">
      <c r="A114" s="18" t="s">
        <v>85</v>
      </c>
      <c r="B114" s="15">
        <v>28</v>
      </c>
      <c r="C114" s="16">
        <v>79</v>
      </c>
      <c r="D114" s="17">
        <v>107</v>
      </c>
    </row>
    <row r="115" spans="1:4" ht="18" customHeight="1" x14ac:dyDescent="0.2">
      <c r="A115" s="14">
        <v>90</v>
      </c>
      <c r="B115" s="15">
        <v>4</v>
      </c>
      <c r="C115" s="16">
        <v>12</v>
      </c>
      <c r="D115" s="17">
        <v>16</v>
      </c>
    </row>
    <row r="116" spans="1:4" ht="18" customHeight="1" x14ac:dyDescent="0.2">
      <c r="A116" s="14">
        <v>91</v>
      </c>
      <c r="B116" s="15">
        <v>3</v>
      </c>
      <c r="C116" s="16">
        <v>8</v>
      </c>
      <c r="D116" s="17">
        <v>11</v>
      </c>
    </row>
    <row r="117" spans="1:4" ht="18" customHeight="1" x14ac:dyDescent="0.2">
      <c r="A117" s="14">
        <v>92</v>
      </c>
      <c r="B117" s="15">
        <v>1</v>
      </c>
      <c r="C117" s="16">
        <v>11</v>
      </c>
      <c r="D117" s="17">
        <v>12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3</v>
      </c>
      <c r="C119" s="16">
        <v>4</v>
      </c>
      <c r="D119" s="17">
        <v>7</v>
      </c>
    </row>
    <row r="120" spans="1:4" ht="18" customHeight="1" x14ac:dyDescent="0.2">
      <c r="A120" s="18" t="s">
        <v>86</v>
      </c>
      <c r="B120" s="15">
        <v>13</v>
      </c>
      <c r="C120" s="16">
        <v>41</v>
      </c>
      <c r="D120" s="17">
        <v>54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2</v>
      </c>
      <c r="C124" s="16">
        <v>3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87</v>
      </c>
      <c r="B126" s="15">
        <v>5</v>
      </c>
      <c r="C126" s="16">
        <v>17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537</v>
      </c>
      <c r="C130" s="5">
        <v>771</v>
      </c>
      <c r="D130" s="6">
        <v>1308</v>
      </c>
    </row>
    <row r="131" spans="1:4" ht="18" customHeight="1" x14ac:dyDescent="0.2">
      <c r="A131" s="20" t="s">
        <v>65</v>
      </c>
      <c r="B131" s="7">
        <v>4224</v>
      </c>
      <c r="C131" s="8">
        <v>4341</v>
      </c>
      <c r="D131" s="9">
        <v>856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50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8" t="s">
        <v>146</v>
      </c>
      <c r="C3" s="48"/>
      <c r="D3" s="48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24">
        <v>1306</v>
      </c>
      <c r="C5" s="25">
        <v>1251</v>
      </c>
      <c r="D5" s="26">
        <v>2557</v>
      </c>
    </row>
    <row r="6" spans="1:4" ht="18" customHeight="1" x14ac:dyDescent="0.2">
      <c r="A6" s="31">
        <v>1</v>
      </c>
      <c r="B6" s="27">
        <v>1388</v>
      </c>
      <c r="C6" s="28">
        <v>1344</v>
      </c>
      <c r="D6" s="29">
        <v>2732</v>
      </c>
    </row>
    <row r="7" spans="1:4" ht="18" customHeight="1" x14ac:dyDescent="0.2">
      <c r="A7" s="31">
        <v>2</v>
      </c>
      <c r="B7" s="27">
        <v>1361</v>
      </c>
      <c r="C7" s="28">
        <v>1308</v>
      </c>
      <c r="D7" s="29">
        <v>2669</v>
      </c>
    </row>
    <row r="8" spans="1:4" ht="18" customHeight="1" x14ac:dyDescent="0.2">
      <c r="A8" s="31">
        <v>3</v>
      </c>
      <c r="B8" s="27">
        <v>1397</v>
      </c>
      <c r="C8" s="28">
        <v>1320</v>
      </c>
      <c r="D8" s="29">
        <v>2717</v>
      </c>
    </row>
    <row r="9" spans="1:4" ht="18" customHeight="1" x14ac:dyDescent="0.2">
      <c r="A9" s="31">
        <v>4</v>
      </c>
      <c r="B9" s="27">
        <v>1365</v>
      </c>
      <c r="C9" s="28">
        <v>1299</v>
      </c>
      <c r="D9" s="29">
        <v>2664</v>
      </c>
    </row>
    <row r="10" spans="1:4" ht="18" customHeight="1" x14ac:dyDescent="0.2">
      <c r="A10" s="31" t="s">
        <v>66</v>
      </c>
      <c r="B10" s="27">
        <v>6817</v>
      </c>
      <c r="C10" s="28">
        <v>6522</v>
      </c>
      <c r="D10" s="29">
        <v>13339</v>
      </c>
    </row>
    <row r="11" spans="1:4" ht="18" customHeight="1" x14ac:dyDescent="0.2">
      <c r="A11" s="31">
        <v>5</v>
      </c>
      <c r="B11" s="27">
        <v>1427</v>
      </c>
      <c r="C11" s="28">
        <v>1401</v>
      </c>
      <c r="D11" s="29">
        <v>2828</v>
      </c>
    </row>
    <row r="12" spans="1:4" ht="18" customHeight="1" x14ac:dyDescent="0.2">
      <c r="A12" s="31">
        <v>6</v>
      </c>
      <c r="B12" s="27">
        <v>1398</v>
      </c>
      <c r="C12" s="28">
        <v>1408</v>
      </c>
      <c r="D12" s="29">
        <v>2806</v>
      </c>
    </row>
    <row r="13" spans="1:4" ht="18" customHeight="1" x14ac:dyDescent="0.2">
      <c r="A13" s="31">
        <v>7</v>
      </c>
      <c r="B13" s="27">
        <v>1538</v>
      </c>
      <c r="C13" s="28">
        <v>1416</v>
      </c>
      <c r="D13" s="29">
        <v>2954</v>
      </c>
    </row>
    <row r="14" spans="1:4" ht="18" customHeight="1" x14ac:dyDescent="0.2">
      <c r="A14" s="31">
        <v>8</v>
      </c>
      <c r="B14" s="27">
        <v>1516</v>
      </c>
      <c r="C14" s="28">
        <v>1434</v>
      </c>
      <c r="D14" s="29">
        <v>2950</v>
      </c>
    </row>
    <row r="15" spans="1:4" ht="18" customHeight="1" x14ac:dyDescent="0.2">
      <c r="A15" s="31">
        <v>9</v>
      </c>
      <c r="B15" s="27">
        <v>1570</v>
      </c>
      <c r="C15" s="28">
        <v>1394</v>
      </c>
      <c r="D15" s="29">
        <v>2964</v>
      </c>
    </row>
    <row r="16" spans="1:4" ht="18" customHeight="1" x14ac:dyDescent="0.2">
      <c r="A16" s="31" t="s">
        <v>67</v>
      </c>
      <c r="B16" s="27">
        <v>7449</v>
      </c>
      <c r="C16" s="28">
        <v>7053</v>
      </c>
      <c r="D16" s="29">
        <v>14502</v>
      </c>
    </row>
    <row r="17" spans="1:4" ht="18" customHeight="1" x14ac:dyDescent="0.2">
      <c r="A17" s="31">
        <v>10</v>
      </c>
      <c r="B17" s="27">
        <v>1500</v>
      </c>
      <c r="C17" s="28">
        <v>1403</v>
      </c>
      <c r="D17" s="29">
        <v>2903</v>
      </c>
    </row>
    <row r="18" spans="1:4" ht="18" customHeight="1" x14ac:dyDescent="0.2">
      <c r="A18" s="31">
        <v>11</v>
      </c>
      <c r="B18" s="27">
        <v>1521</v>
      </c>
      <c r="C18" s="28">
        <v>1446</v>
      </c>
      <c r="D18" s="29">
        <v>2967</v>
      </c>
    </row>
    <row r="19" spans="1:4" ht="18" customHeight="1" x14ac:dyDescent="0.2">
      <c r="A19" s="31">
        <v>12</v>
      </c>
      <c r="B19" s="27">
        <v>1505</v>
      </c>
      <c r="C19" s="28">
        <v>1423</v>
      </c>
      <c r="D19" s="29">
        <v>2928</v>
      </c>
    </row>
    <row r="20" spans="1:4" ht="18" customHeight="1" x14ac:dyDescent="0.2">
      <c r="A20" s="31">
        <v>13</v>
      </c>
      <c r="B20" s="27">
        <v>1441</v>
      </c>
      <c r="C20" s="28">
        <v>1428</v>
      </c>
      <c r="D20" s="29">
        <v>2869</v>
      </c>
    </row>
    <row r="21" spans="1:4" ht="18" customHeight="1" x14ac:dyDescent="0.2">
      <c r="A21" s="31">
        <v>14</v>
      </c>
      <c r="B21" s="27">
        <v>1563</v>
      </c>
      <c r="C21" s="28">
        <v>1458</v>
      </c>
      <c r="D21" s="29">
        <v>3021</v>
      </c>
    </row>
    <row r="22" spans="1:4" ht="18" customHeight="1" x14ac:dyDescent="0.2">
      <c r="A22" s="31" t="s">
        <v>68</v>
      </c>
      <c r="B22" s="27">
        <v>7530</v>
      </c>
      <c r="C22" s="28">
        <v>7158</v>
      </c>
      <c r="D22" s="29">
        <v>14688</v>
      </c>
    </row>
    <row r="23" spans="1:4" ht="18" customHeight="1" x14ac:dyDescent="0.2">
      <c r="A23" s="31" t="s">
        <v>69</v>
      </c>
      <c r="B23" s="27">
        <v>21796</v>
      </c>
      <c r="C23" s="28">
        <v>20733</v>
      </c>
      <c r="D23" s="29">
        <v>42529</v>
      </c>
    </row>
    <row r="24" spans="1:4" ht="18" customHeight="1" x14ac:dyDescent="0.2">
      <c r="A24" s="31">
        <v>15</v>
      </c>
      <c r="B24" s="27">
        <v>1447</v>
      </c>
      <c r="C24" s="28">
        <v>1407</v>
      </c>
      <c r="D24" s="29">
        <v>2854</v>
      </c>
    </row>
    <row r="25" spans="1:4" ht="18" customHeight="1" x14ac:dyDescent="0.2">
      <c r="A25" s="31">
        <v>16</v>
      </c>
      <c r="B25" s="27">
        <v>1451</v>
      </c>
      <c r="C25" s="28">
        <v>1418</v>
      </c>
      <c r="D25" s="29">
        <v>2869</v>
      </c>
    </row>
    <row r="26" spans="1:4" ht="18" customHeight="1" x14ac:dyDescent="0.2">
      <c r="A26" s="31">
        <v>17</v>
      </c>
      <c r="B26" s="27">
        <v>1415</v>
      </c>
      <c r="C26" s="28">
        <v>1447</v>
      </c>
      <c r="D26" s="29">
        <v>2862</v>
      </c>
    </row>
    <row r="27" spans="1:4" ht="18" customHeight="1" x14ac:dyDescent="0.2">
      <c r="A27" s="31">
        <v>18</v>
      </c>
      <c r="B27" s="27">
        <v>1478</v>
      </c>
      <c r="C27" s="28">
        <v>1397</v>
      </c>
      <c r="D27" s="29">
        <v>2875</v>
      </c>
    </row>
    <row r="28" spans="1:4" ht="18" customHeight="1" x14ac:dyDescent="0.2">
      <c r="A28" s="31">
        <v>19</v>
      </c>
      <c r="B28" s="27">
        <v>1507</v>
      </c>
      <c r="C28" s="28">
        <v>1403</v>
      </c>
      <c r="D28" s="29">
        <v>2910</v>
      </c>
    </row>
    <row r="29" spans="1:4" ht="18" customHeight="1" x14ac:dyDescent="0.2">
      <c r="A29" s="31" t="s">
        <v>70</v>
      </c>
      <c r="B29" s="27">
        <v>7298</v>
      </c>
      <c r="C29" s="28">
        <v>7072</v>
      </c>
      <c r="D29" s="29">
        <v>14370</v>
      </c>
    </row>
    <row r="30" spans="1:4" ht="18" customHeight="1" x14ac:dyDescent="0.2">
      <c r="A30" s="31">
        <v>20</v>
      </c>
      <c r="B30" s="27">
        <v>1541</v>
      </c>
      <c r="C30" s="28">
        <v>1411</v>
      </c>
      <c r="D30" s="29">
        <v>2952</v>
      </c>
    </row>
    <row r="31" spans="1:4" ht="18" customHeight="1" x14ac:dyDescent="0.2">
      <c r="A31" s="31">
        <v>21</v>
      </c>
      <c r="B31" s="27">
        <v>1559</v>
      </c>
      <c r="C31" s="28">
        <v>1408</v>
      </c>
      <c r="D31" s="29">
        <v>2967</v>
      </c>
    </row>
    <row r="32" spans="1:4" ht="18" customHeight="1" x14ac:dyDescent="0.2">
      <c r="A32" s="31">
        <v>22</v>
      </c>
      <c r="B32" s="27">
        <v>1533</v>
      </c>
      <c r="C32" s="28">
        <v>1458</v>
      </c>
      <c r="D32" s="29">
        <v>2991</v>
      </c>
    </row>
    <row r="33" spans="1:4" ht="18" customHeight="1" x14ac:dyDescent="0.2">
      <c r="A33" s="31">
        <v>23</v>
      </c>
      <c r="B33" s="27">
        <v>1598</v>
      </c>
      <c r="C33" s="28">
        <v>1482</v>
      </c>
      <c r="D33" s="29">
        <v>3080</v>
      </c>
    </row>
    <row r="34" spans="1:4" ht="18" customHeight="1" x14ac:dyDescent="0.2">
      <c r="A34" s="31">
        <v>24</v>
      </c>
      <c r="B34" s="27">
        <v>1712</v>
      </c>
      <c r="C34" s="28">
        <v>1546</v>
      </c>
      <c r="D34" s="29">
        <v>3258</v>
      </c>
    </row>
    <row r="35" spans="1:4" ht="18" customHeight="1" x14ac:dyDescent="0.2">
      <c r="A35" s="31" t="s">
        <v>71</v>
      </c>
      <c r="B35" s="27">
        <v>7943</v>
      </c>
      <c r="C35" s="28">
        <v>7305</v>
      </c>
      <c r="D35" s="29">
        <v>15248</v>
      </c>
    </row>
    <row r="36" spans="1:4" ht="18" customHeight="1" x14ac:dyDescent="0.2">
      <c r="A36" s="31">
        <v>25</v>
      </c>
      <c r="B36" s="27">
        <v>1695</v>
      </c>
      <c r="C36" s="28">
        <v>1562</v>
      </c>
      <c r="D36" s="29">
        <v>3257</v>
      </c>
    </row>
    <row r="37" spans="1:4" ht="18" customHeight="1" x14ac:dyDescent="0.2">
      <c r="A37" s="31">
        <v>26</v>
      </c>
      <c r="B37" s="27">
        <v>1743</v>
      </c>
      <c r="C37" s="28">
        <v>1525</v>
      </c>
      <c r="D37" s="29">
        <v>3268</v>
      </c>
    </row>
    <row r="38" spans="1:4" ht="18" customHeight="1" x14ac:dyDescent="0.2">
      <c r="A38" s="31">
        <v>27</v>
      </c>
      <c r="B38" s="27">
        <v>1743</v>
      </c>
      <c r="C38" s="28">
        <v>1603</v>
      </c>
      <c r="D38" s="29">
        <v>3346</v>
      </c>
    </row>
    <row r="39" spans="1:4" ht="18" customHeight="1" x14ac:dyDescent="0.2">
      <c r="A39" s="31">
        <v>28</v>
      </c>
      <c r="B39" s="27">
        <v>1742</v>
      </c>
      <c r="C39" s="28">
        <v>1715</v>
      </c>
      <c r="D39" s="29">
        <v>3457</v>
      </c>
    </row>
    <row r="40" spans="1:4" ht="18" customHeight="1" x14ac:dyDescent="0.2">
      <c r="A40" s="31">
        <v>29</v>
      </c>
      <c r="B40" s="27">
        <v>1844</v>
      </c>
      <c r="C40" s="28">
        <v>1761</v>
      </c>
      <c r="D40" s="29">
        <v>3605</v>
      </c>
    </row>
    <row r="41" spans="1:4" ht="18" customHeight="1" x14ac:dyDescent="0.2">
      <c r="A41" s="31" t="s">
        <v>72</v>
      </c>
      <c r="B41" s="27">
        <v>8767</v>
      </c>
      <c r="C41" s="28">
        <v>8166</v>
      </c>
      <c r="D41" s="29">
        <v>16933</v>
      </c>
    </row>
    <row r="42" spans="1:4" ht="18" customHeight="1" x14ac:dyDescent="0.2">
      <c r="A42" s="31">
        <v>30</v>
      </c>
      <c r="B42" s="27">
        <v>1938</v>
      </c>
      <c r="C42" s="28">
        <v>1836</v>
      </c>
      <c r="D42" s="29">
        <v>3774</v>
      </c>
    </row>
    <row r="43" spans="1:4" ht="18" customHeight="1" x14ac:dyDescent="0.2">
      <c r="A43" s="31">
        <v>31</v>
      </c>
      <c r="B43" s="27">
        <v>2136</v>
      </c>
      <c r="C43" s="28">
        <v>1926</v>
      </c>
      <c r="D43" s="29">
        <v>4062</v>
      </c>
    </row>
    <row r="44" spans="1:4" ht="18" customHeight="1" x14ac:dyDescent="0.2">
      <c r="A44" s="31">
        <v>32</v>
      </c>
      <c r="B44" s="27">
        <v>2216</v>
      </c>
      <c r="C44" s="28">
        <v>2051</v>
      </c>
      <c r="D44" s="29">
        <v>4267</v>
      </c>
    </row>
    <row r="45" spans="1:4" ht="18" customHeight="1" x14ac:dyDescent="0.2">
      <c r="A45" s="31">
        <v>33</v>
      </c>
      <c r="B45" s="27">
        <v>2329</v>
      </c>
      <c r="C45" s="28">
        <v>2112</v>
      </c>
      <c r="D45" s="29">
        <v>4441</v>
      </c>
    </row>
    <row r="46" spans="1:4" ht="18" customHeight="1" x14ac:dyDescent="0.2">
      <c r="A46" s="31">
        <v>34</v>
      </c>
      <c r="B46" s="27">
        <v>2487</v>
      </c>
      <c r="C46" s="28">
        <v>2404</v>
      </c>
      <c r="D46" s="29">
        <v>4891</v>
      </c>
    </row>
    <row r="47" spans="1:4" ht="18" customHeight="1" x14ac:dyDescent="0.2">
      <c r="A47" s="31" t="s">
        <v>73</v>
      </c>
      <c r="B47" s="27">
        <v>11106</v>
      </c>
      <c r="C47" s="28">
        <v>10329</v>
      </c>
      <c r="D47" s="29">
        <v>21435</v>
      </c>
    </row>
    <row r="48" spans="1:4" ht="18" customHeight="1" x14ac:dyDescent="0.2">
      <c r="A48" s="31">
        <v>35</v>
      </c>
      <c r="B48" s="27">
        <v>2655</v>
      </c>
      <c r="C48" s="28">
        <v>2559</v>
      </c>
      <c r="D48" s="29">
        <v>5214</v>
      </c>
    </row>
    <row r="49" spans="1:4" ht="18" customHeight="1" x14ac:dyDescent="0.2">
      <c r="A49" s="31">
        <v>36</v>
      </c>
      <c r="B49" s="27">
        <v>2679</v>
      </c>
      <c r="C49" s="28">
        <v>2548</v>
      </c>
      <c r="D49" s="29">
        <v>5227</v>
      </c>
    </row>
    <row r="50" spans="1:4" ht="18" customHeight="1" x14ac:dyDescent="0.2">
      <c r="A50" s="31">
        <v>37</v>
      </c>
      <c r="B50" s="27">
        <v>2671</v>
      </c>
      <c r="C50" s="28">
        <v>2549</v>
      </c>
      <c r="D50" s="29">
        <v>5220</v>
      </c>
    </row>
    <row r="51" spans="1:4" ht="18" customHeight="1" x14ac:dyDescent="0.2">
      <c r="A51" s="31">
        <v>38</v>
      </c>
      <c r="B51" s="27">
        <v>2481</v>
      </c>
      <c r="C51" s="28">
        <v>2420</v>
      </c>
      <c r="D51" s="29">
        <v>4901</v>
      </c>
    </row>
    <row r="52" spans="1:4" ht="18" customHeight="1" x14ac:dyDescent="0.2">
      <c r="A52" s="31">
        <v>39</v>
      </c>
      <c r="B52" s="27">
        <v>2428</v>
      </c>
      <c r="C52" s="28">
        <v>2198</v>
      </c>
      <c r="D52" s="29">
        <v>4626</v>
      </c>
    </row>
    <row r="53" spans="1:4" ht="18" customHeight="1" x14ac:dyDescent="0.2">
      <c r="A53" s="31" t="s">
        <v>74</v>
      </c>
      <c r="B53" s="27">
        <v>12914</v>
      </c>
      <c r="C53" s="28">
        <v>12274</v>
      </c>
      <c r="D53" s="29">
        <v>25188</v>
      </c>
    </row>
    <row r="54" spans="1:4" ht="18" customHeight="1" x14ac:dyDescent="0.2">
      <c r="A54" s="31">
        <v>40</v>
      </c>
      <c r="B54" s="27">
        <v>2414</v>
      </c>
      <c r="C54" s="28">
        <v>2183</v>
      </c>
      <c r="D54" s="29">
        <v>4597</v>
      </c>
    </row>
    <row r="55" spans="1:4" ht="18" customHeight="1" x14ac:dyDescent="0.2">
      <c r="A55" s="31">
        <v>41</v>
      </c>
      <c r="B55" s="27">
        <v>2262</v>
      </c>
      <c r="C55" s="28">
        <v>2131</v>
      </c>
      <c r="D55" s="29">
        <v>4393</v>
      </c>
    </row>
    <row r="56" spans="1:4" ht="18" customHeight="1" x14ac:dyDescent="0.2">
      <c r="A56" s="31">
        <v>42</v>
      </c>
      <c r="B56" s="27">
        <v>2238</v>
      </c>
      <c r="C56" s="28">
        <v>2150</v>
      </c>
      <c r="D56" s="29">
        <v>4388</v>
      </c>
    </row>
    <row r="57" spans="1:4" ht="18" customHeight="1" x14ac:dyDescent="0.2">
      <c r="A57" s="31">
        <v>43</v>
      </c>
      <c r="B57" s="27">
        <v>1665</v>
      </c>
      <c r="C57" s="28">
        <v>1672</v>
      </c>
      <c r="D57" s="29">
        <v>3337</v>
      </c>
    </row>
    <row r="58" spans="1:4" ht="18" customHeight="1" x14ac:dyDescent="0.2">
      <c r="A58" s="31">
        <v>44</v>
      </c>
      <c r="B58" s="27">
        <v>2050</v>
      </c>
      <c r="C58" s="28">
        <v>2108</v>
      </c>
      <c r="D58" s="29">
        <v>4158</v>
      </c>
    </row>
    <row r="59" spans="1:4" ht="18" customHeight="1" x14ac:dyDescent="0.2">
      <c r="A59" s="31" t="s">
        <v>75</v>
      </c>
      <c r="B59" s="27">
        <v>10629</v>
      </c>
      <c r="C59" s="28">
        <v>10244</v>
      </c>
      <c r="D59" s="29">
        <v>20873</v>
      </c>
    </row>
    <row r="60" spans="1:4" ht="18" customHeight="1" x14ac:dyDescent="0.2">
      <c r="A60" s="31">
        <v>45</v>
      </c>
      <c r="B60" s="27">
        <v>1976</v>
      </c>
      <c r="C60" s="28">
        <v>1902</v>
      </c>
      <c r="D60" s="29">
        <v>3878</v>
      </c>
    </row>
    <row r="61" spans="1:4" ht="18" customHeight="1" x14ac:dyDescent="0.2">
      <c r="A61" s="31">
        <v>46</v>
      </c>
      <c r="B61" s="27">
        <v>2020</v>
      </c>
      <c r="C61" s="28">
        <v>1926</v>
      </c>
      <c r="D61" s="29">
        <v>3946</v>
      </c>
    </row>
    <row r="62" spans="1:4" ht="18" customHeight="1" x14ac:dyDescent="0.2">
      <c r="A62" s="31">
        <v>47</v>
      </c>
      <c r="B62" s="27">
        <v>1757</v>
      </c>
      <c r="C62" s="28">
        <v>1725</v>
      </c>
      <c r="D62" s="29">
        <v>3482</v>
      </c>
    </row>
    <row r="63" spans="1:4" ht="18" customHeight="1" x14ac:dyDescent="0.2">
      <c r="A63" s="31">
        <v>48</v>
      </c>
      <c r="B63" s="27">
        <v>1803</v>
      </c>
      <c r="C63" s="28">
        <v>1835</v>
      </c>
      <c r="D63" s="29">
        <v>3638</v>
      </c>
    </row>
    <row r="64" spans="1:4" ht="18" customHeight="1" x14ac:dyDescent="0.2">
      <c r="A64" s="31">
        <v>49</v>
      </c>
      <c r="B64" s="27">
        <v>1831</v>
      </c>
      <c r="C64" s="28">
        <v>1841</v>
      </c>
      <c r="D64" s="29">
        <v>3672</v>
      </c>
    </row>
    <row r="65" spans="1:4" ht="18" customHeight="1" x14ac:dyDescent="0.2">
      <c r="A65" s="31" t="s">
        <v>76</v>
      </c>
      <c r="B65" s="27">
        <v>9387</v>
      </c>
      <c r="C65" s="28">
        <v>9229</v>
      </c>
      <c r="D65" s="29">
        <v>18616</v>
      </c>
    </row>
    <row r="66" spans="1:4" ht="18" customHeight="1" x14ac:dyDescent="0.2">
      <c r="A66" s="31">
        <v>50</v>
      </c>
      <c r="B66" s="27">
        <v>1777</v>
      </c>
      <c r="C66" s="28">
        <v>1911</v>
      </c>
      <c r="D66" s="29">
        <v>3688</v>
      </c>
    </row>
    <row r="67" spans="1:4" ht="18" customHeight="1" x14ac:dyDescent="0.2">
      <c r="A67" s="31">
        <v>51</v>
      </c>
      <c r="B67" s="27">
        <v>1758</v>
      </c>
      <c r="C67" s="28">
        <v>1815</v>
      </c>
      <c r="D67" s="29">
        <v>3573</v>
      </c>
    </row>
    <row r="68" spans="1:4" ht="18" customHeight="1" x14ac:dyDescent="0.2">
      <c r="A68" s="31">
        <v>52</v>
      </c>
      <c r="B68" s="27">
        <v>1710</v>
      </c>
      <c r="C68" s="28">
        <v>1723</v>
      </c>
      <c r="D68" s="29">
        <v>3433</v>
      </c>
    </row>
    <row r="69" spans="1:4" ht="18" customHeight="1" x14ac:dyDescent="0.2">
      <c r="A69" s="31">
        <v>53</v>
      </c>
      <c r="B69" s="27">
        <v>1781</v>
      </c>
      <c r="C69" s="28">
        <v>1885</v>
      </c>
      <c r="D69" s="29">
        <v>3666</v>
      </c>
    </row>
    <row r="70" spans="1:4" ht="18" customHeight="1" x14ac:dyDescent="0.2">
      <c r="A70" s="31">
        <v>54</v>
      </c>
      <c r="B70" s="27">
        <v>2001</v>
      </c>
      <c r="C70" s="28">
        <v>2026</v>
      </c>
      <c r="D70" s="29">
        <v>4027</v>
      </c>
    </row>
    <row r="71" spans="1:4" ht="18" customHeight="1" x14ac:dyDescent="0.2">
      <c r="A71" s="31" t="s">
        <v>77</v>
      </c>
      <c r="B71" s="27">
        <v>9027</v>
      </c>
      <c r="C71" s="28">
        <v>9360</v>
      </c>
      <c r="D71" s="29">
        <v>18387</v>
      </c>
    </row>
    <row r="72" spans="1:4" ht="18" customHeight="1" x14ac:dyDescent="0.2">
      <c r="A72" s="31">
        <v>55</v>
      </c>
      <c r="B72" s="27">
        <v>1926</v>
      </c>
      <c r="C72" s="28">
        <v>1931</v>
      </c>
      <c r="D72" s="29">
        <v>3857</v>
      </c>
    </row>
    <row r="73" spans="1:4" ht="18" customHeight="1" x14ac:dyDescent="0.2">
      <c r="A73" s="31">
        <v>56</v>
      </c>
      <c r="B73" s="27">
        <v>2099</v>
      </c>
      <c r="C73" s="28">
        <v>2248</v>
      </c>
      <c r="D73" s="29">
        <v>4347</v>
      </c>
    </row>
    <row r="74" spans="1:4" ht="18" customHeight="1" x14ac:dyDescent="0.2">
      <c r="A74" s="31">
        <v>57</v>
      </c>
      <c r="B74" s="27">
        <v>2180</v>
      </c>
      <c r="C74" s="28">
        <v>2221</v>
      </c>
      <c r="D74" s="29">
        <v>4401</v>
      </c>
    </row>
    <row r="75" spans="1:4" ht="18" customHeight="1" x14ac:dyDescent="0.2">
      <c r="A75" s="31">
        <v>58</v>
      </c>
      <c r="B75" s="27">
        <v>2253</v>
      </c>
      <c r="C75" s="28">
        <v>2392</v>
      </c>
      <c r="D75" s="29">
        <v>4645</v>
      </c>
    </row>
    <row r="76" spans="1:4" ht="18" customHeight="1" x14ac:dyDescent="0.2">
      <c r="A76" s="31">
        <v>59</v>
      </c>
      <c r="B76" s="27">
        <v>2577</v>
      </c>
      <c r="C76" s="28">
        <v>2805</v>
      </c>
      <c r="D76" s="29">
        <v>5382</v>
      </c>
    </row>
    <row r="77" spans="1:4" ht="18" customHeight="1" x14ac:dyDescent="0.2">
      <c r="A77" s="31" t="s">
        <v>78</v>
      </c>
      <c r="B77" s="27">
        <v>11035</v>
      </c>
      <c r="C77" s="28">
        <v>11597</v>
      </c>
      <c r="D77" s="29">
        <v>22632</v>
      </c>
    </row>
    <row r="78" spans="1:4" ht="18" customHeight="1" x14ac:dyDescent="0.2">
      <c r="A78" s="31">
        <v>60</v>
      </c>
      <c r="B78" s="27">
        <v>2993</v>
      </c>
      <c r="C78" s="28">
        <v>3022</v>
      </c>
      <c r="D78" s="29">
        <v>6015</v>
      </c>
    </row>
    <row r="79" spans="1:4" ht="18" customHeight="1" x14ac:dyDescent="0.2">
      <c r="A79" s="31">
        <v>61</v>
      </c>
      <c r="B79" s="27">
        <v>2885</v>
      </c>
      <c r="C79" s="28">
        <v>3136</v>
      </c>
      <c r="D79" s="29">
        <v>6021</v>
      </c>
    </row>
    <row r="80" spans="1:4" ht="18" customHeight="1" x14ac:dyDescent="0.2">
      <c r="A80" s="31">
        <v>62</v>
      </c>
      <c r="B80" s="27">
        <v>3117</v>
      </c>
      <c r="C80" s="28">
        <v>3450</v>
      </c>
      <c r="D80" s="29">
        <v>6567</v>
      </c>
    </row>
    <row r="81" spans="1:4" ht="18" customHeight="1" x14ac:dyDescent="0.2">
      <c r="A81" s="31">
        <v>63</v>
      </c>
      <c r="B81" s="27">
        <v>1637</v>
      </c>
      <c r="C81" s="28">
        <v>1744</v>
      </c>
      <c r="D81" s="29">
        <v>3381</v>
      </c>
    </row>
    <row r="82" spans="1:4" ht="18" customHeight="1" x14ac:dyDescent="0.2">
      <c r="A82" s="31">
        <v>64</v>
      </c>
      <c r="B82" s="27">
        <v>1788</v>
      </c>
      <c r="C82" s="28">
        <v>1947</v>
      </c>
      <c r="D82" s="29">
        <v>3735</v>
      </c>
    </row>
    <row r="83" spans="1:4" ht="18" customHeight="1" x14ac:dyDescent="0.2">
      <c r="A83" s="31" t="s">
        <v>79</v>
      </c>
      <c r="B83" s="27">
        <v>12420</v>
      </c>
      <c r="C83" s="28">
        <v>13299</v>
      </c>
      <c r="D83" s="29">
        <v>25719</v>
      </c>
    </row>
    <row r="84" spans="1:4" ht="18" customHeight="1" x14ac:dyDescent="0.2">
      <c r="A84" s="31" t="s">
        <v>80</v>
      </c>
      <c r="B84" s="27">
        <v>100526</v>
      </c>
      <c r="C84" s="28">
        <v>98875</v>
      </c>
      <c r="D84" s="29">
        <v>199401</v>
      </c>
    </row>
    <row r="85" spans="1:4" ht="18" customHeight="1" x14ac:dyDescent="0.2">
      <c r="A85" s="31">
        <v>65</v>
      </c>
      <c r="B85" s="27">
        <v>2316</v>
      </c>
      <c r="C85" s="28">
        <v>2620</v>
      </c>
      <c r="D85" s="29">
        <v>4936</v>
      </c>
    </row>
    <row r="86" spans="1:4" ht="18" customHeight="1" x14ac:dyDescent="0.2">
      <c r="A86" s="31">
        <v>66</v>
      </c>
      <c r="B86" s="27">
        <v>2159</v>
      </c>
      <c r="C86" s="28">
        <v>2382</v>
      </c>
      <c r="D86" s="29">
        <v>4541</v>
      </c>
    </row>
    <row r="87" spans="1:4" ht="18" customHeight="1" x14ac:dyDescent="0.2">
      <c r="A87" s="31">
        <v>67</v>
      </c>
      <c r="B87" s="27">
        <v>2284</v>
      </c>
      <c r="C87" s="28">
        <v>2588</v>
      </c>
      <c r="D87" s="29">
        <v>4872</v>
      </c>
    </row>
    <row r="88" spans="1:4" ht="18" customHeight="1" x14ac:dyDescent="0.2">
      <c r="A88" s="31">
        <v>68</v>
      </c>
      <c r="B88" s="27">
        <v>2062</v>
      </c>
      <c r="C88" s="28">
        <v>2328</v>
      </c>
      <c r="D88" s="29">
        <v>4390</v>
      </c>
    </row>
    <row r="89" spans="1:4" ht="18" customHeight="1" x14ac:dyDescent="0.2">
      <c r="A89" s="31">
        <v>69</v>
      </c>
      <c r="B89" s="27">
        <v>1903</v>
      </c>
      <c r="C89" s="28">
        <v>2139</v>
      </c>
      <c r="D89" s="29">
        <v>4042</v>
      </c>
    </row>
    <row r="90" spans="1:4" ht="18" customHeight="1" x14ac:dyDescent="0.2">
      <c r="A90" s="31" t="s">
        <v>81</v>
      </c>
      <c r="B90" s="27">
        <v>10724</v>
      </c>
      <c r="C90" s="28">
        <v>12057</v>
      </c>
      <c r="D90" s="29">
        <v>22781</v>
      </c>
    </row>
    <row r="91" spans="1:4" ht="18" customHeight="1" x14ac:dyDescent="0.2">
      <c r="A91" s="31">
        <v>70</v>
      </c>
      <c r="B91" s="27">
        <v>1560</v>
      </c>
      <c r="C91" s="28">
        <v>1736</v>
      </c>
      <c r="D91" s="29">
        <v>3296</v>
      </c>
    </row>
    <row r="92" spans="1:4" ht="18" customHeight="1" x14ac:dyDescent="0.2">
      <c r="A92" s="31">
        <v>71</v>
      </c>
      <c r="B92" s="27">
        <v>1576</v>
      </c>
      <c r="C92" s="28">
        <v>1863</v>
      </c>
      <c r="D92" s="29">
        <v>3439</v>
      </c>
    </row>
    <row r="93" spans="1:4" ht="18" customHeight="1" x14ac:dyDescent="0.2">
      <c r="A93" s="31">
        <v>72</v>
      </c>
      <c r="B93" s="27">
        <v>1656</v>
      </c>
      <c r="C93" s="28">
        <v>1995</v>
      </c>
      <c r="D93" s="29">
        <v>3651</v>
      </c>
    </row>
    <row r="94" spans="1:4" ht="18" customHeight="1" x14ac:dyDescent="0.2">
      <c r="A94" s="31">
        <v>73</v>
      </c>
      <c r="B94" s="27">
        <v>1693</v>
      </c>
      <c r="C94" s="28">
        <v>2228</v>
      </c>
      <c r="D94" s="29">
        <v>3921</v>
      </c>
    </row>
    <row r="95" spans="1:4" ht="18" customHeight="1" x14ac:dyDescent="0.2">
      <c r="A95" s="31">
        <v>74</v>
      </c>
      <c r="B95" s="27">
        <v>1470</v>
      </c>
      <c r="C95" s="28">
        <v>1746</v>
      </c>
      <c r="D95" s="29">
        <v>3216</v>
      </c>
    </row>
    <row r="96" spans="1:4" ht="18" customHeight="1" x14ac:dyDescent="0.2">
      <c r="A96" s="31" t="s">
        <v>82</v>
      </c>
      <c r="B96" s="27">
        <v>7955</v>
      </c>
      <c r="C96" s="28">
        <v>9568</v>
      </c>
      <c r="D96" s="29">
        <v>17523</v>
      </c>
    </row>
    <row r="97" spans="1:4" ht="18" customHeight="1" x14ac:dyDescent="0.2">
      <c r="A97" s="31">
        <v>75</v>
      </c>
      <c r="B97" s="27">
        <v>1448</v>
      </c>
      <c r="C97" s="28">
        <v>1896</v>
      </c>
      <c r="D97" s="29">
        <v>3344</v>
      </c>
    </row>
    <row r="98" spans="1:4" ht="18" customHeight="1" x14ac:dyDescent="0.2">
      <c r="A98" s="31">
        <v>76</v>
      </c>
      <c r="B98" s="27">
        <v>1422</v>
      </c>
      <c r="C98" s="28">
        <v>1929</v>
      </c>
      <c r="D98" s="29">
        <v>3351</v>
      </c>
    </row>
    <row r="99" spans="1:4" ht="18" customHeight="1" x14ac:dyDescent="0.2">
      <c r="A99" s="31">
        <v>77</v>
      </c>
      <c r="B99" s="27">
        <v>1228</v>
      </c>
      <c r="C99" s="28">
        <v>1861</v>
      </c>
      <c r="D99" s="29">
        <v>3089</v>
      </c>
    </row>
    <row r="100" spans="1:4" ht="18" customHeight="1" x14ac:dyDescent="0.2">
      <c r="A100" s="31">
        <v>78</v>
      </c>
      <c r="B100" s="27">
        <v>1263</v>
      </c>
      <c r="C100" s="28">
        <v>1769</v>
      </c>
      <c r="D100" s="29">
        <v>3032</v>
      </c>
    </row>
    <row r="101" spans="1:4" ht="18" customHeight="1" x14ac:dyDescent="0.2">
      <c r="A101" s="31">
        <v>79</v>
      </c>
      <c r="B101" s="27">
        <v>1089</v>
      </c>
      <c r="C101" s="28">
        <v>1570</v>
      </c>
      <c r="D101" s="29">
        <v>2659</v>
      </c>
    </row>
    <row r="102" spans="1:4" ht="18" customHeight="1" x14ac:dyDescent="0.2">
      <c r="A102" s="31" t="s">
        <v>83</v>
      </c>
      <c r="B102" s="27">
        <v>6450</v>
      </c>
      <c r="C102" s="28">
        <v>9025</v>
      </c>
      <c r="D102" s="29">
        <v>15475</v>
      </c>
    </row>
    <row r="103" spans="1:4" ht="18" customHeight="1" x14ac:dyDescent="0.2">
      <c r="A103" s="31">
        <v>80</v>
      </c>
      <c r="B103" s="27">
        <v>1033</v>
      </c>
      <c r="C103" s="28">
        <v>1661</v>
      </c>
      <c r="D103" s="29">
        <v>2694</v>
      </c>
    </row>
    <row r="104" spans="1:4" ht="18" customHeight="1" x14ac:dyDescent="0.2">
      <c r="A104" s="31">
        <v>81</v>
      </c>
      <c r="B104" s="27">
        <v>987</v>
      </c>
      <c r="C104" s="28">
        <v>1468</v>
      </c>
      <c r="D104" s="29">
        <v>2455</v>
      </c>
    </row>
    <row r="105" spans="1:4" ht="18" customHeight="1" x14ac:dyDescent="0.2">
      <c r="A105" s="31">
        <v>82</v>
      </c>
      <c r="B105" s="27">
        <v>875</v>
      </c>
      <c r="C105" s="28">
        <v>1431</v>
      </c>
      <c r="D105" s="29">
        <v>2306</v>
      </c>
    </row>
    <row r="106" spans="1:4" ht="18" customHeight="1" x14ac:dyDescent="0.2">
      <c r="A106" s="31">
        <v>83</v>
      </c>
      <c r="B106" s="27">
        <v>780</v>
      </c>
      <c r="C106" s="28">
        <v>1303</v>
      </c>
      <c r="D106" s="29">
        <v>2083</v>
      </c>
    </row>
    <row r="107" spans="1:4" ht="18" customHeight="1" x14ac:dyDescent="0.2">
      <c r="A107" s="31">
        <v>84</v>
      </c>
      <c r="B107" s="27">
        <v>625</v>
      </c>
      <c r="C107" s="28">
        <v>1291</v>
      </c>
      <c r="D107" s="29">
        <v>1916</v>
      </c>
    </row>
    <row r="108" spans="1:4" ht="18" customHeight="1" x14ac:dyDescent="0.2">
      <c r="A108" s="31" t="s">
        <v>84</v>
      </c>
      <c r="B108" s="27">
        <v>4300</v>
      </c>
      <c r="C108" s="28">
        <v>7154</v>
      </c>
      <c r="D108" s="29">
        <v>11454</v>
      </c>
    </row>
    <row r="109" spans="1:4" ht="18" customHeight="1" x14ac:dyDescent="0.2">
      <c r="A109" s="31">
        <v>85</v>
      </c>
      <c r="B109" s="27">
        <v>546</v>
      </c>
      <c r="C109" s="28">
        <v>1046</v>
      </c>
      <c r="D109" s="29">
        <v>1592</v>
      </c>
    </row>
    <row r="110" spans="1:4" ht="18" customHeight="1" x14ac:dyDescent="0.2">
      <c r="A110" s="31">
        <v>86</v>
      </c>
      <c r="B110" s="27">
        <v>379</v>
      </c>
      <c r="C110" s="28">
        <v>918</v>
      </c>
      <c r="D110" s="29">
        <v>1297</v>
      </c>
    </row>
    <row r="111" spans="1:4" ht="18" customHeight="1" x14ac:dyDescent="0.2">
      <c r="A111" s="31">
        <v>87</v>
      </c>
      <c r="B111" s="27">
        <v>367</v>
      </c>
      <c r="C111" s="28">
        <v>961</v>
      </c>
      <c r="D111" s="29">
        <v>1328</v>
      </c>
    </row>
    <row r="112" spans="1:4" ht="18" customHeight="1" x14ac:dyDescent="0.2">
      <c r="A112" s="31">
        <v>88</v>
      </c>
      <c r="B112" s="27">
        <v>306</v>
      </c>
      <c r="C112" s="28">
        <v>873</v>
      </c>
      <c r="D112" s="29">
        <v>1179</v>
      </c>
    </row>
    <row r="113" spans="1:4" ht="18" customHeight="1" x14ac:dyDescent="0.2">
      <c r="A113" s="31">
        <v>89</v>
      </c>
      <c r="B113" s="27">
        <v>276</v>
      </c>
      <c r="C113" s="28">
        <v>754</v>
      </c>
      <c r="D113" s="29">
        <v>1030</v>
      </c>
    </row>
    <row r="114" spans="1:4" ht="18" customHeight="1" x14ac:dyDescent="0.2">
      <c r="A114" s="31" t="s">
        <v>85</v>
      </c>
      <c r="B114" s="27">
        <v>1874</v>
      </c>
      <c r="C114" s="28">
        <v>4552</v>
      </c>
      <c r="D114" s="29">
        <v>6426</v>
      </c>
    </row>
    <row r="115" spans="1:4" ht="18" customHeight="1" x14ac:dyDescent="0.2">
      <c r="A115" s="31">
        <v>90</v>
      </c>
      <c r="B115" s="27">
        <v>190</v>
      </c>
      <c r="C115" s="28">
        <v>535</v>
      </c>
      <c r="D115" s="29">
        <v>725</v>
      </c>
    </row>
    <row r="116" spans="1:4" ht="18" customHeight="1" x14ac:dyDescent="0.2">
      <c r="A116" s="31">
        <v>91</v>
      </c>
      <c r="B116" s="27">
        <v>132</v>
      </c>
      <c r="C116" s="28">
        <v>422</v>
      </c>
      <c r="D116" s="29">
        <v>554</v>
      </c>
    </row>
    <row r="117" spans="1:4" ht="18" customHeight="1" x14ac:dyDescent="0.2">
      <c r="A117" s="31">
        <v>92</v>
      </c>
      <c r="B117" s="27">
        <v>138</v>
      </c>
      <c r="C117" s="28">
        <v>407</v>
      </c>
      <c r="D117" s="29">
        <v>545</v>
      </c>
    </row>
    <row r="118" spans="1:4" ht="18" customHeight="1" x14ac:dyDescent="0.2">
      <c r="A118" s="31">
        <v>93</v>
      </c>
      <c r="B118" s="27">
        <v>113</v>
      </c>
      <c r="C118" s="28">
        <v>338</v>
      </c>
      <c r="D118" s="29">
        <v>451</v>
      </c>
    </row>
    <row r="119" spans="1:4" ht="18" customHeight="1" x14ac:dyDescent="0.2">
      <c r="A119" s="31">
        <v>94</v>
      </c>
      <c r="B119" s="27">
        <v>91</v>
      </c>
      <c r="C119" s="28">
        <v>273</v>
      </c>
      <c r="D119" s="29">
        <v>364</v>
      </c>
    </row>
    <row r="120" spans="1:4" ht="18" customHeight="1" x14ac:dyDescent="0.2">
      <c r="A120" s="31" t="s">
        <v>86</v>
      </c>
      <c r="B120" s="27">
        <v>664</v>
      </c>
      <c r="C120" s="28">
        <v>1975</v>
      </c>
      <c r="D120" s="29">
        <v>2639</v>
      </c>
    </row>
    <row r="121" spans="1:4" ht="18" customHeight="1" x14ac:dyDescent="0.2">
      <c r="A121" s="31">
        <v>95</v>
      </c>
      <c r="B121" s="27">
        <v>61</v>
      </c>
      <c r="C121" s="28">
        <v>239</v>
      </c>
      <c r="D121" s="29">
        <v>300</v>
      </c>
    </row>
    <row r="122" spans="1:4" ht="18" customHeight="1" x14ac:dyDescent="0.2">
      <c r="A122" s="31">
        <v>96</v>
      </c>
      <c r="B122" s="27">
        <v>45</v>
      </c>
      <c r="C122" s="28">
        <v>186</v>
      </c>
      <c r="D122" s="29">
        <v>231</v>
      </c>
    </row>
    <row r="123" spans="1:4" ht="18" customHeight="1" x14ac:dyDescent="0.2">
      <c r="A123" s="31">
        <v>97</v>
      </c>
      <c r="B123" s="27">
        <v>21</v>
      </c>
      <c r="C123" s="28">
        <v>141</v>
      </c>
      <c r="D123" s="29">
        <v>162</v>
      </c>
    </row>
    <row r="124" spans="1:4" ht="18" customHeight="1" x14ac:dyDescent="0.2">
      <c r="A124" s="31">
        <v>98</v>
      </c>
      <c r="B124" s="27">
        <v>13</v>
      </c>
      <c r="C124" s="28">
        <v>92</v>
      </c>
      <c r="D124" s="29">
        <v>105</v>
      </c>
    </row>
    <row r="125" spans="1:4" ht="18" customHeight="1" x14ac:dyDescent="0.2">
      <c r="A125" s="31">
        <v>99</v>
      </c>
      <c r="B125" s="27">
        <v>12</v>
      </c>
      <c r="C125" s="28">
        <v>55</v>
      </c>
      <c r="D125" s="29">
        <v>67</v>
      </c>
    </row>
    <row r="126" spans="1:4" ht="18" customHeight="1" x14ac:dyDescent="0.2">
      <c r="A126" s="31" t="s">
        <v>87</v>
      </c>
      <c r="B126" s="27">
        <v>152</v>
      </c>
      <c r="C126" s="28">
        <v>713</v>
      </c>
      <c r="D126" s="29">
        <v>865</v>
      </c>
    </row>
    <row r="127" spans="1:4" ht="18" customHeight="1" x14ac:dyDescent="0.2">
      <c r="A127" s="31">
        <v>100</v>
      </c>
      <c r="B127" s="27">
        <v>6</v>
      </c>
      <c r="C127" s="28">
        <v>43</v>
      </c>
      <c r="D127" s="29">
        <v>49</v>
      </c>
    </row>
    <row r="128" spans="1:4" ht="18" customHeight="1" x14ac:dyDescent="0.2">
      <c r="A128" s="32" t="s">
        <v>88</v>
      </c>
      <c r="B128" s="27">
        <v>9</v>
      </c>
      <c r="C128" s="28">
        <v>75</v>
      </c>
      <c r="D128" s="29">
        <v>84</v>
      </c>
    </row>
    <row r="129" spans="1:4" ht="18" customHeight="1" x14ac:dyDescent="0.2">
      <c r="A129" s="31" t="s">
        <v>89</v>
      </c>
      <c r="B129" s="27">
        <v>15</v>
      </c>
      <c r="C129" s="28">
        <v>118</v>
      </c>
      <c r="D129" s="29">
        <v>133</v>
      </c>
    </row>
    <row r="130" spans="1:4" ht="18" customHeight="1" x14ac:dyDescent="0.2">
      <c r="A130" s="31" t="s">
        <v>90</v>
      </c>
      <c r="B130" s="4">
        <v>32134</v>
      </c>
      <c r="C130" s="5">
        <v>45162</v>
      </c>
      <c r="D130" s="6">
        <v>77296</v>
      </c>
    </row>
    <row r="131" spans="1:4" ht="18" customHeight="1" x14ac:dyDescent="0.2">
      <c r="A131" s="33" t="s">
        <v>65</v>
      </c>
      <c r="B131" s="7">
        <v>154456</v>
      </c>
      <c r="C131" s="8">
        <v>164770</v>
      </c>
      <c r="D131" s="9">
        <v>31922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51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2</v>
      </c>
      <c r="D5" s="39">
        <v>2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3</v>
      </c>
      <c r="D8" s="29">
        <v>3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66</v>
      </c>
      <c r="B10" s="27">
        <v>1</v>
      </c>
      <c r="C10" s="28">
        <v>6</v>
      </c>
      <c r="D10" s="29">
        <v>7</v>
      </c>
    </row>
    <row r="11" spans="1:4" ht="18" customHeight="1" x14ac:dyDescent="0.2">
      <c r="A11" s="31">
        <v>5</v>
      </c>
      <c r="B11" s="35">
        <v>3</v>
      </c>
      <c r="C11" s="28">
        <v>0</v>
      </c>
      <c r="D11" s="29">
        <v>3</v>
      </c>
    </row>
    <row r="12" spans="1:4" ht="18" customHeight="1" x14ac:dyDescent="0.2">
      <c r="A12" s="31">
        <v>6</v>
      </c>
      <c r="B12" s="35">
        <v>2</v>
      </c>
      <c r="C12" s="28">
        <v>3</v>
      </c>
      <c r="D12" s="29">
        <v>5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5</v>
      </c>
      <c r="C14" s="28">
        <v>3</v>
      </c>
      <c r="D14" s="29">
        <v>8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67</v>
      </c>
      <c r="B16" s="27">
        <v>11</v>
      </c>
      <c r="C16" s="28">
        <v>7</v>
      </c>
      <c r="D16" s="29">
        <v>18</v>
      </c>
    </row>
    <row r="17" spans="1:4" ht="18" customHeight="1" x14ac:dyDescent="0.2">
      <c r="A17" s="31">
        <v>10</v>
      </c>
      <c r="B17" s="27">
        <v>2</v>
      </c>
      <c r="C17" s="28">
        <v>2</v>
      </c>
      <c r="D17" s="29">
        <v>4</v>
      </c>
    </row>
    <row r="18" spans="1:4" ht="18" customHeight="1" x14ac:dyDescent="0.2">
      <c r="A18" s="31">
        <v>11</v>
      </c>
      <c r="B18" s="27">
        <v>2</v>
      </c>
      <c r="C18" s="28">
        <v>1</v>
      </c>
      <c r="D18" s="29">
        <v>3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4</v>
      </c>
      <c r="C20" s="28">
        <v>2</v>
      </c>
      <c r="D20" s="29">
        <v>6</v>
      </c>
    </row>
    <row r="21" spans="1:4" ht="18" customHeight="1" x14ac:dyDescent="0.2">
      <c r="A21" s="31">
        <v>14</v>
      </c>
      <c r="B21" s="27">
        <v>1</v>
      </c>
      <c r="C21" s="28">
        <v>1</v>
      </c>
      <c r="D21" s="29">
        <v>2</v>
      </c>
    </row>
    <row r="22" spans="1:4" ht="18" customHeight="1" x14ac:dyDescent="0.2">
      <c r="A22" s="31" t="s">
        <v>68</v>
      </c>
      <c r="B22" s="27">
        <v>9</v>
      </c>
      <c r="C22" s="28">
        <v>7</v>
      </c>
      <c r="D22" s="29">
        <v>16</v>
      </c>
    </row>
    <row r="23" spans="1:4" ht="18" customHeight="1" x14ac:dyDescent="0.2">
      <c r="A23" s="31" t="s">
        <v>69</v>
      </c>
      <c r="B23" s="27">
        <v>21</v>
      </c>
      <c r="C23" s="28">
        <v>20</v>
      </c>
      <c r="D23" s="29">
        <v>41</v>
      </c>
    </row>
    <row r="24" spans="1:4" ht="18" customHeight="1" x14ac:dyDescent="0.2">
      <c r="A24" s="31">
        <v>15</v>
      </c>
      <c r="B24" s="27">
        <v>0</v>
      </c>
      <c r="C24" s="28">
        <v>2</v>
      </c>
      <c r="D24" s="29">
        <v>2</v>
      </c>
    </row>
    <row r="25" spans="1:4" ht="18" customHeight="1" x14ac:dyDescent="0.2">
      <c r="A25" s="31">
        <v>16</v>
      </c>
      <c r="B25" s="27">
        <v>2</v>
      </c>
      <c r="C25" s="28">
        <v>2</v>
      </c>
      <c r="D25" s="29">
        <v>4</v>
      </c>
    </row>
    <row r="26" spans="1:4" ht="18" customHeight="1" x14ac:dyDescent="0.2">
      <c r="A26" s="31">
        <v>17</v>
      </c>
      <c r="B26" s="27">
        <v>2</v>
      </c>
      <c r="C26" s="28">
        <v>2</v>
      </c>
      <c r="D26" s="29">
        <v>4</v>
      </c>
    </row>
    <row r="27" spans="1:4" ht="18" customHeight="1" x14ac:dyDescent="0.2">
      <c r="A27" s="31">
        <v>18</v>
      </c>
      <c r="B27" s="27">
        <v>2</v>
      </c>
      <c r="C27" s="28">
        <v>1</v>
      </c>
      <c r="D27" s="29">
        <v>3</v>
      </c>
    </row>
    <row r="28" spans="1:4" ht="18" customHeight="1" x14ac:dyDescent="0.2">
      <c r="A28" s="31">
        <v>19</v>
      </c>
      <c r="B28" s="27">
        <v>1</v>
      </c>
      <c r="C28" s="28">
        <v>2</v>
      </c>
      <c r="D28" s="29">
        <v>3</v>
      </c>
    </row>
    <row r="29" spans="1:4" ht="18" customHeight="1" x14ac:dyDescent="0.2">
      <c r="A29" s="31" t="s">
        <v>70</v>
      </c>
      <c r="B29" s="27">
        <v>7</v>
      </c>
      <c r="C29" s="28">
        <v>9</v>
      </c>
      <c r="D29" s="29">
        <v>16</v>
      </c>
    </row>
    <row r="30" spans="1:4" ht="18" customHeight="1" x14ac:dyDescent="0.2">
      <c r="A30" s="31">
        <v>20</v>
      </c>
      <c r="B30" s="27">
        <v>1</v>
      </c>
      <c r="C30" s="28">
        <v>0</v>
      </c>
      <c r="D30" s="29">
        <v>1</v>
      </c>
    </row>
    <row r="31" spans="1:4" ht="18" customHeight="1" x14ac:dyDescent="0.2">
      <c r="A31" s="31">
        <v>21</v>
      </c>
      <c r="B31" s="27">
        <v>2</v>
      </c>
      <c r="C31" s="28">
        <v>5</v>
      </c>
      <c r="D31" s="29">
        <v>7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71</v>
      </c>
      <c r="B35" s="27">
        <v>6</v>
      </c>
      <c r="C35" s="28">
        <v>9</v>
      </c>
      <c r="D35" s="29">
        <v>15</v>
      </c>
    </row>
    <row r="36" spans="1:4" ht="18" customHeight="1" x14ac:dyDescent="0.2">
      <c r="A36" s="31">
        <v>25</v>
      </c>
      <c r="B36" s="27">
        <v>4</v>
      </c>
      <c r="C36" s="28">
        <v>0</v>
      </c>
      <c r="D36" s="29">
        <v>4</v>
      </c>
    </row>
    <row r="37" spans="1:4" ht="18" customHeight="1" x14ac:dyDescent="0.2">
      <c r="A37" s="31">
        <v>26</v>
      </c>
      <c r="B37" s="27">
        <v>2</v>
      </c>
      <c r="C37" s="28">
        <v>3</v>
      </c>
      <c r="D37" s="29">
        <v>5</v>
      </c>
    </row>
    <row r="38" spans="1:4" ht="18" customHeight="1" x14ac:dyDescent="0.2">
      <c r="A38" s="31">
        <v>27</v>
      </c>
      <c r="B38" s="27">
        <v>2</v>
      </c>
      <c r="C38" s="28">
        <v>4</v>
      </c>
      <c r="D38" s="29">
        <v>6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72</v>
      </c>
      <c r="B41" s="27">
        <v>11</v>
      </c>
      <c r="C41" s="28">
        <v>9</v>
      </c>
      <c r="D41" s="29">
        <v>20</v>
      </c>
    </row>
    <row r="42" spans="1:4" ht="18" customHeight="1" x14ac:dyDescent="0.2">
      <c r="A42" s="31">
        <v>30</v>
      </c>
      <c r="B42" s="27">
        <v>2</v>
      </c>
      <c r="C42" s="28">
        <v>1</v>
      </c>
      <c r="D42" s="29">
        <v>3</v>
      </c>
    </row>
    <row r="43" spans="1:4" ht="18" customHeight="1" x14ac:dyDescent="0.2">
      <c r="A43" s="31">
        <v>31</v>
      </c>
      <c r="B43" s="27">
        <v>4</v>
      </c>
      <c r="C43" s="28">
        <v>3</v>
      </c>
      <c r="D43" s="29">
        <v>7</v>
      </c>
    </row>
    <row r="44" spans="1:4" ht="18" customHeight="1" x14ac:dyDescent="0.2">
      <c r="A44" s="31">
        <v>32</v>
      </c>
      <c r="B44" s="27">
        <v>0</v>
      </c>
      <c r="C44" s="28">
        <v>2</v>
      </c>
      <c r="D44" s="29">
        <v>2</v>
      </c>
    </row>
    <row r="45" spans="1:4" ht="18" customHeight="1" x14ac:dyDescent="0.2">
      <c r="A45" s="31">
        <v>33</v>
      </c>
      <c r="B45" s="27">
        <v>4</v>
      </c>
      <c r="C45" s="28">
        <v>3</v>
      </c>
      <c r="D45" s="29">
        <v>7</v>
      </c>
    </row>
    <row r="46" spans="1:4" ht="18" customHeight="1" x14ac:dyDescent="0.2">
      <c r="A46" s="31">
        <v>34</v>
      </c>
      <c r="B46" s="27">
        <v>2</v>
      </c>
      <c r="C46" s="28">
        <v>1</v>
      </c>
      <c r="D46" s="29">
        <v>3</v>
      </c>
    </row>
    <row r="47" spans="1:4" ht="18" customHeight="1" x14ac:dyDescent="0.2">
      <c r="A47" s="31" t="s">
        <v>73</v>
      </c>
      <c r="B47" s="27">
        <v>12</v>
      </c>
      <c r="C47" s="28">
        <v>10</v>
      </c>
      <c r="D47" s="29">
        <v>22</v>
      </c>
    </row>
    <row r="48" spans="1:4" ht="18" customHeight="1" x14ac:dyDescent="0.2">
      <c r="A48" s="31">
        <v>35</v>
      </c>
      <c r="B48" s="27">
        <v>2</v>
      </c>
      <c r="C48" s="28">
        <v>2</v>
      </c>
      <c r="D48" s="29">
        <v>4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2</v>
      </c>
      <c r="C50" s="28">
        <v>1</v>
      </c>
      <c r="D50" s="29">
        <v>3</v>
      </c>
    </row>
    <row r="51" spans="1:4" ht="18" customHeight="1" x14ac:dyDescent="0.2">
      <c r="A51" s="31">
        <v>38</v>
      </c>
      <c r="B51" s="27">
        <v>2</v>
      </c>
      <c r="C51" s="28">
        <v>1</v>
      </c>
      <c r="D51" s="29">
        <v>3</v>
      </c>
    </row>
    <row r="52" spans="1:4" ht="18" customHeight="1" x14ac:dyDescent="0.2">
      <c r="A52" s="31">
        <v>39</v>
      </c>
      <c r="B52" s="27">
        <v>0</v>
      </c>
      <c r="C52" s="28">
        <v>1</v>
      </c>
      <c r="D52" s="29">
        <v>1</v>
      </c>
    </row>
    <row r="53" spans="1:4" ht="18" customHeight="1" x14ac:dyDescent="0.2">
      <c r="A53" s="31" t="s">
        <v>74</v>
      </c>
      <c r="B53" s="27">
        <v>7</v>
      </c>
      <c r="C53" s="28">
        <v>6</v>
      </c>
      <c r="D53" s="29">
        <v>13</v>
      </c>
    </row>
    <row r="54" spans="1:4" ht="18" customHeight="1" x14ac:dyDescent="0.2">
      <c r="A54" s="31">
        <v>40</v>
      </c>
      <c r="B54" s="27">
        <v>2</v>
      </c>
      <c r="C54" s="28">
        <v>2</v>
      </c>
      <c r="D54" s="29">
        <v>4</v>
      </c>
    </row>
    <row r="55" spans="1:4" ht="18" customHeight="1" x14ac:dyDescent="0.2">
      <c r="A55" s="31">
        <v>41</v>
      </c>
      <c r="B55" s="27">
        <v>2</v>
      </c>
      <c r="C55" s="28">
        <v>2</v>
      </c>
      <c r="D55" s="29">
        <v>4</v>
      </c>
    </row>
    <row r="56" spans="1:4" ht="18" customHeight="1" x14ac:dyDescent="0.2">
      <c r="A56" s="31">
        <v>42</v>
      </c>
      <c r="B56" s="27">
        <v>3</v>
      </c>
      <c r="C56" s="28">
        <v>0</v>
      </c>
      <c r="D56" s="29">
        <v>3</v>
      </c>
    </row>
    <row r="57" spans="1:4" ht="18" customHeight="1" x14ac:dyDescent="0.2">
      <c r="A57" s="31">
        <v>43</v>
      </c>
      <c r="B57" s="27">
        <v>1</v>
      </c>
      <c r="C57" s="28">
        <v>1</v>
      </c>
      <c r="D57" s="29">
        <v>2</v>
      </c>
    </row>
    <row r="58" spans="1:4" ht="18" customHeight="1" x14ac:dyDescent="0.2">
      <c r="A58" s="31">
        <v>44</v>
      </c>
      <c r="B58" s="27">
        <v>2</v>
      </c>
      <c r="C58" s="28">
        <v>3</v>
      </c>
      <c r="D58" s="29">
        <v>5</v>
      </c>
    </row>
    <row r="59" spans="1:4" ht="18" customHeight="1" x14ac:dyDescent="0.2">
      <c r="A59" s="31" t="s">
        <v>75</v>
      </c>
      <c r="B59" s="27">
        <v>10</v>
      </c>
      <c r="C59" s="28">
        <v>8</v>
      </c>
      <c r="D59" s="29">
        <v>18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3</v>
      </c>
      <c r="C61" s="28">
        <v>0</v>
      </c>
      <c r="D61" s="29">
        <v>3</v>
      </c>
    </row>
    <row r="62" spans="1:4" ht="18" customHeight="1" x14ac:dyDescent="0.2">
      <c r="A62" s="31">
        <v>47</v>
      </c>
      <c r="B62" s="27">
        <v>4</v>
      </c>
      <c r="C62" s="28">
        <v>3</v>
      </c>
      <c r="D62" s="29">
        <v>7</v>
      </c>
    </row>
    <row r="63" spans="1:4" ht="18" customHeight="1" x14ac:dyDescent="0.2">
      <c r="A63" s="31">
        <v>48</v>
      </c>
      <c r="B63" s="27">
        <v>5</v>
      </c>
      <c r="C63" s="28">
        <v>5</v>
      </c>
      <c r="D63" s="29">
        <v>10</v>
      </c>
    </row>
    <row r="64" spans="1:4" ht="18" customHeight="1" x14ac:dyDescent="0.2">
      <c r="A64" s="31">
        <v>49</v>
      </c>
      <c r="B64" s="27">
        <v>2</v>
      </c>
      <c r="C64" s="28">
        <v>2</v>
      </c>
      <c r="D64" s="29">
        <v>4</v>
      </c>
    </row>
    <row r="65" spans="1:4" ht="18" customHeight="1" x14ac:dyDescent="0.2">
      <c r="A65" s="31" t="s">
        <v>76</v>
      </c>
      <c r="B65" s="27">
        <v>14</v>
      </c>
      <c r="C65" s="28">
        <v>10</v>
      </c>
      <c r="D65" s="29">
        <v>24</v>
      </c>
    </row>
    <row r="66" spans="1:4" ht="18" customHeight="1" x14ac:dyDescent="0.2">
      <c r="A66" s="31">
        <v>50</v>
      </c>
      <c r="B66" s="27">
        <v>4</v>
      </c>
      <c r="C66" s="28">
        <v>1</v>
      </c>
      <c r="D66" s="29">
        <v>5</v>
      </c>
    </row>
    <row r="67" spans="1:4" ht="18" customHeight="1" x14ac:dyDescent="0.2">
      <c r="A67" s="31">
        <v>51</v>
      </c>
      <c r="B67" s="27">
        <v>1</v>
      </c>
      <c r="C67" s="28">
        <v>2</v>
      </c>
      <c r="D67" s="29">
        <v>3</v>
      </c>
    </row>
    <row r="68" spans="1:4" ht="18" customHeight="1" x14ac:dyDescent="0.2">
      <c r="A68" s="31">
        <v>52</v>
      </c>
      <c r="B68" s="27">
        <v>3</v>
      </c>
      <c r="C68" s="28">
        <v>1</v>
      </c>
      <c r="D68" s="29">
        <v>4</v>
      </c>
    </row>
    <row r="69" spans="1:4" ht="18" customHeight="1" x14ac:dyDescent="0.2">
      <c r="A69" s="31">
        <v>53</v>
      </c>
      <c r="B69" s="27">
        <v>1</v>
      </c>
      <c r="C69" s="28">
        <v>3</v>
      </c>
      <c r="D69" s="29">
        <v>4</v>
      </c>
    </row>
    <row r="70" spans="1:4" ht="18" customHeight="1" x14ac:dyDescent="0.2">
      <c r="A70" s="31">
        <v>54</v>
      </c>
      <c r="B70" s="27">
        <v>3</v>
      </c>
      <c r="C70" s="28">
        <v>2</v>
      </c>
      <c r="D70" s="29">
        <v>5</v>
      </c>
    </row>
    <row r="71" spans="1:4" ht="18" customHeight="1" x14ac:dyDescent="0.2">
      <c r="A71" s="31" t="s">
        <v>77</v>
      </c>
      <c r="B71" s="27">
        <v>12</v>
      </c>
      <c r="C71" s="28">
        <v>9</v>
      </c>
      <c r="D71" s="29">
        <v>21</v>
      </c>
    </row>
    <row r="72" spans="1:4" ht="18" customHeight="1" x14ac:dyDescent="0.2">
      <c r="A72" s="31">
        <v>55</v>
      </c>
      <c r="B72" s="27">
        <v>4</v>
      </c>
      <c r="C72" s="28">
        <v>3</v>
      </c>
      <c r="D72" s="29">
        <v>7</v>
      </c>
    </row>
    <row r="73" spans="1:4" ht="18" customHeight="1" x14ac:dyDescent="0.2">
      <c r="A73" s="31">
        <v>56</v>
      </c>
      <c r="B73" s="27">
        <v>5</v>
      </c>
      <c r="C73" s="28">
        <v>4</v>
      </c>
      <c r="D73" s="29">
        <v>9</v>
      </c>
    </row>
    <row r="74" spans="1:4" ht="18" customHeight="1" x14ac:dyDescent="0.2">
      <c r="A74" s="31">
        <v>57</v>
      </c>
      <c r="B74" s="27">
        <v>4</v>
      </c>
      <c r="C74" s="28">
        <v>6</v>
      </c>
      <c r="D74" s="29">
        <v>10</v>
      </c>
    </row>
    <row r="75" spans="1:4" ht="18" customHeight="1" x14ac:dyDescent="0.2">
      <c r="A75" s="31">
        <v>58</v>
      </c>
      <c r="B75" s="27">
        <v>5</v>
      </c>
      <c r="C75" s="28">
        <v>1</v>
      </c>
      <c r="D75" s="29">
        <v>6</v>
      </c>
    </row>
    <row r="76" spans="1:4" ht="18" customHeight="1" x14ac:dyDescent="0.2">
      <c r="A76" s="31">
        <v>59</v>
      </c>
      <c r="B76" s="27">
        <v>3</v>
      </c>
      <c r="C76" s="28">
        <v>3</v>
      </c>
      <c r="D76" s="29">
        <v>6</v>
      </c>
    </row>
    <row r="77" spans="1:4" ht="18" customHeight="1" x14ac:dyDescent="0.2">
      <c r="A77" s="31" t="s">
        <v>78</v>
      </c>
      <c r="B77" s="27">
        <v>21</v>
      </c>
      <c r="C77" s="28">
        <v>17</v>
      </c>
      <c r="D77" s="29">
        <v>38</v>
      </c>
    </row>
    <row r="78" spans="1:4" ht="18" customHeight="1" x14ac:dyDescent="0.2">
      <c r="A78" s="31">
        <v>60</v>
      </c>
      <c r="B78" s="27">
        <v>7</v>
      </c>
      <c r="C78" s="28">
        <v>5</v>
      </c>
      <c r="D78" s="29">
        <v>12</v>
      </c>
    </row>
    <row r="79" spans="1:4" ht="18" customHeight="1" x14ac:dyDescent="0.2">
      <c r="A79" s="31">
        <v>61</v>
      </c>
      <c r="B79" s="27">
        <v>4</v>
      </c>
      <c r="C79" s="28">
        <v>6</v>
      </c>
      <c r="D79" s="29">
        <v>10</v>
      </c>
    </row>
    <row r="80" spans="1:4" ht="18" customHeight="1" x14ac:dyDescent="0.2">
      <c r="A80" s="31">
        <v>62</v>
      </c>
      <c r="B80" s="27">
        <v>6</v>
      </c>
      <c r="C80" s="28">
        <v>7</v>
      </c>
      <c r="D80" s="29">
        <v>13</v>
      </c>
    </row>
    <row r="81" spans="1:4" ht="18" customHeight="1" x14ac:dyDescent="0.2">
      <c r="A81" s="31">
        <v>63</v>
      </c>
      <c r="B81" s="27">
        <v>2</v>
      </c>
      <c r="C81" s="28">
        <v>2</v>
      </c>
      <c r="D81" s="29">
        <v>4</v>
      </c>
    </row>
    <row r="82" spans="1:4" ht="18" customHeight="1" x14ac:dyDescent="0.2">
      <c r="A82" s="31">
        <v>64</v>
      </c>
      <c r="B82" s="27">
        <v>1</v>
      </c>
      <c r="C82" s="28">
        <v>3</v>
      </c>
      <c r="D82" s="29">
        <v>4</v>
      </c>
    </row>
    <row r="83" spans="1:4" ht="18" customHeight="1" x14ac:dyDescent="0.2">
      <c r="A83" s="31" t="s">
        <v>79</v>
      </c>
      <c r="B83" s="27">
        <v>20</v>
      </c>
      <c r="C83" s="28">
        <v>23</v>
      </c>
      <c r="D83" s="29">
        <v>43</v>
      </c>
    </row>
    <row r="84" spans="1:4" ht="18" customHeight="1" x14ac:dyDescent="0.2">
      <c r="A84" s="31" t="s">
        <v>80</v>
      </c>
      <c r="B84" s="27">
        <v>120</v>
      </c>
      <c r="C84" s="28">
        <v>110</v>
      </c>
      <c r="D84" s="29">
        <v>230</v>
      </c>
    </row>
    <row r="85" spans="1:4" ht="18" customHeight="1" x14ac:dyDescent="0.2">
      <c r="A85" s="31">
        <v>65</v>
      </c>
      <c r="B85" s="27">
        <v>2</v>
      </c>
      <c r="C85" s="28">
        <v>3</v>
      </c>
      <c r="D85" s="29">
        <v>5</v>
      </c>
    </row>
    <row r="86" spans="1:4" ht="18" customHeight="1" x14ac:dyDescent="0.2">
      <c r="A86" s="31">
        <v>66</v>
      </c>
      <c r="B86" s="27">
        <v>2</v>
      </c>
      <c r="C86" s="28">
        <v>2</v>
      </c>
      <c r="D86" s="29">
        <v>4</v>
      </c>
    </row>
    <row r="87" spans="1:4" ht="18" customHeight="1" x14ac:dyDescent="0.2">
      <c r="A87" s="31">
        <v>67</v>
      </c>
      <c r="B87" s="27">
        <v>3</v>
      </c>
      <c r="C87" s="28">
        <v>3</v>
      </c>
      <c r="D87" s="29">
        <v>6</v>
      </c>
    </row>
    <row r="88" spans="1:4" ht="18" customHeight="1" x14ac:dyDescent="0.2">
      <c r="A88" s="31">
        <v>68</v>
      </c>
      <c r="B88" s="27">
        <v>5</v>
      </c>
      <c r="C88" s="28">
        <v>5</v>
      </c>
      <c r="D88" s="29">
        <v>10</v>
      </c>
    </row>
    <row r="89" spans="1:4" ht="18" customHeight="1" x14ac:dyDescent="0.2">
      <c r="A89" s="31">
        <v>69</v>
      </c>
      <c r="B89" s="27">
        <v>2</v>
      </c>
      <c r="C89" s="28">
        <v>4</v>
      </c>
      <c r="D89" s="29">
        <v>6</v>
      </c>
    </row>
    <row r="90" spans="1:4" ht="18" customHeight="1" x14ac:dyDescent="0.2">
      <c r="A90" s="31" t="s">
        <v>81</v>
      </c>
      <c r="B90" s="27">
        <v>14</v>
      </c>
      <c r="C90" s="28">
        <v>17</v>
      </c>
      <c r="D90" s="29">
        <v>31</v>
      </c>
    </row>
    <row r="91" spans="1:4" ht="18" customHeight="1" x14ac:dyDescent="0.2">
      <c r="A91" s="31">
        <v>70</v>
      </c>
      <c r="B91" s="27">
        <v>5</v>
      </c>
      <c r="C91" s="28">
        <v>0</v>
      </c>
      <c r="D91" s="29">
        <v>5</v>
      </c>
    </row>
    <row r="92" spans="1:4" ht="18" customHeight="1" x14ac:dyDescent="0.2">
      <c r="A92" s="31">
        <v>71</v>
      </c>
      <c r="B92" s="27">
        <v>0</v>
      </c>
      <c r="C92" s="28">
        <v>2</v>
      </c>
      <c r="D92" s="29">
        <v>2</v>
      </c>
    </row>
    <row r="93" spans="1:4" ht="18" customHeight="1" x14ac:dyDescent="0.2">
      <c r="A93" s="31">
        <v>72</v>
      </c>
      <c r="B93" s="27">
        <v>3</v>
      </c>
      <c r="C93" s="28">
        <v>10</v>
      </c>
      <c r="D93" s="29">
        <v>13</v>
      </c>
    </row>
    <row r="94" spans="1:4" ht="18" customHeight="1" x14ac:dyDescent="0.2">
      <c r="A94" s="31">
        <v>73</v>
      </c>
      <c r="B94" s="27">
        <v>4</v>
      </c>
      <c r="C94" s="28">
        <v>9</v>
      </c>
      <c r="D94" s="29">
        <v>13</v>
      </c>
    </row>
    <row r="95" spans="1:4" ht="18" customHeight="1" x14ac:dyDescent="0.2">
      <c r="A95" s="31">
        <v>74</v>
      </c>
      <c r="B95" s="27">
        <v>5</v>
      </c>
      <c r="C95" s="28">
        <v>3</v>
      </c>
      <c r="D95" s="29">
        <v>8</v>
      </c>
    </row>
    <row r="96" spans="1:4" ht="18" customHeight="1" x14ac:dyDescent="0.2">
      <c r="A96" s="31" t="s">
        <v>82</v>
      </c>
      <c r="B96" s="27">
        <v>17</v>
      </c>
      <c r="C96" s="28">
        <v>24</v>
      </c>
      <c r="D96" s="29">
        <v>41</v>
      </c>
    </row>
    <row r="97" spans="1:4" ht="18" customHeight="1" x14ac:dyDescent="0.2">
      <c r="A97" s="31">
        <v>75</v>
      </c>
      <c r="B97" s="27">
        <v>1</v>
      </c>
      <c r="C97" s="28">
        <v>7</v>
      </c>
      <c r="D97" s="29">
        <v>8</v>
      </c>
    </row>
    <row r="98" spans="1:4" ht="18" customHeight="1" x14ac:dyDescent="0.2">
      <c r="A98" s="31">
        <v>76</v>
      </c>
      <c r="B98" s="27">
        <v>2</v>
      </c>
      <c r="C98" s="28">
        <v>8</v>
      </c>
      <c r="D98" s="29">
        <v>10</v>
      </c>
    </row>
    <row r="99" spans="1:4" ht="18" customHeight="1" x14ac:dyDescent="0.2">
      <c r="A99" s="31">
        <v>77</v>
      </c>
      <c r="B99" s="27">
        <v>3</v>
      </c>
      <c r="C99" s="28">
        <v>4</v>
      </c>
      <c r="D99" s="29">
        <v>7</v>
      </c>
    </row>
    <row r="100" spans="1:4" ht="18" customHeight="1" x14ac:dyDescent="0.2">
      <c r="A100" s="31">
        <v>78</v>
      </c>
      <c r="B100" s="27">
        <v>5</v>
      </c>
      <c r="C100" s="28">
        <v>3</v>
      </c>
      <c r="D100" s="29">
        <v>8</v>
      </c>
    </row>
    <row r="101" spans="1:4" ht="18" customHeight="1" x14ac:dyDescent="0.2">
      <c r="A101" s="31">
        <v>79</v>
      </c>
      <c r="B101" s="27">
        <v>3</v>
      </c>
      <c r="C101" s="28">
        <v>6</v>
      </c>
      <c r="D101" s="29">
        <v>9</v>
      </c>
    </row>
    <row r="102" spans="1:4" ht="18" customHeight="1" x14ac:dyDescent="0.2">
      <c r="A102" s="31" t="s">
        <v>83</v>
      </c>
      <c r="B102" s="27">
        <v>14</v>
      </c>
      <c r="C102" s="28">
        <v>28</v>
      </c>
      <c r="D102" s="29">
        <v>42</v>
      </c>
    </row>
    <row r="103" spans="1:4" ht="18" customHeight="1" x14ac:dyDescent="0.2">
      <c r="A103" s="31">
        <v>80</v>
      </c>
      <c r="B103" s="27">
        <v>6</v>
      </c>
      <c r="C103" s="28">
        <v>7</v>
      </c>
      <c r="D103" s="29">
        <v>13</v>
      </c>
    </row>
    <row r="104" spans="1:4" ht="18" customHeight="1" x14ac:dyDescent="0.2">
      <c r="A104" s="31">
        <v>81</v>
      </c>
      <c r="B104" s="27">
        <v>1</v>
      </c>
      <c r="C104" s="28">
        <v>3</v>
      </c>
      <c r="D104" s="29">
        <v>4</v>
      </c>
    </row>
    <row r="105" spans="1:4" ht="18" customHeight="1" x14ac:dyDescent="0.2">
      <c r="A105" s="31">
        <v>82</v>
      </c>
      <c r="B105" s="27">
        <v>2</v>
      </c>
      <c r="C105" s="28">
        <v>2</v>
      </c>
      <c r="D105" s="29">
        <v>4</v>
      </c>
    </row>
    <row r="106" spans="1:4" ht="18" customHeight="1" x14ac:dyDescent="0.2">
      <c r="A106" s="31">
        <v>83</v>
      </c>
      <c r="B106" s="27">
        <v>5</v>
      </c>
      <c r="C106" s="28">
        <v>2</v>
      </c>
      <c r="D106" s="29">
        <v>7</v>
      </c>
    </row>
    <row r="107" spans="1:4" ht="18" customHeight="1" x14ac:dyDescent="0.2">
      <c r="A107" s="31">
        <v>84</v>
      </c>
      <c r="B107" s="27">
        <v>3</v>
      </c>
      <c r="C107" s="28">
        <v>3</v>
      </c>
      <c r="D107" s="29">
        <v>6</v>
      </c>
    </row>
    <row r="108" spans="1:4" ht="18" customHeight="1" x14ac:dyDescent="0.2">
      <c r="A108" s="31" t="s">
        <v>84</v>
      </c>
      <c r="B108" s="27">
        <v>17</v>
      </c>
      <c r="C108" s="28">
        <v>17</v>
      </c>
      <c r="D108" s="29">
        <v>34</v>
      </c>
    </row>
    <row r="109" spans="1:4" ht="18" customHeight="1" x14ac:dyDescent="0.2">
      <c r="A109" s="31">
        <v>85</v>
      </c>
      <c r="B109" s="27">
        <v>2</v>
      </c>
      <c r="C109" s="28">
        <v>3</v>
      </c>
      <c r="D109" s="29">
        <v>5</v>
      </c>
    </row>
    <row r="110" spans="1:4" ht="18" customHeight="1" x14ac:dyDescent="0.2">
      <c r="A110" s="31">
        <v>86</v>
      </c>
      <c r="B110" s="27">
        <v>1</v>
      </c>
      <c r="C110" s="28">
        <v>4</v>
      </c>
      <c r="D110" s="29">
        <v>5</v>
      </c>
    </row>
    <row r="111" spans="1:4" ht="18" customHeight="1" x14ac:dyDescent="0.2">
      <c r="A111" s="31">
        <v>87</v>
      </c>
      <c r="B111" s="27">
        <v>0</v>
      </c>
      <c r="C111" s="28">
        <v>3</v>
      </c>
      <c r="D111" s="29">
        <v>3</v>
      </c>
    </row>
    <row r="112" spans="1:4" ht="18" customHeight="1" x14ac:dyDescent="0.2">
      <c r="A112" s="31">
        <v>88</v>
      </c>
      <c r="B112" s="27">
        <v>0</v>
      </c>
      <c r="C112" s="28">
        <v>5</v>
      </c>
      <c r="D112" s="29">
        <v>5</v>
      </c>
    </row>
    <row r="113" spans="1:4" ht="18" customHeight="1" x14ac:dyDescent="0.2">
      <c r="A113" s="31">
        <v>89</v>
      </c>
      <c r="B113" s="27">
        <v>2</v>
      </c>
      <c r="C113" s="28">
        <v>0</v>
      </c>
      <c r="D113" s="29">
        <v>2</v>
      </c>
    </row>
    <row r="114" spans="1:4" ht="18" customHeight="1" x14ac:dyDescent="0.2">
      <c r="A114" s="31" t="s">
        <v>85</v>
      </c>
      <c r="B114" s="27">
        <v>5</v>
      </c>
      <c r="C114" s="28">
        <v>15</v>
      </c>
      <c r="D114" s="29">
        <v>20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4</v>
      </c>
      <c r="C120" s="28">
        <v>10</v>
      </c>
      <c r="D120" s="29">
        <v>14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64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72</v>
      </c>
      <c r="C130" s="5">
        <v>114</v>
      </c>
      <c r="D130" s="6">
        <v>186</v>
      </c>
    </row>
    <row r="131" spans="1:4" ht="18" customHeight="1" x14ac:dyDescent="0.2">
      <c r="A131" s="33" t="s">
        <v>65</v>
      </c>
      <c r="B131" s="7">
        <v>213</v>
      </c>
      <c r="C131" s="8">
        <v>244</v>
      </c>
      <c r="D131" s="9">
        <v>45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52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0</v>
      </c>
      <c r="C7" s="28">
        <v>3</v>
      </c>
      <c r="D7" s="29">
        <v>3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2</v>
      </c>
      <c r="C9" s="38">
        <v>0</v>
      </c>
      <c r="D9" s="40">
        <v>2</v>
      </c>
    </row>
    <row r="10" spans="1:4" ht="18" customHeight="1" x14ac:dyDescent="0.2">
      <c r="A10" s="31" t="s">
        <v>66</v>
      </c>
      <c r="B10" s="27">
        <v>3</v>
      </c>
      <c r="C10" s="28">
        <v>6</v>
      </c>
      <c r="D10" s="29">
        <v>9</v>
      </c>
    </row>
    <row r="11" spans="1:4" ht="18" customHeight="1" x14ac:dyDescent="0.2">
      <c r="A11" s="31">
        <v>5</v>
      </c>
      <c r="B11" s="35">
        <v>2</v>
      </c>
      <c r="C11" s="28">
        <v>1</v>
      </c>
      <c r="D11" s="29">
        <v>3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2</v>
      </c>
      <c r="D14" s="29">
        <v>2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2</v>
      </c>
      <c r="C16" s="28">
        <v>5</v>
      </c>
      <c r="D16" s="29">
        <v>7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1</v>
      </c>
      <c r="C19" s="28">
        <v>0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4</v>
      </c>
      <c r="C21" s="28">
        <v>1</v>
      </c>
      <c r="D21" s="29">
        <v>5</v>
      </c>
    </row>
    <row r="22" spans="1:4" ht="18" customHeight="1" x14ac:dyDescent="0.2">
      <c r="A22" s="31" t="s">
        <v>68</v>
      </c>
      <c r="B22" s="27">
        <v>7</v>
      </c>
      <c r="C22" s="28">
        <v>5</v>
      </c>
      <c r="D22" s="29">
        <v>12</v>
      </c>
    </row>
    <row r="23" spans="1:4" ht="18" customHeight="1" x14ac:dyDescent="0.2">
      <c r="A23" s="31" t="s">
        <v>69</v>
      </c>
      <c r="B23" s="27">
        <v>12</v>
      </c>
      <c r="C23" s="28">
        <v>16</v>
      </c>
      <c r="D23" s="29">
        <v>28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1</v>
      </c>
      <c r="C25" s="28">
        <v>1</v>
      </c>
      <c r="D25" s="29">
        <v>2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2</v>
      </c>
      <c r="C28" s="28">
        <v>3</v>
      </c>
      <c r="D28" s="29">
        <v>5</v>
      </c>
    </row>
    <row r="29" spans="1:4" ht="18" customHeight="1" x14ac:dyDescent="0.2">
      <c r="A29" s="31" t="s">
        <v>70</v>
      </c>
      <c r="B29" s="27">
        <v>6</v>
      </c>
      <c r="C29" s="28">
        <v>6</v>
      </c>
      <c r="D29" s="29">
        <v>12</v>
      </c>
    </row>
    <row r="30" spans="1:4" ht="18" customHeight="1" x14ac:dyDescent="0.2">
      <c r="A30" s="31">
        <v>20</v>
      </c>
      <c r="B30" s="27">
        <v>2</v>
      </c>
      <c r="C30" s="28">
        <v>1</v>
      </c>
      <c r="D30" s="29">
        <v>3</v>
      </c>
    </row>
    <row r="31" spans="1:4" ht="18" customHeight="1" x14ac:dyDescent="0.2">
      <c r="A31" s="31">
        <v>21</v>
      </c>
      <c r="B31" s="27">
        <v>6</v>
      </c>
      <c r="C31" s="28">
        <v>3</v>
      </c>
      <c r="D31" s="29">
        <v>9</v>
      </c>
    </row>
    <row r="32" spans="1:4" ht="18" customHeight="1" x14ac:dyDescent="0.2">
      <c r="A32" s="31">
        <v>22</v>
      </c>
      <c r="B32" s="27">
        <v>3</v>
      </c>
      <c r="C32" s="28">
        <v>0</v>
      </c>
      <c r="D32" s="29">
        <v>3</v>
      </c>
    </row>
    <row r="33" spans="1:4" ht="18" customHeight="1" x14ac:dyDescent="0.2">
      <c r="A33" s="31">
        <v>23</v>
      </c>
      <c r="B33" s="27">
        <v>3</v>
      </c>
      <c r="C33" s="28">
        <v>1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71</v>
      </c>
      <c r="B35" s="27">
        <v>15</v>
      </c>
      <c r="C35" s="28">
        <v>6</v>
      </c>
      <c r="D35" s="29">
        <v>21</v>
      </c>
    </row>
    <row r="36" spans="1:4" ht="18" customHeight="1" x14ac:dyDescent="0.2">
      <c r="A36" s="31">
        <v>25</v>
      </c>
      <c r="B36" s="27">
        <v>0</v>
      </c>
      <c r="C36" s="28">
        <v>2</v>
      </c>
      <c r="D36" s="29">
        <v>2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2</v>
      </c>
      <c r="C38" s="28">
        <v>1</v>
      </c>
      <c r="D38" s="29">
        <v>3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3</v>
      </c>
      <c r="C40" s="28">
        <v>1</v>
      </c>
      <c r="D40" s="29">
        <v>4</v>
      </c>
    </row>
    <row r="41" spans="1:4" ht="18" customHeight="1" x14ac:dyDescent="0.2">
      <c r="A41" s="31" t="s">
        <v>72</v>
      </c>
      <c r="B41" s="27">
        <v>6</v>
      </c>
      <c r="C41" s="28">
        <v>5</v>
      </c>
      <c r="D41" s="29">
        <v>11</v>
      </c>
    </row>
    <row r="42" spans="1:4" ht="18" customHeight="1" x14ac:dyDescent="0.2">
      <c r="A42" s="31">
        <v>30</v>
      </c>
      <c r="B42" s="27">
        <v>2</v>
      </c>
      <c r="C42" s="28">
        <v>0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2</v>
      </c>
      <c r="D43" s="29">
        <v>3</v>
      </c>
    </row>
    <row r="44" spans="1:4" ht="18" customHeight="1" x14ac:dyDescent="0.2">
      <c r="A44" s="31">
        <v>32</v>
      </c>
      <c r="B44" s="27">
        <v>1</v>
      </c>
      <c r="C44" s="28">
        <v>2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2</v>
      </c>
      <c r="D45" s="29">
        <v>3</v>
      </c>
    </row>
    <row r="46" spans="1:4" ht="18" customHeight="1" x14ac:dyDescent="0.2">
      <c r="A46" s="31">
        <v>34</v>
      </c>
      <c r="B46" s="27">
        <v>2</v>
      </c>
      <c r="C46" s="28">
        <v>1</v>
      </c>
      <c r="D46" s="29">
        <v>3</v>
      </c>
    </row>
    <row r="47" spans="1:4" ht="18" customHeight="1" x14ac:dyDescent="0.2">
      <c r="A47" s="31" t="s">
        <v>73</v>
      </c>
      <c r="B47" s="27">
        <v>7</v>
      </c>
      <c r="C47" s="28">
        <v>7</v>
      </c>
      <c r="D47" s="29">
        <v>14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2</v>
      </c>
      <c r="D49" s="29">
        <v>3</v>
      </c>
    </row>
    <row r="50" spans="1:4" ht="18" customHeight="1" x14ac:dyDescent="0.2">
      <c r="A50" s="31">
        <v>37</v>
      </c>
      <c r="B50" s="27">
        <v>1</v>
      </c>
      <c r="C50" s="28">
        <v>2</v>
      </c>
      <c r="D50" s="29">
        <v>3</v>
      </c>
    </row>
    <row r="51" spans="1:4" ht="18" customHeight="1" x14ac:dyDescent="0.2">
      <c r="A51" s="31">
        <v>38</v>
      </c>
      <c r="B51" s="27">
        <v>2</v>
      </c>
      <c r="C51" s="28">
        <v>0</v>
      </c>
      <c r="D51" s="29">
        <v>2</v>
      </c>
    </row>
    <row r="52" spans="1:4" ht="18" customHeight="1" x14ac:dyDescent="0.2">
      <c r="A52" s="31">
        <v>39</v>
      </c>
      <c r="B52" s="27">
        <v>1</v>
      </c>
      <c r="C52" s="28">
        <v>1</v>
      </c>
      <c r="D52" s="29">
        <v>2</v>
      </c>
    </row>
    <row r="53" spans="1:4" ht="18" customHeight="1" x14ac:dyDescent="0.2">
      <c r="A53" s="31" t="s">
        <v>74</v>
      </c>
      <c r="B53" s="27">
        <v>6</v>
      </c>
      <c r="C53" s="28">
        <v>6</v>
      </c>
      <c r="D53" s="29">
        <v>12</v>
      </c>
    </row>
    <row r="54" spans="1:4" ht="18" customHeight="1" x14ac:dyDescent="0.2">
      <c r="A54" s="31">
        <v>40</v>
      </c>
      <c r="B54" s="27">
        <v>3</v>
      </c>
      <c r="C54" s="28">
        <v>1</v>
      </c>
      <c r="D54" s="29">
        <v>4</v>
      </c>
    </row>
    <row r="55" spans="1:4" ht="18" customHeight="1" x14ac:dyDescent="0.2">
      <c r="A55" s="31">
        <v>41</v>
      </c>
      <c r="B55" s="27">
        <v>0</v>
      </c>
      <c r="C55" s="28">
        <v>3</v>
      </c>
      <c r="D55" s="29">
        <v>3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75</v>
      </c>
      <c r="B59" s="27">
        <v>4</v>
      </c>
      <c r="C59" s="28">
        <v>6</v>
      </c>
      <c r="D59" s="29">
        <v>10</v>
      </c>
    </row>
    <row r="60" spans="1:4" ht="18" customHeight="1" x14ac:dyDescent="0.2">
      <c r="A60" s="31">
        <v>45</v>
      </c>
      <c r="B60" s="27">
        <v>2</v>
      </c>
      <c r="C60" s="28">
        <v>1</v>
      </c>
      <c r="D60" s="29">
        <v>3</v>
      </c>
    </row>
    <row r="61" spans="1:4" ht="18" customHeight="1" x14ac:dyDescent="0.2">
      <c r="A61" s="31">
        <v>46</v>
      </c>
      <c r="B61" s="27">
        <v>1</v>
      </c>
      <c r="C61" s="28">
        <v>2</v>
      </c>
      <c r="D61" s="29">
        <v>3</v>
      </c>
    </row>
    <row r="62" spans="1:4" ht="18" customHeight="1" x14ac:dyDescent="0.2">
      <c r="A62" s="31">
        <v>47</v>
      </c>
      <c r="B62" s="27">
        <v>2</v>
      </c>
      <c r="C62" s="28">
        <v>3</v>
      </c>
      <c r="D62" s="29">
        <v>5</v>
      </c>
    </row>
    <row r="63" spans="1:4" ht="18" customHeight="1" x14ac:dyDescent="0.2">
      <c r="A63" s="31">
        <v>48</v>
      </c>
      <c r="B63" s="27">
        <v>2</v>
      </c>
      <c r="C63" s="28">
        <v>2</v>
      </c>
      <c r="D63" s="29">
        <v>4</v>
      </c>
    </row>
    <row r="64" spans="1:4" ht="18" customHeight="1" x14ac:dyDescent="0.2">
      <c r="A64" s="31">
        <v>49</v>
      </c>
      <c r="B64" s="27">
        <v>2</v>
      </c>
      <c r="C64" s="28">
        <v>1</v>
      </c>
      <c r="D64" s="29">
        <v>3</v>
      </c>
    </row>
    <row r="65" spans="1:4" ht="18" customHeight="1" x14ac:dyDescent="0.2">
      <c r="A65" s="31" t="s">
        <v>76</v>
      </c>
      <c r="B65" s="27">
        <v>9</v>
      </c>
      <c r="C65" s="28">
        <v>9</v>
      </c>
      <c r="D65" s="29">
        <v>18</v>
      </c>
    </row>
    <row r="66" spans="1:4" ht="18" customHeight="1" x14ac:dyDescent="0.2">
      <c r="A66" s="31">
        <v>50</v>
      </c>
      <c r="B66" s="27">
        <v>6</v>
      </c>
      <c r="C66" s="28">
        <v>5</v>
      </c>
      <c r="D66" s="29">
        <v>11</v>
      </c>
    </row>
    <row r="67" spans="1:4" ht="18" customHeight="1" x14ac:dyDescent="0.2">
      <c r="A67" s="31">
        <v>51</v>
      </c>
      <c r="B67" s="27">
        <v>2</v>
      </c>
      <c r="C67" s="28">
        <v>0</v>
      </c>
      <c r="D67" s="29">
        <v>2</v>
      </c>
    </row>
    <row r="68" spans="1:4" ht="18" customHeight="1" x14ac:dyDescent="0.2">
      <c r="A68" s="31">
        <v>52</v>
      </c>
      <c r="B68" s="27">
        <v>4</v>
      </c>
      <c r="C68" s="28">
        <v>0</v>
      </c>
      <c r="D68" s="29">
        <v>4</v>
      </c>
    </row>
    <row r="69" spans="1:4" ht="18" customHeight="1" x14ac:dyDescent="0.2">
      <c r="A69" s="31">
        <v>53</v>
      </c>
      <c r="B69" s="27">
        <v>1</v>
      </c>
      <c r="C69" s="28">
        <v>1</v>
      </c>
      <c r="D69" s="29">
        <v>2</v>
      </c>
    </row>
    <row r="70" spans="1:4" ht="18" customHeight="1" x14ac:dyDescent="0.2">
      <c r="A70" s="31">
        <v>54</v>
      </c>
      <c r="B70" s="27">
        <v>0</v>
      </c>
      <c r="C70" s="28">
        <v>6</v>
      </c>
      <c r="D70" s="29">
        <v>6</v>
      </c>
    </row>
    <row r="71" spans="1:4" ht="18" customHeight="1" x14ac:dyDescent="0.2">
      <c r="A71" s="31" t="s">
        <v>77</v>
      </c>
      <c r="B71" s="27">
        <v>13</v>
      </c>
      <c r="C71" s="28">
        <v>12</v>
      </c>
      <c r="D71" s="29">
        <v>25</v>
      </c>
    </row>
    <row r="72" spans="1:4" ht="18" customHeight="1" x14ac:dyDescent="0.2">
      <c r="A72" s="31">
        <v>55</v>
      </c>
      <c r="B72" s="27">
        <v>3</v>
      </c>
      <c r="C72" s="28">
        <v>2</v>
      </c>
      <c r="D72" s="29">
        <v>5</v>
      </c>
    </row>
    <row r="73" spans="1:4" ht="18" customHeight="1" x14ac:dyDescent="0.2">
      <c r="A73" s="31">
        <v>56</v>
      </c>
      <c r="B73" s="27">
        <v>4</v>
      </c>
      <c r="C73" s="28">
        <v>1</v>
      </c>
      <c r="D73" s="29">
        <v>5</v>
      </c>
    </row>
    <row r="74" spans="1:4" ht="18" customHeight="1" x14ac:dyDescent="0.2">
      <c r="A74" s="31">
        <v>57</v>
      </c>
      <c r="B74" s="27">
        <v>2</v>
      </c>
      <c r="C74" s="28">
        <v>0</v>
      </c>
      <c r="D74" s="29">
        <v>2</v>
      </c>
    </row>
    <row r="75" spans="1:4" ht="18" customHeight="1" x14ac:dyDescent="0.2">
      <c r="A75" s="31">
        <v>58</v>
      </c>
      <c r="B75" s="27">
        <v>3</v>
      </c>
      <c r="C75" s="28">
        <v>2</v>
      </c>
      <c r="D75" s="29">
        <v>5</v>
      </c>
    </row>
    <row r="76" spans="1:4" ht="18" customHeight="1" x14ac:dyDescent="0.2">
      <c r="A76" s="31">
        <v>59</v>
      </c>
      <c r="B76" s="27">
        <v>5</v>
      </c>
      <c r="C76" s="28">
        <v>2</v>
      </c>
      <c r="D76" s="29">
        <v>7</v>
      </c>
    </row>
    <row r="77" spans="1:4" ht="18" customHeight="1" x14ac:dyDescent="0.2">
      <c r="A77" s="31" t="s">
        <v>78</v>
      </c>
      <c r="B77" s="27">
        <v>17</v>
      </c>
      <c r="C77" s="28">
        <v>7</v>
      </c>
      <c r="D77" s="29">
        <v>24</v>
      </c>
    </row>
    <row r="78" spans="1:4" ht="18" customHeight="1" x14ac:dyDescent="0.2">
      <c r="A78" s="31">
        <v>60</v>
      </c>
      <c r="B78" s="27">
        <v>5</v>
      </c>
      <c r="C78" s="28">
        <v>3</v>
      </c>
      <c r="D78" s="29">
        <v>8</v>
      </c>
    </row>
    <row r="79" spans="1:4" ht="18" customHeight="1" x14ac:dyDescent="0.2">
      <c r="A79" s="31">
        <v>61</v>
      </c>
      <c r="B79" s="27">
        <v>3</v>
      </c>
      <c r="C79" s="28">
        <v>2</v>
      </c>
      <c r="D79" s="29">
        <v>5</v>
      </c>
    </row>
    <row r="80" spans="1:4" ht="18" customHeight="1" x14ac:dyDescent="0.2">
      <c r="A80" s="31">
        <v>62</v>
      </c>
      <c r="B80" s="27">
        <v>4</v>
      </c>
      <c r="C80" s="28">
        <v>2</v>
      </c>
      <c r="D80" s="29">
        <v>6</v>
      </c>
    </row>
    <row r="81" spans="1:4" ht="18" customHeight="1" x14ac:dyDescent="0.2">
      <c r="A81" s="31">
        <v>63</v>
      </c>
      <c r="B81" s="27">
        <v>3</v>
      </c>
      <c r="C81" s="28">
        <v>3</v>
      </c>
      <c r="D81" s="29">
        <v>6</v>
      </c>
    </row>
    <row r="82" spans="1:4" ht="18" customHeight="1" x14ac:dyDescent="0.2">
      <c r="A82" s="31">
        <v>64</v>
      </c>
      <c r="B82" s="27">
        <v>3</v>
      </c>
      <c r="C82" s="28">
        <v>2</v>
      </c>
      <c r="D82" s="29">
        <v>5</v>
      </c>
    </row>
    <row r="83" spans="1:4" ht="18" customHeight="1" x14ac:dyDescent="0.2">
      <c r="A83" s="31" t="s">
        <v>79</v>
      </c>
      <c r="B83" s="27">
        <v>18</v>
      </c>
      <c r="C83" s="28">
        <v>12</v>
      </c>
      <c r="D83" s="29">
        <v>30</v>
      </c>
    </row>
    <row r="84" spans="1:4" ht="18" customHeight="1" x14ac:dyDescent="0.2">
      <c r="A84" s="31" t="s">
        <v>80</v>
      </c>
      <c r="B84" s="27">
        <v>101</v>
      </c>
      <c r="C84" s="28">
        <v>76</v>
      </c>
      <c r="D84" s="29">
        <v>177</v>
      </c>
    </row>
    <row r="85" spans="1:4" ht="18" customHeight="1" x14ac:dyDescent="0.2">
      <c r="A85" s="31">
        <v>65</v>
      </c>
      <c r="B85" s="27">
        <v>2</v>
      </c>
      <c r="C85" s="28">
        <v>2</v>
      </c>
      <c r="D85" s="29">
        <v>4</v>
      </c>
    </row>
    <row r="86" spans="1:4" ht="18" customHeight="1" x14ac:dyDescent="0.2">
      <c r="A86" s="31">
        <v>66</v>
      </c>
      <c r="B86" s="27">
        <v>1</v>
      </c>
      <c r="C86" s="28">
        <v>7</v>
      </c>
      <c r="D86" s="29">
        <v>8</v>
      </c>
    </row>
    <row r="87" spans="1:4" ht="18" customHeight="1" x14ac:dyDescent="0.2">
      <c r="A87" s="31">
        <v>67</v>
      </c>
      <c r="B87" s="27">
        <v>4</v>
      </c>
      <c r="C87" s="28">
        <v>2</v>
      </c>
      <c r="D87" s="29">
        <v>6</v>
      </c>
    </row>
    <row r="88" spans="1:4" ht="18" customHeight="1" x14ac:dyDescent="0.2">
      <c r="A88" s="31">
        <v>68</v>
      </c>
      <c r="B88" s="27">
        <v>3</v>
      </c>
      <c r="C88" s="28">
        <v>1</v>
      </c>
      <c r="D88" s="29">
        <v>4</v>
      </c>
    </row>
    <row r="89" spans="1:4" ht="18" customHeight="1" x14ac:dyDescent="0.2">
      <c r="A89" s="31">
        <v>69</v>
      </c>
      <c r="B89" s="27">
        <v>1</v>
      </c>
      <c r="C89" s="28">
        <v>2</v>
      </c>
      <c r="D89" s="29">
        <v>3</v>
      </c>
    </row>
    <row r="90" spans="1:4" ht="18" customHeight="1" x14ac:dyDescent="0.2">
      <c r="A90" s="31" t="s">
        <v>81</v>
      </c>
      <c r="B90" s="27">
        <v>11</v>
      </c>
      <c r="C90" s="28">
        <v>14</v>
      </c>
      <c r="D90" s="29">
        <v>25</v>
      </c>
    </row>
    <row r="91" spans="1:4" ht="18" customHeight="1" x14ac:dyDescent="0.2">
      <c r="A91" s="31">
        <v>70</v>
      </c>
      <c r="B91" s="27">
        <v>2</v>
      </c>
      <c r="C91" s="28">
        <v>3</v>
      </c>
      <c r="D91" s="29">
        <v>5</v>
      </c>
    </row>
    <row r="92" spans="1:4" ht="18" customHeight="1" x14ac:dyDescent="0.2">
      <c r="A92" s="31">
        <v>71</v>
      </c>
      <c r="B92" s="27">
        <v>2</v>
      </c>
      <c r="C92" s="28">
        <v>3</v>
      </c>
      <c r="D92" s="29">
        <v>5</v>
      </c>
    </row>
    <row r="93" spans="1:4" ht="18" customHeight="1" x14ac:dyDescent="0.2">
      <c r="A93" s="31">
        <v>72</v>
      </c>
      <c r="B93" s="27">
        <v>2</v>
      </c>
      <c r="C93" s="28">
        <v>2</v>
      </c>
      <c r="D93" s="29">
        <v>4</v>
      </c>
    </row>
    <row r="94" spans="1:4" ht="18" customHeight="1" x14ac:dyDescent="0.2">
      <c r="A94" s="31">
        <v>73</v>
      </c>
      <c r="B94" s="27">
        <v>3</v>
      </c>
      <c r="C94" s="28">
        <v>4</v>
      </c>
      <c r="D94" s="29">
        <v>7</v>
      </c>
    </row>
    <row r="95" spans="1:4" ht="18" customHeight="1" x14ac:dyDescent="0.2">
      <c r="A95" s="31">
        <v>74</v>
      </c>
      <c r="B95" s="27">
        <v>0</v>
      </c>
      <c r="C95" s="28">
        <v>3</v>
      </c>
      <c r="D95" s="29">
        <v>3</v>
      </c>
    </row>
    <row r="96" spans="1:4" ht="18" customHeight="1" x14ac:dyDescent="0.2">
      <c r="A96" s="31" t="s">
        <v>82</v>
      </c>
      <c r="B96" s="27">
        <v>9</v>
      </c>
      <c r="C96" s="28">
        <v>15</v>
      </c>
      <c r="D96" s="29">
        <v>24</v>
      </c>
    </row>
    <row r="97" spans="1:4" ht="18" customHeight="1" x14ac:dyDescent="0.2">
      <c r="A97" s="31">
        <v>75</v>
      </c>
      <c r="B97" s="27">
        <v>2</v>
      </c>
      <c r="C97" s="28">
        <v>0</v>
      </c>
      <c r="D97" s="29">
        <v>2</v>
      </c>
    </row>
    <row r="98" spans="1:4" ht="18" customHeight="1" x14ac:dyDescent="0.2">
      <c r="A98" s="31">
        <v>76</v>
      </c>
      <c r="B98" s="27">
        <v>5</v>
      </c>
      <c r="C98" s="28">
        <v>3</v>
      </c>
      <c r="D98" s="29">
        <v>8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3</v>
      </c>
      <c r="C100" s="28">
        <v>2</v>
      </c>
      <c r="D100" s="29">
        <v>5</v>
      </c>
    </row>
    <row r="101" spans="1:4" ht="18" customHeight="1" x14ac:dyDescent="0.2">
      <c r="A101" s="31">
        <v>79</v>
      </c>
      <c r="B101" s="27">
        <v>6</v>
      </c>
      <c r="C101" s="28">
        <v>7</v>
      </c>
      <c r="D101" s="29">
        <v>13</v>
      </c>
    </row>
    <row r="102" spans="1:4" ht="18" customHeight="1" x14ac:dyDescent="0.2">
      <c r="A102" s="31" t="s">
        <v>83</v>
      </c>
      <c r="B102" s="27">
        <v>17</v>
      </c>
      <c r="C102" s="28">
        <v>12</v>
      </c>
      <c r="D102" s="29">
        <v>29</v>
      </c>
    </row>
    <row r="103" spans="1:4" ht="18" customHeight="1" x14ac:dyDescent="0.2">
      <c r="A103" s="31">
        <v>80</v>
      </c>
      <c r="B103" s="27">
        <v>1</v>
      </c>
      <c r="C103" s="28">
        <v>9</v>
      </c>
      <c r="D103" s="29">
        <v>10</v>
      </c>
    </row>
    <row r="104" spans="1:4" ht="18" customHeight="1" x14ac:dyDescent="0.2">
      <c r="A104" s="31">
        <v>81</v>
      </c>
      <c r="B104" s="27">
        <v>2</v>
      </c>
      <c r="C104" s="28">
        <v>2</v>
      </c>
      <c r="D104" s="29">
        <v>4</v>
      </c>
    </row>
    <row r="105" spans="1:4" ht="18" customHeight="1" x14ac:dyDescent="0.2">
      <c r="A105" s="31">
        <v>82</v>
      </c>
      <c r="B105" s="27">
        <v>1</v>
      </c>
      <c r="C105" s="28">
        <v>3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3</v>
      </c>
      <c r="D106" s="29">
        <v>4</v>
      </c>
    </row>
    <row r="107" spans="1:4" ht="18" customHeight="1" x14ac:dyDescent="0.2">
      <c r="A107" s="31">
        <v>84</v>
      </c>
      <c r="B107" s="27">
        <v>2</v>
      </c>
      <c r="C107" s="28">
        <v>2</v>
      </c>
      <c r="D107" s="29">
        <v>4</v>
      </c>
    </row>
    <row r="108" spans="1:4" ht="18" customHeight="1" x14ac:dyDescent="0.2">
      <c r="A108" s="31" t="s">
        <v>84</v>
      </c>
      <c r="B108" s="27">
        <v>7</v>
      </c>
      <c r="C108" s="28">
        <v>19</v>
      </c>
      <c r="D108" s="29">
        <v>26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2</v>
      </c>
      <c r="C110" s="28">
        <v>3</v>
      </c>
      <c r="D110" s="29">
        <v>5</v>
      </c>
    </row>
    <row r="111" spans="1:4" ht="18" customHeight="1" x14ac:dyDescent="0.2">
      <c r="A111" s="31">
        <v>87</v>
      </c>
      <c r="B111" s="27">
        <v>1</v>
      </c>
      <c r="C111" s="28">
        <v>0</v>
      </c>
      <c r="D111" s="29">
        <v>1</v>
      </c>
    </row>
    <row r="112" spans="1:4" ht="18" customHeight="1" x14ac:dyDescent="0.2">
      <c r="A112" s="31">
        <v>88</v>
      </c>
      <c r="B112" s="27">
        <v>1</v>
      </c>
      <c r="C112" s="28">
        <v>2</v>
      </c>
      <c r="D112" s="29">
        <v>3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85</v>
      </c>
      <c r="B114" s="27">
        <v>4</v>
      </c>
      <c r="C114" s="28">
        <v>8</v>
      </c>
      <c r="D114" s="29">
        <v>12</v>
      </c>
    </row>
    <row r="115" spans="1:4" ht="18" customHeight="1" x14ac:dyDescent="0.2">
      <c r="A115" s="31">
        <v>90</v>
      </c>
      <c r="B115" s="27">
        <v>1</v>
      </c>
      <c r="C115" s="28">
        <v>1</v>
      </c>
      <c r="D115" s="29">
        <v>2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2</v>
      </c>
      <c r="C120" s="28">
        <v>5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50</v>
      </c>
      <c r="C130" s="5">
        <v>74</v>
      </c>
      <c r="D130" s="6">
        <v>124</v>
      </c>
    </row>
    <row r="131" spans="1:4" ht="18" customHeight="1" x14ac:dyDescent="0.2">
      <c r="A131" s="33" t="s">
        <v>65</v>
      </c>
      <c r="B131" s="7">
        <v>163</v>
      </c>
      <c r="C131" s="8">
        <v>166</v>
      </c>
      <c r="D131" s="9">
        <v>32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53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8</v>
      </c>
      <c r="C5" s="37">
        <v>6</v>
      </c>
      <c r="D5" s="39">
        <v>14</v>
      </c>
    </row>
    <row r="6" spans="1:4" ht="18" customHeight="1" x14ac:dyDescent="0.2">
      <c r="A6" s="31">
        <v>1</v>
      </c>
      <c r="B6" s="35">
        <v>5</v>
      </c>
      <c r="C6" s="28">
        <v>4</v>
      </c>
      <c r="D6" s="29">
        <v>9</v>
      </c>
    </row>
    <row r="7" spans="1:4" ht="18" customHeight="1" x14ac:dyDescent="0.2">
      <c r="A7" s="31">
        <v>2</v>
      </c>
      <c r="B7" s="35">
        <v>3</v>
      </c>
      <c r="C7" s="28">
        <v>7</v>
      </c>
      <c r="D7" s="29">
        <v>10</v>
      </c>
    </row>
    <row r="8" spans="1:4" ht="18" customHeight="1" x14ac:dyDescent="0.2">
      <c r="A8" s="31">
        <v>3</v>
      </c>
      <c r="B8" s="35">
        <v>4</v>
      </c>
      <c r="C8" s="28">
        <v>7</v>
      </c>
      <c r="D8" s="29">
        <v>11</v>
      </c>
    </row>
    <row r="9" spans="1:4" ht="18" customHeight="1" x14ac:dyDescent="0.2">
      <c r="A9" s="31">
        <v>4</v>
      </c>
      <c r="B9" s="36">
        <v>8</v>
      </c>
      <c r="C9" s="38">
        <v>4</v>
      </c>
      <c r="D9" s="40">
        <v>12</v>
      </c>
    </row>
    <row r="10" spans="1:4" ht="18" customHeight="1" x14ac:dyDescent="0.2">
      <c r="A10" s="31" t="s">
        <v>66</v>
      </c>
      <c r="B10" s="27">
        <v>28</v>
      </c>
      <c r="C10" s="28">
        <v>28</v>
      </c>
      <c r="D10" s="29">
        <v>56</v>
      </c>
    </row>
    <row r="11" spans="1:4" ht="18" customHeight="1" x14ac:dyDescent="0.2">
      <c r="A11" s="31">
        <v>5</v>
      </c>
      <c r="B11" s="35">
        <v>8</v>
      </c>
      <c r="C11" s="28">
        <v>8</v>
      </c>
      <c r="D11" s="29">
        <v>16</v>
      </c>
    </row>
    <row r="12" spans="1:4" ht="18" customHeight="1" x14ac:dyDescent="0.2">
      <c r="A12" s="31">
        <v>6</v>
      </c>
      <c r="B12" s="35">
        <v>4</v>
      </c>
      <c r="C12" s="28">
        <v>8</v>
      </c>
      <c r="D12" s="29">
        <v>12</v>
      </c>
    </row>
    <row r="13" spans="1:4" ht="18" customHeight="1" x14ac:dyDescent="0.2">
      <c r="A13" s="31">
        <v>7</v>
      </c>
      <c r="B13" s="35">
        <v>11</v>
      </c>
      <c r="C13" s="28">
        <v>6</v>
      </c>
      <c r="D13" s="29">
        <v>17</v>
      </c>
    </row>
    <row r="14" spans="1:4" ht="18" customHeight="1" x14ac:dyDescent="0.2">
      <c r="A14" s="31">
        <v>8</v>
      </c>
      <c r="B14" s="35">
        <v>11</v>
      </c>
      <c r="C14" s="28">
        <v>5</v>
      </c>
      <c r="D14" s="29">
        <v>16</v>
      </c>
    </row>
    <row r="15" spans="1:4" ht="18" customHeight="1" x14ac:dyDescent="0.2">
      <c r="A15" s="31">
        <v>9</v>
      </c>
      <c r="B15" s="35">
        <v>4</v>
      </c>
      <c r="C15" s="28">
        <v>7</v>
      </c>
      <c r="D15" s="29">
        <v>11</v>
      </c>
    </row>
    <row r="16" spans="1:4" ht="18" customHeight="1" x14ac:dyDescent="0.2">
      <c r="A16" s="31" t="s">
        <v>67</v>
      </c>
      <c r="B16" s="27">
        <v>38</v>
      </c>
      <c r="C16" s="28">
        <v>34</v>
      </c>
      <c r="D16" s="29">
        <v>72</v>
      </c>
    </row>
    <row r="17" spans="1:4" ht="18" customHeight="1" x14ac:dyDescent="0.2">
      <c r="A17" s="31">
        <v>10</v>
      </c>
      <c r="B17" s="27">
        <v>6</v>
      </c>
      <c r="C17" s="28">
        <v>5</v>
      </c>
      <c r="D17" s="29">
        <v>11</v>
      </c>
    </row>
    <row r="18" spans="1:4" ht="18" customHeight="1" x14ac:dyDescent="0.2">
      <c r="A18" s="31">
        <v>11</v>
      </c>
      <c r="B18" s="27">
        <v>7</v>
      </c>
      <c r="C18" s="28">
        <v>3</v>
      </c>
      <c r="D18" s="29">
        <v>10</v>
      </c>
    </row>
    <row r="19" spans="1:4" ht="18" customHeight="1" x14ac:dyDescent="0.2">
      <c r="A19" s="31">
        <v>12</v>
      </c>
      <c r="B19" s="27">
        <v>9</v>
      </c>
      <c r="C19" s="28">
        <v>5</v>
      </c>
      <c r="D19" s="29">
        <v>14</v>
      </c>
    </row>
    <row r="20" spans="1:4" ht="18" customHeight="1" x14ac:dyDescent="0.2">
      <c r="A20" s="31">
        <v>13</v>
      </c>
      <c r="B20" s="27">
        <v>12</v>
      </c>
      <c r="C20" s="28">
        <v>5</v>
      </c>
      <c r="D20" s="29">
        <v>17</v>
      </c>
    </row>
    <row r="21" spans="1:4" ht="18" customHeight="1" x14ac:dyDescent="0.2">
      <c r="A21" s="31">
        <v>14</v>
      </c>
      <c r="B21" s="27">
        <v>5</v>
      </c>
      <c r="C21" s="28">
        <v>5</v>
      </c>
      <c r="D21" s="29">
        <v>10</v>
      </c>
    </row>
    <row r="22" spans="1:4" ht="18" customHeight="1" x14ac:dyDescent="0.2">
      <c r="A22" s="31" t="s">
        <v>68</v>
      </c>
      <c r="B22" s="27">
        <v>39</v>
      </c>
      <c r="C22" s="28">
        <v>23</v>
      </c>
      <c r="D22" s="29">
        <v>62</v>
      </c>
    </row>
    <row r="23" spans="1:4" ht="18" customHeight="1" x14ac:dyDescent="0.2">
      <c r="A23" s="31" t="s">
        <v>69</v>
      </c>
      <c r="B23" s="27">
        <v>105</v>
      </c>
      <c r="C23" s="28">
        <v>85</v>
      </c>
      <c r="D23" s="29">
        <v>190</v>
      </c>
    </row>
    <row r="24" spans="1:4" ht="18" customHeight="1" x14ac:dyDescent="0.2">
      <c r="A24" s="31">
        <v>15</v>
      </c>
      <c r="B24" s="27">
        <v>11</v>
      </c>
      <c r="C24" s="28">
        <v>10</v>
      </c>
      <c r="D24" s="29">
        <v>21</v>
      </c>
    </row>
    <row r="25" spans="1:4" ht="18" customHeight="1" x14ac:dyDescent="0.2">
      <c r="A25" s="31">
        <v>16</v>
      </c>
      <c r="B25" s="27">
        <v>9</v>
      </c>
      <c r="C25" s="28">
        <v>6</v>
      </c>
      <c r="D25" s="29">
        <v>15</v>
      </c>
    </row>
    <row r="26" spans="1:4" ht="18" customHeight="1" x14ac:dyDescent="0.2">
      <c r="A26" s="31">
        <v>17</v>
      </c>
      <c r="B26" s="27">
        <v>8</v>
      </c>
      <c r="C26" s="28">
        <v>5</v>
      </c>
      <c r="D26" s="29">
        <v>13</v>
      </c>
    </row>
    <row r="27" spans="1:4" ht="18" customHeight="1" x14ac:dyDescent="0.2">
      <c r="A27" s="31">
        <v>18</v>
      </c>
      <c r="B27" s="27">
        <v>8</v>
      </c>
      <c r="C27" s="28">
        <v>8</v>
      </c>
      <c r="D27" s="29">
        <v>16</v>
      </c>
    </row>
    <row r="28" spans="1:4" ht="18" customHeight="1" x14ac:dyDescent="0.2">
      <c r="A28" s="31">
        <v>19</v>
      </c>
      <c r="B28" s="27">
        <v>14</v>
      </c>
      <c r="C28" s="28">
        <v>12</v>
      </c>
      <c r="D28" s="29">
        <v>26</v>
      </c>
    </row>
    <row r="29" spans="1:4" ht="18" customHeight="1" x14ac:dyDescent="0.2">
      <c r="A29" s="31" t="s">
        <v>70</v>
      </c>
      <c r="B29" s="27">
        <v>50</v>
      </c>
      <c r="C29" s="28">
        <v>41</v>
      </c>
      <c r="D29" s="29">
        <v>91</v>
      </c>
    </row>
    <row r="30" spans="1:4" ht="18" customHeight="1" x14ac:dyDescent="0.2">
      <c r="A30" s="31">
        <v>20</v>
      </c>
      <c r="B30" s="27">
        <v>7</v>
      </c>
      <c r="C30" s="28">
        <v>15</v>
      </c>
      <c r="D30" s="29">
        <v>22</v>
      </c>
    </row>
    <row r="31" spans="1:4" ht="18" customHeight="1" x14ac:dyDescent="0.2">
      <c r="A31" s="31">
        <v>21</v>
      </c>
      <c r="B31" s="27">
        <v>16</v>
      </c>
      <c r="C31" s="28">
        <v>14</v>
      </c>
      <c r="D31" s="29">
        <v>30</v>
      </c>
    </row>
    <row r="32" spans="1:4" ht="18" customHeight="1" x14ac:dyDescent="0.2">
      <c r="A32" s="31">
        <v>22</v>
      </c>
      <c r="B32" s="27">
        <v>12</v>
      </c>
      <c r="C32" s="28">
        <v>8</v>
      </c>
      <c r="D32" s="29">
        <v>20</v>
      </c>
    </row>
    <row r="33" spans="1:4" ht="18" customHeight="1" x14ac:dyDescent="0.2">
      <c r="A33" s="31">
        <v>23</v>
      </c>
      <c r="B33" s="27">
        <v>15</v>
      </c>
      <c r="C33" s="28">
        <v>16</v>
      </c>
      <c r="D33" s="29">
        <v>31</v>
      </c>
    </row>
    <row r="34" spans="1:4" ht="18" customHeight="1" x14ac:dyDescent="0.2">
      <c r="A34" s="31">
        <v>24</v>
      </c>
      <c r="B34" s="27">
        <v>16</v>
      </c>
      <c r="C34" s="28">
        <v>5</v>
      </c>
      <c r="D34" s="29">
        <v>21</v>
      </c>
    </row>
    <row r="35" spans="1:4" ht="18" customHeight="1" x14ac:dyDescent="0.2">
      <c r="A35" s="31" t="s">
        <v>71</v>
      </c>
      <c r="B35" s="27">
        <v>66</v>
      </c>
      <c r="C35" s="28">
        <v>58</v>
      </c>
      <c r="D35" s="29">
        <v>124</v>
      </c>
    </row>
    <row r="36" spans="1:4" ht="18" customHeight="1" x14ac:dyDescent="0.2">
      <c r="A36" s="31">
        <v>25</v>
      </c>
      <c r="B36" s="27">
        <v>15</v>
      </c>
      <c r="C36" s="28">
        <v>8</v>
      </c>
      <c r="D36" s="29">
        <v>23</v>
      </c>
    </row>
    <row r="37" spans="1:4" ht="18" customHeight="1" x14ac:dyDescent="0.2">
      <c r="A37" s="31">
        <v>26</v>
      </c>
      <c r="B37" s="27">
        <v>23</v>
      </c>
      <c r="C37" s="28">
        <v>7</v>
      </c>
      <c r="D37" s="29">
        <v>30</v>
      </c>
    </row>
    <row r="38" spans="1:4" ht="18" customHeight="1" x14ac:dyDescent="0.2">
      <c r="A38" s="31">
        <v>27</v>
      </c>
      <c r="B38" s="27">
        <v>21</v>
      </c>
      <c r="C38" s="28">
        <v>16</v>
      </c>
      <c r="D38" s="29">
        <v>37</v>
      </c>
    </row>
    <row r="39" spans="1:4" ht="18" customHeight="1" x14ac:dyDescent="0.2">
      <c r="A39" s="31">
        <v>28</v>
      </c>
      <c r="B39" s="27">
        <v>17</v>
      </c>
      <c r="C39" s="28">
        <v>7</v>
      </c>
      <c r="D39" s="29">
        <v>24</v>
      </c>
    </row>
    <row r="40" spans="1:4" ht="18" customHeight="1" x14ac:dyDescent="0.2">
      <c r="A40" s="31">
        <v>29</v>
      </c>
      <c r="B40" s="27">
        <v>14</v>
      </c>
      <c r="C40" s="28">
        <v>12</v>
      </c>
      <c r="D40" s="29">
        <v>26</v>
      </c>
    </row>
    <row r="41" spans="1:4" ht="18" customHeight="1" x14ac:dyDescent="0.2">
      <c r="A41" s="31" t="s">
        <v>72</v>
      </c>
      <c r="B41" s="27">
        <v>90</v>
      </c>
      <c r="C41" s="28">
        <v>50</v>
      </c>
      <c r="D41" s="29">
        <v>140</v>
      </c>
    </row>
    <row r="42" spans="1:4" ht="18" customHeight="1" x14ac:dyDescent="0.2">
      <c r="A42" s="31">
        <v>30</v>
      </c>
      <c r="B42" s="27">
        <v>14</v>
      </c>
      <c r="C42" s="28">
        <v>5</v>
      </c>
      <c r="D42" s="29">
        <v>19</v>
      </c>
    </row>
    <row r="43" spans="1:4" ht="18" customHeight="1" x14ac:dyDescent="0.2">
      <c r="A43" s="31">
        <v>31</v>
      </c>
      <c r="B43" s="27">
        <v>15</v>
      </c>
      <c r="C43" s="28">
        <v>11</v>
      </c>
      <c r="D43" s="29">
        <v>26</v>
      </c>
    </row>
    <row r="44" spans="1:4" ht="18" customHeight="1" x14ac:dyDescent="0.2">
      <c r="A44" s="31">
        <v>32</v>
      </c>
      <c r="B44" s="27">
        <v>8</v>
      </c>
      <c r="C44" s="28">
        <v>12</v>
      </c>
      <c r="D44" s="29">
        <v>20</v>
      </c>
    </row>
    <row r="45" spans="1:4" ht="18" customHeight="1" x14ac:dyDescent="0.2">
      <c r="A45" s="31">
        <v>33</v>
      </c>
      <c r="B45" s="27">
        <v>17</v>
      </c>
      <c r="C45" s="28">
        <v>15</v>
      </c>
      <c r="D45" s="29">
        <v>32</v>
      </c>
    </row>
    <row r="46" spans="1:4" ht="18" customHeight="1" x14ac:dyDescent="0.2">
      <c r="A46" s="31">
        <v>34</v>
      </c>
      <c r="B46" s="27">
        <v>15</v>
      </c>
      <c r="C46" s="28">
        <v>12</v>
      </c>
      <c r="D46" s="29">
        <v>27</v>
      </c>
    </row>
    <row r="47" spans="1:4" ht="18" customHeight="1" x14ac:dyDescent="0.2">
      <c r="A47" s="31" t="s">
        <v>73</v>
      </c>
      <c r="B47" s="27">
        <v>69</v>
      </c>
      <c r="C47" s="28">
        <v>55</v>
      </c>
      <c r="D47" s="29">
        <v>124</v>
      </c>
    </row>
    <row r="48" spans="1:4" ht="18" customHeight="1" x14ac:dyDescent="0.2">
      <c r="A48" s="31">
        <v>35</v>
      </c>
      <c r="B48" s="27">
        <v>18</v>
      </c>
      <c r="C48" s="28">
        <v>7</v>
      </c>
      <c r="D48" s="29">
        <v>25</v>
      </c>
    </row>
    <row r="49" spans="1:4" ht="18" customHeight="1" x14ac:dyDescent="0.2">
      <c r="A49" s="31">
        <v>36</v>
      </c>
      <c r="B49" s="27">
        <v>13</v>
      </c>
      <c r="C49" s="28">
        <v>5</v>
      </c>
      <c r="D49" s="29">
        <v>18</v>
      </c>
    </row>
    <row r="50" spans="1:4" ht="18" customHeight="1" x14ac:dyDescent="0.2">
      <c r="A50" s="31">
        <v>37</v>
      </c>
      <c r="B50" s="27">
        <v>22</v>
      </c>
      <c r="C50" s="28">
        <v>6</v>
      </c>
      <c r="D50" s="29">
        <v>28</v>
      </c>
    </row>
    <row r="51" spans="1:4" ht="18" customHeight="1" x14ac:dyDescent="0.2">
      <c r="A51" s="31">
        <v>38</v>
      </c>
      <c r="B51" s="27">
        <v>17</v>
      </c>
      <c r="C51" s="28">
        <v>16</v>
      </c>
      <c r="D51" s="29">
        <v>33</v>
      </c>
    </row>
    <row r="52" spans="1:4" ht="18" customHeight="1" x14ac:dyDescent="0.2">
      <c r="A52" s="31">
        <v>39</v>
      </c>
      <c r="B52" s="27">
        <v>16</v>
      </c>
      <c r="C52" s="28">
        <v>14</v>
      </c>
      <c r="D52" s="29">
        <v>30</v>
      </c>
    </row>
    <row r="53" spans="1:4" ht="18" customHeight="1" x14ac:dyDescent="0.2">
      <c r="A53" s="31" t="s">
        <v>74</v>
      </c>
      <c r="B53" s="27">
        <v>86</v>
      </c>
      <c r="C53" s="28">
        <v>48</v>
      </c>
      <c r="D53" s="29">
        <v>134</v>
      </c>
    </row>
    <row r="54" spans="1:4" ht="18" customHeight="1" x14ac:dyDescent="0.2">
      <c r="A54" s="31">
        <v>40</v>
      </c>
      <c r="B54" s="27">
        <v>15</v>
      </c>
      <c r="C54" s="28">
        <v>12</v>
      </c>
      <c r="D54" s="29">
        <v>27</v>
      </c>
    </row>
    <row r="55" spans="1:4" ht="18" customHeight="1" x14ac:dyDescent="0.2">
      <c r="A55" s="31">
        <v>41</v>
      </c>
      <c r="B55" s="27">
        <v>6</v>
      </c>
      <c r="C55" s="28">
        <v>8</v>
      </c>
      <c r="D55" s="29">
        <v>14</v>
      </c>
    </row>
    <row r="56" spans="1:4" ht="18" customHeight="1" x14ac:dyDescent="0.2">
      <c r="A56" s="31">
        <v>42</v>
      </c>
      <c r="B56" s="27">
        <v>16</v>
      </c>
      <c r="C56" s="28">
        <v>10</v>
      </c>
      <c r="D56" s="29">
        <v>26</v>
      </c>
    </row>
    <row r="57" spans="1:4" ht="18" customHeight="1" x14ac:dyDescent="0.2">
      <c r="A57" s="31">
        <v>43</v>
      </c>
      <c r="B57" s="27">
        <v>11</v>
      </c>
      <c r="C57" s="28">
        <v>12</v>
      </c>
      <c r="D57" s="29">
        <v>23</v>
      </c>
    </row>
    <row r="58" spans="1:4" ht="18" customHeight="1" x14ac:dyDescent="0.2">
      <c r="A58" s="31">
        <v>44</v>
      </c>
      <c r="B58" s="27">
        <v>16</v>
      </c>
      <c r="C58" s="28">
        <v>13</v>
      </c>
      <c r="D58" s="29">
        <v>29</v>
      </c>
    </row>
    <row r="59" spans="1:4" ht="18" customHeight="1" x14ac:dyDescent="0.2">
      <c r="A59" s="31" t="s">
        <v>75</v>
      </c>
      <c r="B59" s="27">
        <v>64</v>
      </c>
      <c r="C59" s="28">
        <v>55</v>
      </c>
      <c r="D59" s="29">
        <v>119</v>
      </c>
    </row>
    <row r="60" spans="1:4" ht="18" customHeight="1" x14ac:dyDescent="0.2">
      <c r="A60" s="31">
        <v>45</v>
      </c>
      <c r="B60" s="27">
        <v>17</v>
      </c>
      <c r="C60" s="28">
        <v>9</v>
      </c>
      <c r="D60" s="29">
        <v>26</v>
      </c>
    </row>
    <row r="61" spans="1:4" ht="18" customHeight="1" x14ac:dyDescent="0.2">
      <c r="A61" s="31">
        <v>46</v>
      </c>
      <c r="B61" s="27">
        <v>20</v>
      </c>
      <c r="C61" s="28">
        <v>15</v>
      </c>
      <c r="D61" s="29">
        <v>35</v>
      </c>
    </row>
    <row r="62" spans="1:4" ht="18" customHeight="1" x14ac:dyDescent="0.2">
      <c r="A62" s="31">
        <v>47</v>
      </c>
      <c r="B62" s="27">
        <v>13</v>
      </c>
      <c r="C62" s="28">
        <v>7</v>
      </c>
      <c r="D62" s="29">
        <v>20</v>
      </c>
    </row>
    <row r="63" spans="1:4" ht="18" customHeight="1" x14ac:dyDescent="0.2">
      <c r="A63" s="31">
        <v>48</v>
      </c>
      <c r="B63" s="27">
        <v>13</v>
      </c>
      <c r="C63" s="28">
        <v>20</v>
      </c>
      <c r="D63" s="29">
        <v>33</v>
      </c>
    </row>
    <row r="64" spans="1:4" ht="18" customHeight="1" x14ac:dyDescent="0.2">
      <c r="A64" s="31">
        <v>49</v>
      </c>
      <c r="B64" s="27">
        <v>15</v>
      </c>
      <c r="C64" s="28">
        <v>9</v>
      </c>
      <c r="D64" s="29">
        <v>24</v>
      </c>
    </row>
    <row r="65" spans="1:4" ht="18" customHeight="1" x14ac:dyDescent="0.2">
      <c r="A65" s="31" t="s">
        <v>76</v>
      </c>
      <c r="B65" s="27">
        <v>78</v>
      </c>
      <c r="C65" s="28">
        <v>60</v>
      </c>
      <c r="D65" s="29">
        <v>138</v>
      </c>
    </row>
    <row r="66" spans="1:4" ht="18" customHeight="1" x14ac:dyDescent="0.2">
      <c r="A66" s="31">
        <v>50</v>
      </c>
      <c r="B66" s="27">
        <v>14</v>
      </c>
      <c r="C66" s="28">
        <v>28</v>
      </c>
      <c r="D66" s="29">
        <v>42</v>
      </c>
    </row>
    <row r="67" spans="1:4" ht="18" customHeight="1" x14ac:dyDescent="0.2">
      <c r="A67" s="31">
        <v>51</v>
      </c>
      <c r="B67" s="27">
        <v>20</v>
      </c>
      <c r="C67" s="28">
        <v>17</v>
      </c>
      <c r="D67" s="29">
        <v>37</v>
      </c>
    </row>
    <row r="68" spans="1:4" ht="18" customHeight="1" x14ac:dyDescent="0.2">
      <c r="A68" s="31">
        <v>52</v>
      </c>
      <c r="B68" s="27">
        <v>23</v>
      </c>
      <c r="C68" s="28">
        <v>29</v>
      </c>
      <c r="D68" s="29">
        <v>52</v>
      </c>
    </row>
    <row r="69" spans="1:4" ht="18" customHeight="1" x14ac:dyDescent="0.2">
      <c r="A69" s="31">
        <v>53</v>
      </c>
      <c r="B69" s="27">
        <v>19</v>
      </c>
      <c r="C69" s="28">
        <v>13</v>
      </c>
      <c r="D69" s="29">
        <v>32</v>
      </c>
    </row>
    <row r="70" spans="1:4" ht="18" customHeight="1" x14ac:dyDescent="0.2">
      <c r="A70" s="31">
        <v>54</v>
      </c>
      <c r="B70" s="27">
        <v>19</v>
      </c>
      <c r="C70" s="28">
        <v>18</v>
      </c>
      <c r="D70" s="29">
        <v>37</v>
      </c>
    </row>
    <row r="71" spans="1:4" ht="18" customHeight="1" x14ac:dyDescent="0.2">
      <c r="A71" s="31" t="s">
        <v>77</v>
      </c>
      <c r="B71" s="27">
        <v>95</v>
      </c>
      <c r="C71" s="28">
        <v>105</v>
      </c>
      <c r="D71" s="29">
        <v>200</v>
      </c>
    </row>
    <row r="72" spans="1:4" ht="18" customHeight="1" x14ac:dyDescent="0.2">
      <c r="A72" s="31">
        <v>55</v>
      </c>
      <c r="B72" s="27">
        <v>36</v>
      </c>
      <c r="C72" s="28">
        <v>23</v>
      </c>
      <c r="D72" s="29">
        <v>59</v>
      </c>
    </row>
    <row r="73" spans="1:4" ht="18" customHeight="1" x14ac:dyDescent="0.2">
      <c r="A73" s="31">
        <v>56</v>
      </c>
      <c r="B73" s="27">
        <v>31</v>
      </c>
      <c r="C73" s="28">
        <v>28</v>
      </c>
      <c r="D73" s="29">
        <v>59</v>
      </c>
    </row>
    <row r="74" spans="1:4" ht="18" customHeight="1" x14ac:dyDescent="0.2">
      <c r="A74" s="31">
        <v>57</v>
      </c>
      <c r="B74" s="27">
        <v>23</v>
      </c>
      <c r="C74" s="28">
        <v>14</v>
      </c>
      <c r="D74" s="29">
        <v>37</v>
      </c>
    </row>
    <row r="75" spans="1:4" ht="18" customHeight="1" x14ac:dyDescent="0.2">
      <c r="A75" s="31">
        <v>58</v>
      </c>
      <c r="B75" s="27">
        <v>33</v>
      </c>
      <c r="C75" s="28">
        <v>19</v>
      </c>
      <c r="D75" s="29">
        <v>52</v>
      </c>
    </row>
    <row r="76" spans="1:4" ht="18" customHeight="1" x14ac:dyDescent="0.2">
      <c r="A76" s="31">
        <v>59</v>
      </c>
      <c r="B76" s="27">
        <v>21</v>
      </c>
      <c r="C76" s="28">
        <v>24</v>
      </c>
      <c r="D76" s="29">
        <v>45</v>
      </c>
    </row>
    <row r="77" spans="1:4" ht="18" customHeight="1" x14ac:dyDescent="0.2">
      <c r="A77" s="31" t="s">
        <v>78</v>
      </c>
      <c r="B77" s="27">
        <v>144</v>
      </c>
      <c r="C77" s="28">
        <v>108</v>
      </c>
      <c r="D77" s="29">
        <v>252</v>
      </c>
    </row>
    <row r="78" spans="1:4" ht="18" customHeight="1" x14ac:dyDescent="0.2">
      <c r="A78" s="31">
        <v>60</v>
      </c>
      <c r="B78" s="27">
        <v>26</v>
      </c>
      <c r="C78" s="28">
        <v>22</v>
      </c>
      <c r="D78" s="29">
        <v>48</v>
      </c>
    </row>
    <row r="79" spans="1:4" ht="18" customHeight="1" x14ac:dyDescent="0.2">
      <c r="A79" s="31">
        <v>61</v>
      </c>
      <c r="B79" s="27">
        <v>27</v>
      </c>
      <c r="C79" s="28">
        <v>27</v>
      </c>
      <c r="D79" s="29">
        <v>54</v>
      </c>
    </row>
    <row r="80" spans="1:4" ht="18" customHeight="1" x14ac:dyDescent="0.2">
      <c r="A80" s="31">
        <v>62</v>
      </c>
      <c r="B80" s="27">
        <v>42</v>
      </c>
      <c r="C80" s="28">
        <v>27</v>
      </c>
      <c r="D80" s="29">
        <v>69</v>
      </c>
    </row>
    <row r="81" spans="1:4" ht="18" customHeight="1" x14ac:dyDescent="0.2">
      <c r="A81" s="31">
        <v>63</v>
      </c>
      <c r="B81" s="27">
        <v>5</v>
      </c>
      <c r="C81" s="28">
        <v>11</v>
      </c>
      <c r="D81" s="29">
        <v>16</v>
      </c>
    </row>
    <row r="82" spans="1:4" ht="18" customHeight="1" x14ac:dyDescent="0.2">
      <c r="A82" s="31">
        <v>64</v>
      </c>
      <c r="B82" s="27">
        <v>21</v>
      </c>
      <c r="C82" s="28">
        <v>18</v>
      </c>
      <c r="D82" s="29">
        <v>39</v>
      </c>
    </row>
    <row r="83" spans="1:4" ht="18" customHeight="1" x14ac:dyDescent="0.2">
      <c r="A83" s="31" t="s">
        <v>79</v>
      </c>
      <c r="B83" s="27">
        <v>121</v>
      </c>
      <c r="C83" s="28">
        <v>105</v>
      </c>
      <c r="D83" s="29">
        <v>226</v>
      </c>
    </row>
    <row r="84" spans="1:4" ht="18" customHeight="1" x14ac:dyDescent="0.2">
      <c r="A84" s="31" t="s">
        <v>80</v>
      </c>
      <c r="B84" s="27">
        <v>863</v>
      </c>
      <c r="C84" s="28">
        <v>685</v>
      </c>
      <c r="D84" s="29">
        <v>1548</v>
      </c>
    </row>
    <row r="85" spans="1:4" ht="18" customHeight="1" x14ac:dyDescent="0.2">
      <c r="A85" s="31">
        <v>65</v>
      </c>
      <c r="B85" s="27">
        <v>18</v>
      </c>
      <c r="C85" s="28">
        <v>18</v>
      </c>
      <c r="D85" s="29">
        <v>36</v>
      </c>
    </row>
    <row r="86" spans="1:4" ht="18" customHeight="1" x14ac:dyDescent="0.2">
      <c r="A86" s="31">
        <v>66</v>
      </c>
      <c r="B86" s="27">
        <v>11</v>
      </c>
      <c r="C86" s="28">
        <v>15</v>
      </c>
      <c r="D86" s="29">
        <v>26</v>
      </c>
    </row>
    <row r="87" spans="1:4" ht="18" customHeight="1" x14ac:dyDescent="0.2">
      <c r="A87" s="31">
        <v>67</v>
      </c>
      <c r="B87" s="27">
        <v>17</v>
      </c>
      <c r="C87" s="28">
        <v>16</v>
      </c>
      <c r="D87" s="29">
        <v>33</v>
      </c>
    </row>
    <row r="88" spans="1:4" ht="18" customHeight="1" x14ac:dyDescent="0.2">
      <c r="A88" s="31">
        <v>68</v>
      </c>
      <c r="B88" s="27">
        <v>15</v>
      </c>
      <c r="C88" s="28">
        <v>15</v>
      </c>
      <c r="D88" s="29">
        <v>30</v>
      </c>
    </row>
    <row r="89" spans="1:4" ht="18" customHeight="1" x14ac:dyDescent="0.2">
      <c r="A89" s="31">
        <v>69</v>
      </c>
      <c r="B89" s="27">
        <v>9</v>
      </c>
      <c r="C89" s="28">
        <v>14</v>
      </c>
      <c r="D89" s="29">
        <v>23</v>
      </c>
    </row>
    <row r="90" spans="1:4" ht="18" customHeight="1" x14ac:dyDescent="0.2">
      <c r="A90" s="31" t="s">
        <v>81</v>
      </c>
      <c r="B90" s="27">
        <v>70</v>
      </c>
      <c r="C90" s="28">
        <v>78</v>
      </c>
      <c r="D90" s="29">
        <v>148</v>
      </c>
    </row>
    <row r="91" spans="1:4" ht="18" customHeight="1" x14ac:dyDescent="0.2">
      <c r="A91" s="31">
        <v>70</v>
      </c>
      <c r="B91" s="27">
        <v>14</v>
      </c>
      <c r="C91" s="28">
        <v>10</v>
      </c>
      <c r="D91" s="29">
        <v>24</v>
      </c>
    </row>
    <row r="92" spans="1:4" ht="18" customHeight="1" x14ac:dyDescent="0.2">
      <c r="A92" s="31">
        <v>71</v>
      </c>
      <c r="B92" s="27">
        <v>11</v>
      </c>
      <c r="C92" s="28">
        <v>11</v>
      </c>
      <c r="D92" s="29">
        <v>22</v>
      </c>
    </row>
    <row r="93" spans="1:4" ht="18" customHeight="1" x14ac:dyDescent="0.2">
      <c r="A93" s="31">
        <v>72</v>
      </c>
      <c r="B93" s="27">
        <v>13</v>
      </c>
      <c r="C93" s="28">
        <v>18</v>
      </c>
      <c r="D93" s="29">
        <v>31</v>
      </c>
    </row>
    <row r="94" spans="1:4" ht="18" customHeight="1" x14ac:dyDescent="0.2">
      <c r="A94" s="31">
        <v>73</v>
      </c>
      <c r="B94" s="27">
        <v>12</v>
      </c>
      <c r="C94" s="28">
        <v>22</v>
      </c>
      <c r="D94" s="29">
        <v>34</v>
      </c>
    </row>
    <row r="95" spans="1:4" ht="18" customHeight="1" x14ac:dyDescent="0.2">
      <c r="A95" s="31">
        <v>74</v>
      </c>
      <c r="B95" s="27">
        <v>8</v>
      </c>
      <c r="C95" s="28">
        <v>14</v>
      </c>
      <c r="D95" s="29">
        <v>22</v>
      </c>
    </row>
    <row r="96" spans="1:4" ht="18" customHeight="1" x14ac:dyDescent="0.2">
      <c r="A96" s="31" t="s">
        <v>82</v>
      </c>
      <c r="B96" s="27">
        <v>58</v>
      </c>
      <c r="C96" s="28">
        <v>75</v>
      </c>
      <c r="D96" s="29">
        <v>133</v>
      </c>
    </row>
    <row r="97" spans="1:4" ht="18" customHeight="1" x14ac:dyDescent="0.2">
      <c r="A97" s="31">
        <v>75</v>
      </c>
      <c r="B97" s="27">
        <v>14</v>
      </c>
      <c r="C97" s="28">
        <v>20</v>
      </c>
      <c r="D97" s="29">
        <v>34</v>
      </c>
    </row>
    <row r="98" spans="1:4" ht="18" customHeight="1" x14ac:dyDescent="0.2">
      <c r="A98" s="31">
        <v>76</v>
      </c>
      <c r="B98" s="27">
        <v>10</v>
      </c>
      <c r="C98" s="28">
        <v>22</v>
      </c>
      <c r="D98" s="29">
        <v>32</v>
      </c>
    </row>
    <row r="99" spans="1:4" ht="18" customHeight="1" x14ac:dyDescent="0.2">
      <c r="A99" s="31">
        <v>77</v>
      </c>
      <c r="B99" s="27">
        <v>15</v>
      </c>
      <c r="C99" s="28">
        <v>20</v>
      </c>
      <c r="D99" s="29">
        <v>35</v>
      </c>
    </row>
    <row r="100" spans="1:4" ht="18" customHeight="1" x14ac:dyDescent="0.2">
      <c r="A100" s="31">
        <v>78</v>
      </c>
      <c r="B100" s="27">
        <v>14</v>
      </c>
      <c r="C100" s="28">
        <v>25</v>
      </c>
      <c r="D100" s="29">
        <v>39</v>
      </c>
    </row>
    <row r="101" spans="1:4" ht="18" customHeight="1" x14ac:dyDescent="0.2">
      <c r="A101" s="31">
        <v>79</v>
      </c>
      <c r="B101" s="27">
        <v>15</v>
      </c>
      <c r="C101" s="28">
        <v>24</v>
      </c>
      <c r="D101" s="29">
        <v>39</v>
      </c>
    </row>
    <row r="102" spans="1:4" ht="18" customHeight="1" x14ac:dyDescent="0.2">
      <c r="A102" s="31" t="s">
        <v>83</v>
      </c>
      <c r="B102" s="27">
        <v>68</v>
      </c>
      <c r="C102" s="28">
        <v>111</v>
      </c>
      <c r="D102" s="29">
        <v>179</v>
      </c>
    </row>
    <row r="103" spans="1:4" ht="18" customHeight="1" x14ac:dyDescent="0.2">
      <c r="A103" s="31">
        <v>80</v>
      </c>
      <c r="B103" s="27">
        <v>13</v>
      </c>
      <c r="C103" s="28">
        <v>16</v>
      </c>
      <c r="D103" s="29">
        <v>29</v>
      </c>
    </row>
    <row r="104" spans="1:4" ht="18" customHeight="1" x14ac:dyDescent="0.2">
      <c r="A104" s="31">
        <v>81</v>
      </c>
      <c r="B104" s="27">
        <v>16</v>
      </c>
      <c r="C104" s="28">
        <v>13</v>
      </c>
      <c r="D104" s="29">
        <v>29</v>
      </c>
    </row>
    <row r="105" spans="1:4" ht="18" customHeight="1" x14ac:dyDescent="0.2">
      <c r="A105" s="31">
        <v>82</v>
      </c>
      <c r="B105" s="27">
        <v>9</v>
      </c>
      <c r="C105" s="28">
        <v>6</v>
      </c>
      <c r="D105" s="29">
        <v>15</v>
      </c>
    </row>
    <row r="106" spans="1:4" ht="18" customHeight="1" x14ac:dyDescent="0.2">
      <c r="A106" s="31">
        <v>83</v>
      </c>
      <c r="B106" s="27">
        <v>12</v>
      </c>
      <c r="C106" s="28">
        <v>21</v>
      </c>
      <c r="D106" s="29">
        <v>33</v>
      </c>
    </row>
    <row r="107" spans="1:4" ht="18" customHeight="1" x14ac:dyDescent="0.2">
      <c r="A107" s="31">
        <v>84</v>
      </c>
      <c r="B107" s="27">
        <v>5</v>
      </c>
      <c r="C107" s="28">
        <v>10</v>
      </c>
      <c r="D107" s="29">
        <v>15</v>
      </c>
    </row>
    <row r="108" spans="1:4" ht="18" customHeight="1" x14ac:dyDescent="0.2">
      <c r="A108" s="31" t="s">
        <v>84</v>
      </c>
      <c r="B108" s="27">
        <v>55</v>
      </c>
      <c r="C108" s="28">
        <v>66</v>
      </c>
      <c r="D108" s="29">
        <v>121</v>
      </c>
    </row>
    <row r="109" spans="1:4" ht="18" customHeight="1" x14ac:dyDescent="0.2">
      <c r="A109" s="31">
        <v>85</v>
      </c>
      <c r="B109" s="27">
        <v>9</v>
      </c>
      <c r="C109" s="28">
        <v>12</v>
      </c>
      <c r="D109" s="29">
        <v>21</v>
      </c>
    </row>
    <row r="110" spans="1:4" ht="18" customHeight="1" x14ac:dyDescent="0.2">
      <c r="A110" s="31">
        <v>86</v>
      </c>
      <c r="B110" s="27">
        <v>7</v>
      </c>
      <c r="C110" s="28">
        <v>7</v>
      </c>
      <c r="D110" s="29">
        <v>14</v>
      </c>
    </row>
    <row r="111" spans="1:4" ht="18" customHeight="1" x14ac:dyDescent="0.2">
      <c r="A111" s="31">
        <v>87</v>
      </c>
      <c r="B111" s="27">
        <v>2</v>
      </c>
      <c r="C111" s="28">
        <v>6</v>
      </c>
      <c r="D111" s="29">
        <v>8</v>
      </c>
    </row>
    <row r="112" spans="1:4" ht="18" customHeight="1" x14ac:dyDescent="0.2">
      <c r="A112" s="31">
        <v>88</v>
      </c>
      <c r="B112" s="27">
        <v>8</v>
      </c>
      <c r="C112" s="28">
        <v>7</v>
      </c>
      <c r="D112" s="29">
        <v>15</v>
      </c>
    </row>
    <row r="113" spans="1:4" ht="18" customHeight="1" x14ac:dyDescent="0.2">
      <c r="A113" s="31">
        <v>89</v>
      </c>
      <c r="B113" s="27">
        <v>5</v>
      </c>
      <c r="C113" s="28">
        <v>5</v>
      </c>
      <c r="D113" s="29">
        <v>10</v>
      </c>
    </row>
    <row r="114" spans="1:4" ht="18" customHeight="1" x14ac:dyDescent="0.2">
      <c r="A114" s="31" t="s">
        <v>85</v>
      </c>
      <c r="B114" s="27">
        <v>31</v>
      </c>
      <c r="C114" s="28">
        <v>37</v>
      </c>
      <c r="D114" s="29">
        <v>68</v>
      </c>
    </row>
    <row r="115" spans="1:4" ht="18" customHeight="1" x14ac:dyDescent="0.2">
      <c r="A115" s="31">
        <v>90</v>
      </c>
      <c r="B115" s="27">
        <v>1</v>
      </c>
      <c r="C115" s="28">
        <v>5</v>
      </c>
      <c r="D115" s="29">
        <v>6</v>
      </c>
    </row>
    <row r="116" spans="1:4" ht="18" customHeight="1" x14ac:dyDescent="0.2">
      <c r="A116" s="31">
        <v>91</v>
      </c>
      <c r="B116" s="27">
        <v>0</v>
      </c>
      <c r="C116" s="28">
        <v>7</v>
      </c>
      <c r="D116" s="29">
        <v>7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2</v>
      </c>
      <c r="C118" s="28">
        <v>3</v>
      </c>
      <c r="D118" s="29">
        <v>5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86</v>
      </c>
      <c r="B120" s="27">
        <v>5</v>
      </c>
      <c r="C120" s="28">
        <v>23</v>
      </c>
      <c r="D120" s="29">
        <v>28</v>
      </c>
    </row>
    <row r="121" spans="1:4" ht="18" customHeight="1" x14ac:dyDescent="0.2">
      <c r="A121" s="31">
        <v>95</v>
      </c>
      <c r="B121" s="27">
        <v>0</v>
      </c>
      <c r="C121" s="28">
        <v>5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8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287</v>
      </c>
      <c r="C130" s="5">
        <v>399</v>
      </c>
      <c r="D130" s="6">
        <v>686</v>
      </c>
    </row>
    <row r="131" spans="1:4" ht="18" customHeight="1" x14ac:dyDescent="0.2">
      <c r="A131" s="33" t="s">
        <v>65</v>
      </c>
      <c r="B131" s="7">
        <v>1255</v>
      </c>
      <c r="C131" s="8">
        <v>1169</v>
      </c>
      <c r="D131" s="9">
        <v>242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54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54</v>
      </c>
      <c r="C5" s="37">
        <v>37</v>
      </c>
      <c r="D5" s="39">
        <v>91</v>
      </c>
    </row>
    <row r="6" spans="1:4" ht="18" customHeight="1" x14ac:dyDescent="0.2">
      <c r="A6" s="31">
        <v>1</v>
      </c>
      <c r="B6" s="35">
        <v>48</v>
      </c>
      <c r="C6" s="28">
        <v>48</v>
      </c>
      <c r="D6" s="29">
        <v>96</v>
      </c>
    </row>
    <row r="7" spans="1:4" ht="18" customHeight="1" x14ac:dyDescent="0.2">
      <c r="A7" s="31">
        <v>2</v>
      </c>
      <c r="B7" s="35">
        <v>41</v>
      </c>
      <c r="C7" s="28">
        <v>40</v>
      </c>
      <c r="D7" s="29">
        <v>81</v>
      </c>
    </row>
    <row r="8" spans="1:4" ht="18" customHeight="1" x14ac:dyDescent="0.2">
      <c r="A8" s="31">
        <v>3</v>
      </c>
      <c r="B8" s="35">
        <v>38</v>
      </c>
      <c r="C8" s="28">
        <v>46</v>
      </c>
      <c r="D8" s="29">
        <v>84</v>
      </c>
    </row>
    <row r="9" spans="1:4" ht="18" customHeight="1" x14ac:dyDescent="0.2">
      <c r="A9" s="31">
        <v>4</v>
      </c>
      <c r="B9" s="36">
        <v>59</v>
      </c>
      <c r="C9" s="38">
        <v>53</v>
      </c>
      <c r="D9" s="40">
        <v>112</v>
      </c>
    </row>
    <row r="10" spans="1:4" ht="18" customHeight="1" x14ac:dyDescent="0.2">
      <c r="A10" s="31" t="s">
        <v>66</v>
      </c>
      <c r="B10" s="27">
        <v>240</v>
      </c>
      <c r="C10" s="28">
        <v>224</v>
      </c>
      <c r="D10" s="29">
        <v>464</v>
      </c>
    </row>
    <row r="11" spans="1:4" ht="18" customHeight="1" x14ac:dyDescent="0.2">
      <c r="A11" s="31">
        <v>5</v>
      </c>
      <c r="B11" s="35">
        <v>59</v>
      </c>
      <c r="C11" s="28">
        <v>52</v>
      </c>
      <c r="D11" s="29">
        <v>111</v>
      </c>
    </row>
    <row r="12" spans="1:4" ht="18" customHeight="1" x14ac:dyDescent="0.2">
      <c r="A12" s="31">
        <v>6</v>
      </c>
      <c r="B12" s="35">
        <v>60</v>
      </c>
      <c r="C12" s="28">
        <v>47</v>
      </c>
      <c r="D12" s="29">
        <v>107</v>
      </c>
    </row>
    <row r="13" spans="1:4" ht="18" customHeight="1" x14ac:dyDescent="0.2">
      <c r="A13" s="31">
        <v>7</v>
      </c>
      <c r="B13" s="35">
        <v>77</v>
      </c>
      <c r="C13" s="28">
        <v>65</v>
      </c>
      <c r="D13" s="29">
        <v>142</v>
      </c>
    </row>
    <row r="14" spans="1:4" ht="18" customHeight="1" x14ac:dyDescent="0.2">
      <c r="A14" s="31">
        <v>8</v>
      </c>
      <c r="B14" s="35">
        <v>57</v>
      </c>
      <c r="C14" s="28">
        <v>56</v>
      </c>
      <c r="D14" s="29">
        <v>113</v>
      </c>
    </row>
    <row r="15" spans="1:4" ht="18" customHeight="1" x14ac:dyDescent="0.2">
      <c r="A15" s="31">
        <v>9</v>
      </c>
      <c r="B15" s="35">
        <v>71</v>
      </c>
      <c r="C15" s="28">
        <v>59</v>
      </c>
      <c r="D15" s="29">
        <v>130</v>
      </c>
    </row>
    <row r="16" spans="1:4" ht="18" customHeight="1" x14ac:dyDescent="0.2">
      <c r="A16" s="31" t="s">
        <v>67</v>
      </c>
      <c r="B16" s="27">
        <v>324</v>
      </c>
      <c r="C16" s="28">
        <v>279</v>
      </c>
      <c r="D16" s="29">
        <v>603</v>
      </c>
    </row>
    <row r="17" spans="1:4" ht="18" customHeight="1" x14ac:dyDescent="0.2">
      <c r="A17" s="31">
        <v>10</v>
      </c>
      <c r="B17" s="27">
        <v>46</v>
      </c>
      <c r="C17" s="28">
        <v>69</v>
      </c>
      <c r="D17" s="29">
        <v>115</v>
      </c>
    </row>
    <row r="18" spans="1:4" ht="18" customHeight="1" x14ac:dyDescent="0.2">
      <c r="A18" s="31">
        <v>11</v>
      </c>
      <c r="B18" s="27">
        <v>74</v>
      </c>
      <c r="C18" s="28">
        <v>62</v>
      </c>
      <c r="D18" s="29">
        <v>136</v>
      </c>
    </row>
    <row r="19" spans="1:4" ht="18" customHeight="1" x14ac:dyDescent="0.2">
      <c r="A19" s="31">
        <v>12</v>
      </c>
      <c r="B19" s="27">
        <v>62</v>
      </c>
      <c r="C19" s="28">
        <v>50</v>
      </c>
      <c r="D19" s="29">
        <v>112</v>
      </c>
    </row>
    <row r="20" spans="1:4" ht="18" customHeight="1" x14ac:dyDescent="0.2">
      <c r="A20" s="31">
        <v>13</v>
      </c>
      <c r="B20" s="27">
        <v>64</v>
      </c>
      <c r="C20" s="28">
        <v>56</v>
      </c>
      <c r="D20" s="29">
        <v>120</v>
      </c>
    </row>
    <row r="21" spans="1:4" ht="18" customHeight="1" x14ac:dyDescent="0.2">
      <c r="A21" s="31">
        <v>14</v>
      </c>
      <c r="B21" s="27">
        <v>79</v>
      </c>
      <c r="C21" s="28">
        <v>61</v>
      </c>
      <c r="D21" s="29">
        <v>140</v>
      </c>
    </row>
    <row r="22" spans="1:4" ht="18" customHeight="1" x14ac:dyDescent="0.2">
      <c r="A22" s="31" t="s">
        <v>68</v>
      </c>
      <c r="B22" s="27">
        <v>325</v>
      </c>
      <c r="C22" s="28">
        <v>298</v>
      </c>
      <c r="D22" s="29">
        <v>623</v>
      </c>
    </row>
    <row r="23" spans="1:4" ht="18" customHeight="1" x14ac:dyDescent="0.2">
      <c r="A23" s="31" t="s">
        <v>69</v>
      </c>
      <c r="B23" s="27">
        <v>889</v>
      </c>
      <c r="C23" s="28">
        <v>801</v>
      </c>
      <c r="D23" s="29">
        <v>1690</v>
      </c>
    </row>
    <row r="24" spans="1:4" ht="18" customHeight="1" x14ac:dyDescent="0.2">
      <c r="A24" s="31">
        <v>15</v>
      </c>
      <c r="B24" s="27">
        <v>81</v>
      </c>
      <c r="C24" s="28">
        <v>69</v>
      </c>
      <c r="D24" s="29">
        <v>150</v>
      </c>
    </row>
    <row r="25" spans="1:4" ht="18" customHeight="1" x14ac:dyDescent="0.2">
      <c r="A25" s="31">
        <v>16</v>
      </c>
      <c r="B25" s="27">
        <v>48</v>
      </c>
      <c r="C25" s="28">
        <v>61</v>
      </c>
      <c r="D25" s="29">
        <v>109</v>
      </c>
    </row>
    <row r="26" spans="1:4" ht="18" customHeight="1" x14ac:dyDescent="0.2">
      <c r="A26" s="31">
        <v>17</v>
      </c>
      <c r="B26" s="27">
        <v>70</v>
      </c>
      <c r="C26" s="28">
        <v>66</v>
      </c>
      <c r="D26" s="29">
        <v>136</v>
      </c>
    </row>
    <row r="27" spans="1:4" ht="18" customHeight="1" x14ac:dyDescent="0.2">
      <c r="A27" s="31">
        <v>18</v>
      </c>
      <c r="B27" s="27">
        <v>62</v>
      </c>
      <c r="C27" s="28">
        <v>68</v>
      </c>
      <c r="D27" s="29">
        <v>130</v>
      </c>
    </row>
    <row r="28" spans="1:4" ht="18" customHeight="1" x14ac:dyDescent="0.2">
      <c r="A28" s="31">
        <v>19</v>
      </c>
      <c r="B28" s="27">
        <v>59</v>
      </c>
      <c r="C28" s="28">
        <v>72</v>
      </c>
      <c r="D28" s="29">
        <v>131</v>
      </c>
    </row>
    <row r="29" spans="1:4" ht="18" customHeight="1" x14ac:dyDescent="0.2">
      <c r="A29" s="31" t="s">
        <v>70</v>
      </c>
      <c r="B29" s="27">
        <v>320</v>
      </c>
      <c r="C29" s="28">
        <v>336</v>
      </c>
      <c r="D29" s="29">
        <v>656</v>
      </c>
    </row>
    <row r="30" spans="1:4" ht="18" customHeight="1" x14ac:dyDescent="0.2">
      <c r="A30" s="31">
        <v>20</v>
      </c>
      <c r="B30" s="27">
        <v>65</v>
      </c>
      <c r="C30" s="28">
        <v>62</v>
      </c>
      <c r="D30" s="29">
        <v>127</v>
      </c>
    </row>
    <row r="31" spans="1:4" ht="18" customHeight="1" x14ac:dyDescent="0.2">
      <c r="A31" s="31">
        <v>21</v>
      </c>
      <c r="B31" s="27">
        <v>57</v>
      </c>
      <c r="C31" s="28">
        <v>63</v>
      </c>
      <c r="D31" s="29">
        <v>120</v>
      </c>
    </row>
    <row r="32" spans="1:4" ht="18" customHeight="1" x14ac:dyDescent="0.2">
      <c r="A32" s="31">
        <v>22</v>
      </c>
      <c r="B32" s="27">
        <v>85</v>
      </c>
      <c r="C32" s="28">
        <v>72</v>
      </c>
      <c r="D32" s="29">
        <v>157</v>
      </c>
    </row>
    <row r="33" spans="1:4" ht="18" customHeight="1" x14ac:dyDescent="0.2">
      <c r="A33" s="31">
        <v>23</v>
      </c>
      <c r="B33" s="27">
        <v>74</v>
      </c>
      <c r="C33" s="28">
        <v>61</v>
      </c>
      <c r="D33" s="29">
        <v>135</v>
      </c>
    </row>
    <row r="34" spans="1:4" ht="18" customHeight="1" x14ac:dyDescent="0.2">
      <c r="A34" s="31">
        <v>24</v>
      </c>
      <c r="B34" s="27">
        <v>60</v>
      </c>
      <c r="C34" s="28">
        <v>71</v>
      </c>
      <c r="D34" s="29">
        <v>131</v>
      </c>
    </row>
    <row r="35" spans="1:4" ht="18" customHeight="1" x14ac:dyDescent="0.2">
      <c r="A35" s="31" t="s">
        <v>71</v>
      </c>
      <c r="B35" s="27">
        <v>341</v>
      </c>
      <c r="C35" s="28">
        <v>329</v>
      </c>
      <c r="D35" s="29">
        <v>670</v>
      </c>
    </row>
    <row r="36" spans="1:4" ht="18" customHeight="1" x14ac:dyDescent="0.2">
      <c r="A36" s="31">
        <v>25</v>
      </c>
      <c r="B36" s="27">
        <v>81</v>
      </c>
      <c r="C36" s="28">
        <v>74</v>
      </c>
      <c r="D36" s="29">
        <v>155</v>
      </c>
    </row>
    <row r="37" spans="1:4" ht="18" customHeight="1" x14ac:dyDescent="0.2">
      <c r="A37" s="31">
        <v>26</v>
      </c>
      <c r="B37" s="27">
        <v>70</v>
      </c>
      <c r="C37" s="28">
        <v>62</v>
      </c>
      <c r="D37" s="29">
        <v>132</v>
      </c>
    </row>
    <row r="38" spans="1:4" ht="18" customHeight="1" x14ac:dyDescent="0.2">
      <c r="A38" s="31">
        <v>27</v>
      </c>
      <c r="B38" s="27">
        <v>71</v>
      </c>
      <c r="C38" s="28">
        <v>76</v>
      </c>
      <c r="D38" s="29">
        <v>147</v>
      </c>
    </row>
    <row r="39" spans="1:4" ht="18" customHeight="1" x14ac:dyDescent="0.2">
      <c r="A39" s="31">
        <v>28</v>
      </c>
      <c r="B39" s="27">
        <v>56</v>
      </c>
      <c r="C39" s="28">
        <v>61</v>
      </c>
      <c r="D39" s="29">
        <v>117</v>
      </c>
    </row>
    <row r="40" spans="1:4" ht="18" customHeight="1" x14ac:dyDescent="0.2">
      <c r="A40" s="31">
        <v>29</v>
      </c>
      <c r="B40" s="27">
        <v>75</v>
      </c>
      <c r="C40" s="28">
        <v>59</v>
      </c>
      <c r="D40" s="29">
        <v>134</v>
      </c>
    </row>
    <row r="41" spans="1:4" ht="18" customHeight="1" x14ac:dyDescent="0.2">
      <c r="A41" s="31" t="s">
        <v>72</v>
      </c>
      <c r="B41" s="27">
        <v>353</v>
      </c>
      <c r="C41" s="28">
        <v>332</v>
      </c>
      <c r="D41" s="29">
        <v>685</v>
      </c>
    </row>
    <row r="42" spans="1:4" ht="18" customHeight="1" x14ac:dyDescent="0.2">
      <c r="A42" s="31">
        <v>30</v>
      </c>
      <c r="B42" s="27">
        <v>65</v>
      </c>
      <c r="C42" s="28">
        <v>57</v>
      </c>
      <c r="D42" s="29">
        <v>122</v>
      </c>
    </row>
    <row r="43" spans="1:4" ht="18" customHeight="1" x14ac:dyDescent="0.2">
      <c r="A43" s="31">
        <v>31</v>
      </c>
      <c r="B43" s="27">
        <v>72</v>
      </c>
      <c r="C43" s="28">
        <v>73</v>
      </c>
      <c r="D43" s="29">
        <v>145</v>
      </c>
    </row>
    <row r="44" spans="1:4" ht="18" customHeight="1" x14ac:dyDescent="0.2">
      <c r="A44" s="31">
        <v>32</v>
      </c>
      <c r="B44" s="27">
        <v>69</v>
      </c>
      <c r="C44" s="28">
        <v>58</v>
      </c>
      <c r="D44" s="29">
        <v>127</v>
      </c>
    </row>
    <row r="45" spans="1:4" ht="18" customHeight="1" x14ac:dyDescent="0.2">
      <c r="A45" s="31">
        <v>33</v>
      </c>
      <c r="B45" s="27">
        <v>80</v>
      </c>
      <c r="C45" s="28">
        <v>73</v>
      </c>
      <c r="D45" s="29">
        <v>153</v>
      </c>
    </row>
    <row r="46" spans="1:4" ht="18" customHeight="1" x14ac:dyDescent="0.2">
      <c r="A46" s="31">
        <v>34</v>
      </c>
      <c r="B46" s="27">
        <v>76</v>
      </c>
      <c r="C46" s="28">
        <v>89</v>
      </c>
      <c r="D46" s="29">
        <v>165</v>
      </c>
    </row>
    <row r="47" spans="1:4" ht="18" customHeight="1" x14ac:dyDescent="0.2">
      <c r="A47" s="31" t="s">
        <v>73</v>
      </c>
      <c r="B47" s="27">
        <v>362</v>
      </c>
      <c r="C47" s="28">
        <v>350</v>
      </c>
      <c r="D47" s="29">
        <v>712</v>
      </c>
    </row>
    <row r="48" spans="1:4" ht="18" customHeight="1" x14ac:dyDescent="0.2">
      <c r="A48" s="31">
        <v>35</v>
      </c>
      <c r="B48" s="27">
        <v>89</v>
      </c>
      <c r="C48" s="28">
        <v>78</v>
      </c>
      <c r="D48" s="29">
        <v>167</v>
      </c>
    </row>
    <row r="49" spans="1:4" ht="18" customHeight="1" x14ac:dyDescent="0.2">
      <c r="A49" s="31">
        <v>36</v>
      </c>
      <c r="B49" s="27">
        <v>105</v>
      </c>
      <c r="C49" s="28">
        <v>86</v>
      </c>
      <c r="D49" s="29">
        <v>191</v>
      </c>
    </row>
    <row r="50" spans="1:4" ht="18" customHeight="1" x14ac:dyDescent="0.2">
      <c r="A50" s="31">
        <v>37</v>
      </c>
      <c r="B50" s="27">
        <v>90</v>
      </c>
      <c r="C50" s="28">
        <v>91</v>
      </c>
      <c r="D50" s="29">
        <v>181</v>
      </c>
    </row>
    <row r="51" spans="1:4" ht="18" customHeight="1" x14ac:dyDescent="0.2">
      <c r="A51" s="31">
        <v>38</v>
      </c>
      <c r="B51" s="27">
        <v>93</v>
      </c>
      <c r="C51" s="28">
        <v>104</v>
      </c>
      <c r="D51" s="29">
        <v>197</v>
      </c>
    </row>
    <row r="52" spans="1:4" ht="18" customHeight="1" x14ac:dyDescent="0.2">
      <c r="A52" s="31">
        <v>39</v>
      </c>
      <c r="B52" s="27">
        <v>81</v>
      </c>
      <c r="C52" s="28">
        <v>90</v>
      </c>
      <c r="D52" s="29">
        <v>171</v>
      </c>
    </row>
    <row r="53" spans="1:4" ht="18" customHeight="1" x14ac:dyDescent="0.2">
      <c r="A53" s="31" t="s">
        <v>74</v>
      </c>
      <c r="B53" s="27">
        <v>458</v>
      </c>
      <c r="C53" s="28">
        <v>449</v>
      </c>
      <c r="D53" s="29">
        <v>907</v>
      </c>
    </row>
    <row r="54" spans="1:4" ht="18" customHeight="1" x14ac:dyDescent="0.2">
      <c r="A54" s="31">
        <v>40</v>
      </c>
      <c r="B54" s="27">
        <v>97</v>
      </c>
      <c r="C54" s="28">
        <v>79</v>
      </c>
      <c r="D54" s="29">
        <v>176</v>
      </c>
    </row>
    <row r="55" spans="1:4" ht="18" customHeight="1" x14ac:dyDescent="0.2">
      <c r="A55" s="31">
        <v>41</v>
      </c>
      <c r="B55" s="27">
        <v>88</v>
      </c>
      <c r="C55" s="28">
        <v>77</v>
      </c>
      <c r="D55" s="29">
        <v>165</v>
      </c>
    </row>
    <row r="56" spans="1:4" ht="18" customHeight="1" x14ac:dyDescent="0.2">
      <c r="A56" s="31">
        <v>42</v>
      </c>
      <c r="B56" s="27">
        <v>104</v>
      </c>
      <c r="C56" s="28">
        <v>97</v>
      </c>
      <c r="D56" s="29">
        <v>201</v>
      </c>
    </row>
    <row r="57" spans="1:4" ht="18" customHeight="1" x14ac:dyDescent="0.2">
      <c r="A57" s="31">
        <v>43</v>
      </c>
      <c r="B57" s="27">
        <v>72</v>
      </c>
      <c r="C57" s="28">
        <v>70</v>
      </c>
      <c r="D57" s="29">
        <v>142</v>
      </c>
    </row>
    <row r="58" spans="1:4" ht="18" customHeight="1" x14ac:dyDescent="0.2">
      <c r="A58" s="31">
        <v>44</v>
      </c>
      <c r="B58" s="27">
        <v>77</v>
      </c>
      <c r="C58" s="28">
        <v>76</v>
      </c>
      <c r="D58" s="29">
        <v>153</v>
      </c>
    </row>
    <row r="59" spans="1:4" ht="18" customHeight="1" x14ac:dyDescent="0.2">
      <c r="A59" s="31" t="s">
        <v>75</v>
      </c>
      <c r="B59" s="27">
        <v>438</v>
      </c>
      <c r="C59" s="28">
        <v>399</v>
      </c>
      <c r="D59" s="29">
        <v>837</v>
      </c>
    </row>
    <row r="60" spans="1:4" ht="18" customHeight="1" x14ac:dyDescent="0.2">
      <c r="A60" s="31">
        <v>45</v>
      </c>
      <c r="B60" s="27">
        <v>89</v>
      </c>
      <c r="C60" s="28">
        <v>79</v>
      </c>
      <c r="D60" s="29">
        <v>168</v>
      </c>
    </row>
    <row r="61" spans="1:4" ht="18" customHeight="1" x14ac:dyDescent="0.2">
      <c r="A61" s="31">
        <v>46</v>
      </c>
      <c r="B61" s="27">
        <v>87</v>
      </c>
      <c r="C61" s="28">
        <v>76</v>
      </c>
      <c r="D61" s="29">
        <v>163</v>
      </c>
    </row>
    <row r="62" spans="1:4" ht="18" customHeight="1" x14ac:dyDescent="0.2">
      <c r="A62" s="31">
        <v>47</v>
      </c>
      <c r="B62" s="27">
        <v>82</v>
      </c>
      <c r="C62" s="28">
        <v>67</v>
      </c>
      <c r="D62" s="29">
        <v>149</v>
      </c>
    </row>
    <row r="63" spans="1:4" ht="18" customHeight="1" x14ac:dyDescent="0.2">
      <c r="A63" s="31">
        <v>48</v>
      </c>
      <c r="B63" s="27">
        <v>70</v>
      </c>
      <c r="C63" s="28">
        <v>93</v>
      </c>
      <c r="D63" s="29">
        <v>163</v>
      </c>
    </row>
    <row r="64" spans="1:4" ht="18" customHeight="1" x14ac:dyDescent="0.2">
      <c r="A64" s="31">
        <v>49</v>
      </c>
      <c r="B64" s="27">
        <v>83</v>
      </c>
      <c r="C64" s="28">
        <v>87</v>
      </c>
      <c r="D64" s="29">
        <v>170</v>
      </c>
    </row>
    <row r="65" spans="1:4" ht="18" customHeight="1" x14ac:dyDescent="0.2">
      <c r="A65" s="31" t="s">
        <v>76</v>
      </c>
      <c r="B65" s="27">
        <v>411</v>
      </c>
      <c r="C65" s="28">
        <v>402</v>
      </c>
      <c r="D65" s="29">
        <v>813</v>
      </c>
    </row>
    <row r="66" spans="1:4" ht="18" customHeight="1" x14ac:dyDescent="0.2">
      <c r="A66" s="31">
        <v>50</v>
      </c>
      <c r="B66" s="27">
        <v>85</v>
      </c>
      <c r="C66" s="28">
        <v>79</v>
      </c>
      <c r="D66" s="29">
        <v>164</v>
      </c>
    </row>
    <row r="67" spans="1:4" ht="18" customHeight="1" x14ac:dyDescent="0.2">
      <c r="A67" s="31">
        <v>51</v>
      </c>
      <c r="B67" s="27">
        <v>83</v>
      </c>
      <c r="C67" s="28">
        <v>81</v>
      </c>
      <c r="D67" s="29">
        <v>164</v>
      </c>
    </row>
    <row r="68" spans="1:4" ht="18" customHeight="1" x14ac:dyDescent="0.2">
      <c r="A68" s="31">
        <v>52</v>
      </c>
      <c r="B68" s="27">
        <v>81</v>
      </c>
      <c r="C68" s="28">
        <v>69</v>
      </c>
      <c r="D68" s="29">
        <v>150</v>
      </c>
    </row>
    <row r="69" spans="1:4" ht="18" customHeight="1" x14ac:dyDescent="0.2">
      <c r="A69" s="31">
        <v>53</v>
      </c>
      <c r="B69" s="27">
        <v>84</v>
      </c>
      <c r="C69" s="28">
        <v>83</v>
      </c>
      <c r="D69" s="29">
        <v>167</v>
      </c>
    </row>
    <row r="70" spans="1:4" ht="18" customHeight="1" x14ac:dyDescent="0.2">
      <c r="A70" s="31">
        <v>54</v>
      </c>
      <c r="B70" s="27">
        <v>87</v>
      </c>
      <c r="C70" s="28">
        <v>90</v>
      </c>
      <c r="D70" s="29">
        <v>177</v>
      </c>
    </row>
    <row r="71" spans="1:4" ht="18" customHeight="1" x14ac:dyDescent="0.2">
      <c r="A71" s="31" t="s">
        <v>77</v>
      </c>
      <c r="B71" s="27">
        <v>420</v>
      </c>
      <c r="C71" s="28">
        <v>402</v>
      </c>
      <c r="D71" s="29">
        <v>822</v>
      </c>
    </row>
    <row r="72" spans="1:4" ht="18" customHeight="1" x14ac:dyDescent="0.2">
      <c r="A72" s="31">
        <v>55</v>
      </c>
      <c r="B72" s="27">
        <v>83</v>
      </c>
      <c r="C72" s="28">
        <v>76</v>
      </c>
      <c r="D72" s="29">
        <v>159</v>
      </c>
    </row>
    <row r="73" spans="1:4" ht="18" customHeight="1" x14ac:dyDescent="0.2">
      <c r="A73" s="31">
        <v>56</v>
      </c>
      <c r="B73" s="27">
        <v>80</v>
      </c>
      <c r="C73" s="28">
        <v>100</v>
      </c>
      <c r="D73" s="29">
        <v>180</v>
      </c>
    </row>
    <row r="74" spans="1:4" ht="18" customHeight="1" x14ac:dyDescent="0.2">
      <c r="A74" s="31">
        <v>57</v>
      </c>
      <c r="B74" s="27">
        <v>67</v>
      </c>
      <c r="C74" s="28">
        <v>82</v>
      </c>
      <c r="D74" s="29">
        <v>149</v>
      </c>
    </row>
    <row r="75" spans="1:4" ht="18" customHeight="1" x14ac:dyDescent="0.2">
      <c r="A75" s="31">
        <v>58</v>
      </c>
      <c r="B75" s="27">
        <v>92</v>
      </c>
      <c r="C75" s="28">
        <v>93</v>
      </c>
      <c r="D75" s="29">
        <v>185</v>
      </c>
    </row>
    <row r="76" spans="1:4" ht="18" customHeight="1" x14ac:dyDescent="0.2">
      <c r="A76" s="31">
        <v>59</v>
      </c>
      <c r="B76" s="27">
        <v>99</v>
      </c>
      <c r="C76" s="28">
        <v>84</v>
      </c>
      <c r="D76" s="29">
        <v>183</v>
      </c>
    </row>
    <row r="77" spans="1:4" ht="18" customHeight="1" x14ac:dyDescent="0.2">
      <c r="A77" s="31" t="s">
        <v>78</v>
      </c>
      <c r="B77" s="27">
        <v>421</v>
      </c>
      <c r="C77" s="28">
        <v>435</v>
      </c>
      <c r="D77" s="29">
        <v>856</v>
      </c>
    </row>
    <row r="78" spans="1:4" ht="18" customHeight="1" x14ac:dyDescent="0.2">
      <c r="A78" s="31">
        <v>60</v>
      </c>
      <c r="B78" s="27">
        <v>91</v>
      </c>
      <c r="C78" s="28">
        <v>103</v>
      </c>
      <c r="D78" s="29">
        <v>194</v>
      </c>
    </row>
    <row r="79" spans="1:4" ht="18" customHeight="1" x14ac:dyDescent="0.2">
      <c r="A79" s="31">
        <v>61</v>
      </c>
      <c r="B79" s="27">
        <v>112</v>
      </c>
      <c r="C79" s="28">
        <v>111</v>
      </c>
      <c r="D79" s="29">
        <v>223</v>
      </c>
    </row>
    <row r="80" spans="1:4" ht="18" customHeight="1" x14ac:dyDescent="0.2">
      <c r="A80" s="31">
        <v>62</v>
      </c>
      <c r="B80" s="27">
        <v>111</v>
      </c>
      <c r="C80" s="28">
        <v>130</v>
      </c>
      <c r="D80" s="29">
        <v>241</v>
      </c>
    </row>
    <row r="81" spans="1:4" ht="18" customHeight="1" x14ac:dyDescent="0.2">
      <c r="A81" s="31">
        <v>63</v>
      </c>
      <c r="B81" s="27">
        <v>53</v>
      </c>
      <c r="C81" s="28">
        <v>58</v>
      </c>
      <c r="D81" s="29">
        <v>111</v>
      </c>
    </row>
    <row r="82" spans="1:4" ht="18" customHeight="1" x14ac:dyDescent="0.2">
      <c r="A82" s="31">
        <v>64</v>
      </c>
      <c r="B82" s="27">
        <v>70</v>
      </c>
      <c r="C82" s="28">
        <v>78</v>
      </c>
      <c r="D82" s="29">
        <v>148</v>
      </c>
    </row>
    <row r="83" spans="1:4" ht="18" customHeight="1" x14ac:dyDescent="0.2">
      <c r="A83" s="31" t="s">
        <v>79</v>
      </c>
      <c r="B83" s="27">
        <v>437</v>
      </c>
      <c r="C83" s="28">
        <v>480</v>
      </c>
      <c r="D83" s="29">
        <v>917</v>
      </c>
    </row>
    <row r="84" spans="1:4" ht="18" customHeight="1" x14ac:dyDescent="0.2">
      <c r="A84" s="31" t="s">
        <v>80</v>
      </c>
      <c r="B84" s="27">
        <v>3961</v>
      </c>
      <c r="C84" s="28">
        <v>3914</v>
      </c>
      <c r="D84" s="29">
        <v>7875</v>
      </c>
    </row>
    <row r="85" spans="1:4" ht="18" customHeight="1" x14ac:dyDescent="0.2">
      <c r="A85" s="31">
        <v>65</v>
      </c>
      <c r="B85" s="27">
        <v>77</v>
      </c>
      <c r="C85" s="28">
        <v>108</v>
      </c>
      <c r="D85" s="29">
        <v>185</v>
      </c>
    </row>
    <row r="86" spans="1:4" ht="18" customHeight="1" x14ac:dyDescent="0.2">
      <c r="A86" s="31">
        <v>66</v>
      </c>
      <c r="B86" s="27">
        <v>71</v>
      </c>
      <c r="C86" s="28">
        <v>98</v>
      </c>
      <c r="D86" s="29">
        <v>169</v>
      </c>
    </row>
    <row r="87" spans="1:4" ht="18" customHeight="1" x14ac:dyDescent="0.2">
      <c r="A87" s="31">
        <v>67</v>
      </c>
      <c r="B87" s="27">
        <v>96</v>
      </c>
      <c r="C87" s="28">
        <v>102</v>
      </c>
      <c r="D87" s="29">
        <v>198</v>
      </c>
    </row>
    <row r="88" spans="1:4" ht="18" customHeight="1" x14ac:dyDescent="0.2">
      <c r="A88" s="31">
        <v>68</v>
      </c>
      <c r="B88" s="27">
        <v>83</v>
      </c>
      <c r="C88" s="28">
        <v>94</v>
      </c>
      <c r="D88" s="29">
        <v>177</v>
      </c>
    </row>
    <row r="89" spans="1:4" ht="18" customHeight="1" x14ac:dyDescent="0.2">
      <c r="A89" s="31">
        <v>69</v>
      </c>
      <c r="B89" s="27">
        <v>74</v>
      </c>
      <c r="C89" s="28">
        <v>98</v>
      </c>
      <c r="D89" s="29">
        <v>172</v>
      </c>
    </row>
    <row r="90" spans="1:4" ht="18" customHeight="1" x14ac:dyDescent="0.2">
      <c r="A90" s="31" t="s">
        <v>81</v>
      </c>
      <c r="B90" s="27">
        <v>401</v>
      </c>
      <c r="C90" s="28">
        <v>500</v>
      </c>
      <c r="D90" s="29">
        <v>901</v>
      </c>
    </row>
    <row r="91" spans="1:4" ht="18" customHeight="1" x14ac:dyDescent="0.2">
      <c r="A91" s="31">
        <v>70</v>
      </c>
      <c r="B91" s="27">
        <v>62</v>
      </c>
      <c r="C91" s="28">
        <v>77</v>
      </c>
      <c r="D91" s="29">
        <v>139</v>
      </c>
    </row>
    <row r="92" spans="1:4" ht="18" customHeight="1" x14ac:dyDescent="0.2">
      <c r="A92" s="31">
        <v>71</v>
      </c>
      <c r="B92" s="27">
        <v>71</v>
      </c>
      <c r="C92" s="28">
        <v>69</v>
      </c>
      <c r="D92" s="29">
        <v>140</v>
      </c>
    </row>
    <row r="93" spans="1:4" ht="18" customHeight="1" x14ac:dyDescent="0.2">
      <c r="A93" s="31">
        <v>72</v>
      </c>
      <c r="B93" s="27">
        <v>65</v>
      </c>
      <c r="C93" s="28">
        <v>57</v>
      </c>
      <c r="D93" s="29">
        <v>122</v>
      </c>
    </row>
    <row r="94" spans="1:4" ht="18" customHeight="1" x14ac:dyDescent="0.2">
      <c r="A94" s="31">
        <v>73</v>
      </c>
      <c r="B94" s="27">
        <v>73</v>
      </c>
      <c r="C94" s="28">
        <v>80</v>
      </c>
      <c r="D94" s="29">
        <v>153</v>
      </c>
    </row>
    <row r="95" spans="1:4" ht="18" customHeight="1" x14ac:dyDescent="0.2">
      <c r="A95" s="31">
        <v>74</v>
      </c>
      <c r="B95" s="27">
        <v>63</v>
      </c>
      <c r="C95" s="28">
        <v>93</v>
      </c>
      <c r="D95" s="29">
        <v>156</v>
      </c>
    </row>
    <row r="96" spans="1:4" ht="18" customHeight="1" x14ac:dyDescent="0.2">
      <c r="A96" s="31" t="s">
        <v>82</v>
      </c>
      <c r="B96" s="27">
        <v>334</v>
      </c>
      <c r="C96" s="28">
        <v>376</v>
      </c>
      <c r="D96" s="29">
        <v>710</v>
      </c>
    </row>
    <row r="97" spans="1:4" ht="18" customHeight="1" x14ac:dyDescent="0.2">
      <c r="A97" s="31">
        <v>75</v>
      </c>
      <c r="B97" s="27">
        <v>62</v>
      </c>
      <c r="C97" s="28">
        <v>86</v>
      </c>
      <c r="D97" s="29">
        <v>148</v>
      </c>
    </row>
    <row r="98" spans="1:4" ht="18" customHeight="1" x14ac:dyDescent="0.2">
      <c r="A98" s="31">
        <v>76</v>
      </c>
      <c r="B98" s="27">
        <v>47</v>
      </c>
      <c r="C98" s="28">
        <v>76</v>
      </c>
      <c r="D98" s="29">
        <v>123</v>
      </c>
    </row>
    <row r="99" spans="1:4" ht="18" customHeight="1" x14ac:dyDescent="0.2">
      <c r="A99" s="31">
        <v>77</v>
      </c>
      <c r="B99" s="27">
        <v>68</v>
      </c>
      <c r="C99" s="28">
        <v>78</v>
      </c>
      <c r="D99" s="29">
        <v>146</v>
      </c>
    </row>
    <row r="100" spans="1:4" ht="18" customHeight="1" x14ac:dyDescent="0.2">
      <c r="A100" s="31">
        <v>78</v>
      </c>
      <c r="B100" s="27">
        <v>42</v>
      </c>
      <c r="C100" s="28">
        <v>88</v>
      </c>
      <c r="D100" s="29">
        <v>130</v>
      </c>
    </row>
    <row r="101" spans="1:4" ht="18" customHeight="1" x14ac:dyDescent="0.2">
      <c r="A101" s="31">
        <v>79</v>
      </c>
      <c r="B101" s="27">
        <v>47</v>
      </c>
      <c r="C101" s="28">
        <v>67</v>
      </c>
      <c r="D101" s="29">
        <v>114</v>
      </c>
    </row>
    <row r="102" spans="1:4" ht="18" customHeight="1" x14ac:dyDescent="0.2">
      <c r="A102" s="31" t="s">
        <v>83</v>
      </c>
      <c r="B102" s="27">
        <v>266</v>
      </c>
      <c r="C102" s="28">
        <v>395</v>
      </c>
      <c r="D102" s="29">
        <v>661</v>
      </c>
    </row>
    <row r="103" spans="1:4" ht="18" customHeight="1" x14ac:dyDescent="0.2">
      <c r="A103" s="31">
        <v>80</v>
      </c>
      <c r="B103" s="27">
        <v>45</v>
      </c>
      <c r="C103" s="28">
        <v>68</v>
      </c>
      <c r="D103" s="29">
        <v>113</v>
      </c>
    </row>
    <row r="104" spans="1:4" ht="18" customHeight="1" x14ac:dyDescent="0.2">
      <c r="A104" s="31">
        <v>81</v>
      </c>
      <c r="B104" s="27">
        <v>30</v>
      </c>
      <c r="C104" s="28">
        <v>64</v>
      </c>
      <c r="D104" s="29">
        <v>94</v>
      </c>
    </row>
    <row r="105" spans="1:4" ht="18" customHeight="1" x14ac:dyDescent="0.2">
      <c r="A105" s="31">
        <v>82</v>
      </c>
      <c r="B105" s="27">
        <v>40</v>
      </c>
      <c r="C105" s="28">
        <v>55</v>
      </c>
      <c r="D105" s="29">
        <v>95</v>
      </c>
    </row>
    <row r="106" spans="1:4" ht="18" customHeight="1" x14ac:dyDescent="0.2">
      <c r="A106" s="31">
        <v>83</v>
      </c>
      <c r="B106" s="27">
        <v>26</v>
      </c>
      <c r="C106" s="28">
        <v>51</v>
      </c>
      <c r="D106" s="29">
        <v>77</v>
      </c>
    </row>
    <row r="107" spans="1:4" ht="18" customHeight="1" x14ac:dyDescent="0.2">
      <c r="A107" s="31">
        <v>84</v>
      </c>
      <c r="B107" s="27">
        <v>33</v>
      </c>
      <c r="C107" s="28">
        <v>46</v>
      </c>
      <c r="D107" s="29">
        <v>79</v>
      </c>
    </row>
    <row r="108" spans="1:4" ht="18" customHeight="1" x14ac:dyDescent="0.2">
      <c r="A108" s="31" t="s">
        <v>84</v>
      </c>
      <c r="B108" s="27">
        <v>174</v>
      </c>
      <c r="C108" s="28">
        <v>284</v>
      </c>
      <c r="D108" s="29">
        <v>458</v>
      </c>
    </row>
    <row r="109" spans="1:4" ht="18" customHeight="1" x14ac:dyDescent="0.2">
      <c r="A109" s="31">
        <v>85</v>
      </c>
      <c r="B109" s="27">
        <v>23</v>
      </c>
      <c r="C109" s="28">
        <v>33</v>
      </c>
      <c r="D109" s="29">
        <v>56</v>
      </c>
    </row>
    <row r="110" spans="1:4" ht="18" customHeight="1" x14ac:dyDescent="0.2">
      <c r="A110" s="31">
        <v>86</v>
      </c>
      <c r="B110" s="27">
        <v>13</v>
      </c>
      <c r="C110" s="28">
        <v>42</v>
      </c>
      <c r="D110" s="29">
        <v>55</v>
      </c>
    </row>
    <row r="111" spans="1:4" ht="18" customHeight="1" x14ac:dyDescent="0.2">
      <c r="A111" s="31">
        <v>87</v>
      </c>
      <c r="B111" s="27">
        <v>15</v>
      </c>
      <c r="C111" s="28">
        <v>29</v>
      </c>
      <c r="D111" s="29">
        <v>44</v>
      </c>
    </row>
    <row r="112" spans="1:4" ht="18" customHeight="1" x14ac:dyDescent="0.2">
      <c r="A112" s="31">
        <v>88</v>
      </c>
      <c r="B112" s="27">
        <v>15</v>
      </c>
      <c r="C112" s="28">
        <v>32</v>
      </c>
      <c r="D112" s="29">
        <v>47</v>
      </c>
    </row>
    <row r="113" spans="1:4" ht="18" customHeight="1" x14ac:dyDescent="0.2">
      <c r="A113" s="31">
        <v>89</v>
      </c>
      <c r="B113" s="27">
        <v>11</v>
      </c>
      <c r="C113" s="28">
        <v>33</v>
      </c>
      <c r="D113" s="29">
        <v>44</v>
      </c>
    </row>
    <row r="114" spans="1:4" ht="18" customHeight="1" x14ac:dyDescent="0.2">
      <c r="A114" s="31" t="s">
        <v>85</v>
      </c>
      <c r="B114" s="27">
        <v>77</v>
      </c>
      <c r="C114" s="28">
        <v>169</v>
      </c>
      <c r="D114" s="29">
        <v>246</v>
      </c>
    </row>
    <row r="115" spans="1:4" ht="18" customHeight="1" x14ac:dyDescent="0.2">
      <c r="A115" s="31">
        <v>90</v>
      </c>
      <c r="B115" s="27">
        <v>3</v>
      </c>
      <c r="C115" s="28">
        <v>22</v>
      </c>
      <c r="D115" s="29">
        <v>25</v>
      </c>
    </row>
    <row r="116" spans="1:4" ht="18" customHeight="1" x14ac:dyDescent="0.2">
      <c r="A116" s="31">
        <v>91</v>
      </c>
      <c r="B116" s="27">
        <v>7</v>
      </c>
      <c r="C116" s="28">
        <v>17</v>
      </c>
      <c r="D116" s="29">
        <v>24</v>
      </c>
    </row>
    <row r="117" spans="1:4" ht="18" customHeight="1" x14ac:dyDescent="0.2">
      <c r="A117" s="31">
        <v>92</v>
      </c>
      <c r="B117" s="27">
        <v>3</v>
      </c>
      <c r="C117" s="28">
        <v>13</v>
      </c>
      <c r="D117" s="29">
        <v>16</v>
      </c>
    </row>
    <row r="118" spans="1:4" ht="18" customHeight="1" x14ac:dyDescent="0.2">
      <c r="A118" s="31">
        <v>93</v>
      </c>
      <c r="B118" s="27">
        <v>3</v>
      </c>
      <c r="C118" s="28">
        <v>11</v>
      </c>
      <c r="D118" s="29">
        <v>14</v>
      </c>
    </row>
    <row r="119" spans="1:4" ht="18" customHeight="1" x14ac:dyDescent="0.2">
      <c r="A119" s="31">
        <v>94</v>
      </c>
      <c r="B119" s="27">
        <v>2</v>
      </c>
      <c r="C119" s="28">
        <v>10</v>
      </c>
      <c r="D119" s="29">
        <v>12</v>
      </c>
    </row>
    <row r="120" spans="1:4" ht="18" customHeight="1" x14ac:dyDescent="0.2">
      <c r="A120" s="31" t="s">
        <v>86</v>
      </c>
      <c r="B120" s="27">
        <v>18</v>
      </c>
      <c r="C120" s="28">
        <v>73</v>
      </c>
      <c r="D120" s="29">
        <v>91</v>
      </c>
    </row>
    <row r="121" spans="1:4" ht="18" customHeight="1" x14ac:dyDescent="0.2">
      <c r="A121" s="31">
        <v>95</v>
      </c>
      <c r="B121" s="27">
        <v>5</v>
      </c>
      <c r="C121" s="28">
        <v>5</v>
      </c>
      <c r="D121" s="29">
        <v>10</v>
      </c>
    </row>
    <row r="122" spans="1:4" ht="18" customHeight="1" x14ac:dyDescent="0.2">
      <c r="A122" s="31">
        <v>96</v>
      </c>
      <c r="B122" s="27">
        <v>1</v>
      </c>
      <c r="C122" s="28">
        <v>7</v>
      </c>
      <c r="D122" s="29">
        <v>8</v>
      </c>
    </row>
    <row r="123" spans="1:4" ht="18" customHeight="1" x14ac:dyDescent="0.2">
      <c r="A123" s="31">
        <v>97</v>
      </c>
      <c r="B123" s="27">
        <v>0</v>
      </c>
      <c r="C123" s="28">
        <v>4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87</v>
      </c>
      <c r="B126" s="27">
        <v>6</v>
      </c>
      <c r="C126" s="28">
        <v>21</v>
      </c>
      <c r="D126" s="29">
        <v>27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90</v>
      </c>
      <c r="B130" s="4">
        <v>1276</v>
      </c>
      <c r="C130" s="5">
        <v>1822</v>
      </c>
      <c r="D130" s="6">
        <v>3098</v>
      </c>
    </row>
    <row r="131" spans="1:4" ht="18" customHeight="1" x14ac:dyDescent="0.2">
      <c r="A131" s="33" t="s">
        <v>65</v>
      </c>
      <c r="B131" s="7">
        <v>6126</v>
      </c>
      <c r="C131" s="8">
        <v>6537</v>
      </c>
      <c r="D131" s="9">
        <v>1266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55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6</v>
      </c>
      <c r="C5" s="37">
        <v>33</v>
      </c>
      <c r="D5" s="39">
        <v>59</v>
      </c>
    </row>
    <row r="6" spans="1:4" ht="18" customHeight="1" x14ac:dyDescent="0.2">
      <c r="A6" s="31">
        <v>1</v>
      </c>
      <c r="B6" s="35">
        <v>31</v>
      </c>
      <c r="C6" s="28">
        <v>33</v>
      </c>
      <c r="D6" s="29">
        <v>64</v>
      </c>
    </row>
    <row r="7" spans="1:4" ht="18" customHeight="1" x14ac:dyDescent="0.2">
      <c r="A7" s="31">
        <v>2</v>
      </c>
      <c r="B7" s="35">
        <v>39</v>
      </c>
      <c r="C7" s="28">
        <v>26</v>
      </c>
      <c r="D7" s="29">
        <v>65</v>
      </c>
    </row>
    <row r="8" spans="1:4" ht="18" customHeight="1" x14ac:dyDescent="0.2">
      <c r="A8" s="31">
        <v>3</v>
      </c>
      <c r="B8" s="35">
        <v>33</v>
      </c>
      <c r="C8" s="28">
        <v>37</v>
      </c>
      <c r="D8" s="29">
        <v>70</v>
      </c>
    </row>
    <row r="9" spans="1:4" ht="18" customHeight="1" x14ac:dyDescent="0.2">
      <c r="A9" s="31">
        <v>4</v>
      </c>
      <c r="B9" s="36">
        <v>46</v>
      </c>
      <c r="C9" s="38">
        <v>30</v>
      </c>
      <c r="D9" s="40">
        <v>76</v>
      </c>
    </row>
    <row r="10" spans="1:4" ht="18" customHeight="1" x14ac:dyDescent="0.2">
      <c r="A10" s="31" t="s">
        <v>66</v>
      </c>
      <c r="B10" s="27">
        <v>175</v>
      </c>
      <c r="C10" s="28">
        <v>159</v>
      </c>
      <c r="D10" s="29">
        <v>334</v>
      </c>
    </row>
    <row r="11" spans="1:4" ht="18" customHeight="1" x14ac:dyDescent="0.2">
      <c r="A11" s="31">
        <v>5</v>
      </c>
      <c r="B11" s="35">
        <v>33</v>
      </c>
      <c r="C11" s="28">
        <v>33</v>
      </c>
      <c r="D11" s="29">
        <v>66</v>
      </c>
    </row>
    <row r="12" spans="1:4" ht="18" customHeight="1" x14ac:dyDescent="0.2">
      <c r="A12" s="31">
        <v>6</v>
      </c>
      <c r="B12" s="35">
        <v>35</v>
      </c>
      <c r="C12" s="28">
        <v>35</v>
      </c>
      <c r="D12" s="29">
        <v>70</v>
      </c>
    </row>
    <row r="13" spans="1:4" ht="18" customHeight="1" x14ac:dyDescent="0.2">
      <c r="A13" s="31">
        <v>7</v>
      </c>
      <c r="B13" s="35">
        <v>41</v>
      </c>
      <c r="C13" s="28">
        <v>44</v>
      </c>
      <c r="D13" s="29">
        <v>85</v>
      </c>
    </row>
    <row r="14" spans="1:4" ht="18" customHeight="1" x14ac:dyDescent="0.2">
      <c r="A14" s="31">
        <v>8</v>
      </c>
      <c r="B14" s="35">
        <v>45</v>
      </c>
      <c r="C14" s="28">
        <v>46</v>
      </c>
      <c r="D14" s="29">
        <v>91</v>
      </c>
    </row>
    <row r="15" spans="1:4" ht="18" customHeight="1" x14ac:dyDescent="0.2">
      <c r="A15" s="31">
        <v>9</v>
      </c>
      <c r="B15" s="35">
        <v>45</v>
      </c>
      <c r="C15" s="28">
        <v>50</v>
      </c>
      <c r="D15" s="29">
        <v>95</v>
      </c>
    </row>
    <row r="16" spans="1:4" ht="18" customHeight="1" x14ac:dyDescent="0.2">
      <c r="A16" s="31" t="s">
        <v>67</v>
      </c>
      <c r="B16" s="27">
        <v>199</v>
      </c>
      <c r="C16" s="28">
        <v>208</v>
      </c>
      <c r="D16" s="29">
        <v>407</v>
      </c>
    </row>
    <row r="17" spans="1:4" ht="18" customHeight="1" x14ac:dyDescent="0.2">
      <c r="A17" s="31">
        <v>10</v>
      </c>
      <c r="B17" s="27">
        <v>39</v>
      </c>
      <c r="C17" s="28">
        <v>34</v>
      </c>
      <c r="D17" s="29">
        <v>73</v>
      </c>
    </row>
    <row r="18" spans="1:4" ht="18" customHeight="1" x14ac:dyDescent="0.2">
      <c r="A18" s="31">
        <v>11</v>
      </c>
      <c r="B18" s="27">
        <v>36</v>
      </c>
      <c r="C18" s="28">
        <v>36</v>
      </c>
      <c r="D18" s="29">
        <v>72</v>
      </c>
    </row>
    <row r="19" spans="1:4" ht="18" customHeight="1" x14ac:dyDescent="0.2">
      <c r="A19" s="31">
        <v>12</v>
      </c>
      <c r="B19" s="27">
        <v>35</v>
      </c>
      <c r="C19" s="28">
        <v>37</v>
      </c>
      <c r="D19" s="29">
        <v>72</v>
      </c>
    </row>
    <row r="20" spans="1:4" ht="18" customHeight="1" x14ac:dyDescent="0.2">
      <c r="A20" s="31">
        <v>13</v>
      </c>
      <c r="B20" s="27">
        <v>33</v>
      </c>
      <c r="C20" s="28">
        <v>21</v>
      </c>
      <c r="D20" s="29">
        <v>54</v>
      </c>
    </row>
    <row r="21" spans="1:4" ht="18" customHeight="1" x14ac:dyDescent="0.2">
      <c r="A21" s="31">
        <v>14</v>
      </c>
      <c r="B21" s="27">
        <v>42</v>
      </c>
      <c r="C21" s="28">
        <v>31</v>
      </c>
      <c r="D21" s="29">
        <v>73</v>
      </c>
    </row>
    <row r="22" spans="1:4" ht="18" customHeight="1" x14ac:dyDescent="0.2">
      <c r="A22" s="31" t="s">
        <v>68</v>
      </c>
      <c r="B22" s="27">
        <v>185</v>
      </c>
      <c r="C22" s="28">
        <v>159</v>
      </c>
      <c r="D22" s="29">
        <v>344</v>
      </c>
    </row>
    <row r="23" spans="1:4" ht="18" customHeight="1" x14ac:dyDescent="0.2">
      <c r="A23" s="31" t="s">
        <v>69</v>
      </c>
      <c r="B23" s="27">
        <v>559</v>
      </c>
      <c r="C23" s="28">
        <v>526</v>
      </c>
      <c r="D23" s="29">
        <v>1085</v>
      </c>
    </row>
    <row r="24" spans="1:4" ht="18" customHeight="1" x14ac:dyDescent="0.2">
      <c r="A24" s="31">
        <v>15</v>
      </c>
      <c r="B24" s="27">
        <v>38</v>
      </c>
      <c r="C24" s="28">
        <v>37</v>
      </c>
      <c r="D24" s="29">
        <v>75</v>
      </c>
    </row>
    <row r="25" spans="1:4" ht="18" customHeight="1" x14ac:dyDescent="0.2">
      <c r="A25" s="31">
        <v>16</v>
      </c>
      <c r="B25" s="27">
        <v>30</v>
      </c>
      <c r="C25" s="28">
        <v>32</v>
      </c>
      <c r="D25" s="29">
        <v>62</v>
      </c>
    </row>
    <row r="26" spans="1:4" ht="18" customHeight="1" x14ac:dyDescent="0.2">
      <c r="A26" s="31">
        <v>17</v>
      </c>
      <c r="B26" s="27">
        <v>42</v>
      </c>
      <c r="C26" s="28">
        <v>34</v>
      </c>
      <c r="D26" s="29">
        <v>76</v>
      </c>
    </row>
    <row r="27" spans="1:4" ht="18" customHeight="1" x14ac:dyDescent="0.2">
      <c r="A27" s="31">
        <v>18</v>
      </c>
      <c r="B27" s="27">
        <v>32</v>
      </c>
      <c r="C27" s="28">
        <v>29</v>
      </c>
      <c r="D27" s="29">
        <v>61</v>
      </c>
    </row>
    <row r="28" spans="1:4" ht="18" customHeight="1" x14ac:dyDescent="0.2">
      <c r="A28" s="31">
        <v>19</v>
      </c>
      <c r="B28" s="27">
        <v>31</v>
      </c>
      <c r="C28" s="28">
        <v>31</v>
      </c>
      <c r="D28" s="29">
        <v>62</v>
      </c>
    </row>
    <row r="29" spans="1:4" ht="18" customHeight="1" x14ac:dyDescent="0.2">
      <c r="A29" s="31" t="s">
        <v>70</v>
      </c>
      <c r="B29" s="27">
        <v>173</v>
      </c>
      <c r="C29" s="28">
        <v>163</v>
      </c>
      <c r="D29" s="29">
        <v>336</v>
      </c>
    </row>
    <row r="30" spans="1:4" ht="18" customHeight="1" x14ac:dyDescent="0.2">
      <c r="A30" s="31">
        <v>20</v>
      </c>
      <c r="B30" s="27">
        <v>39</v>
      </c>
      <c r="C30" s="28">
        <v>30</v>
      </c>
      <c r="D30" s="29">
        <v>69</v>
      </c>
    </row>
    <row r="31" spans="1:4" ht="18" customHeight="1" x14ac:dyDescent="0.2">
      <c r="A31" s="31">
        <v>21</v>
      </c>
      <c r="B31" s="27">
        <v>37</v>
      </c>
      <c r="C31" s="28">
        <v>33</v>
      </c>
      <c r="D31" s="29">
        <v>70</v>
      </c>
    </row>
    <row r="32" spans="1:4" ht="18" customHeight="1" x14ac:dyDescent="0.2">
      <c r="A32" s="31">
        <v>22</v>
      </c>
      <c r="B32" s="27">
        <v>28</v>
      </c>
      <c r="C32" s="28">
        <v>30</v>
      </c>
      <c r="D32" s="29">
        <v>58</v>
      </c>
    </row>
    <row r="33" spans="1:4" ht="18" customHeight="1" x14ac:dyDescent="0.2">
      <c r="A33" s="31">
        <v>23</v>
      </c>
      <c r="B33" s="27">
        <v>37</v>
      </c>
      <c r="C33" s="28">
        <v>39</v>
      </c>
      <c r="D33" s="29">
        <v>76</v>
      </c>
    </row>
    <row r="34" spans="1:4" ht="18" customHeight="1" x14ac:dyDescent="0.2">
      <c r="A34" s="31">
        <v>24</v>
      </c>
      <c r="B34" s="27">
        <v>41</v>
      </c>
      <c r="C34" s="28">
        <v>32</v>
      </c>
      <c r="D34" s="29">
        <v>73</v>
      </c>
    </row>
    <row r="35" spans="1:4" ht="18" customHeight="1" x14ac:dyDescent="0.2">
      <c r="A35" s="31" t="s">
        <v>71</v>
      </c>
      <c r="B35" s="27">
        <v>182</v>
      </c>
      <c r="C35" s="28">
        <v>164</v>
      </c>
      <c r="D35" s="29">
        <v>346</v>
      </c>
    </row>
    <row r="36" spans="1:4" ht="18" customHeight="1" x14ac:dyDescent="0.2">
      <c r="A36" s="31">
        <v>25</v>
      </c>
      <c r="B36" s="27">
        <v>45</v>
      </c>
      <c r="C36" s="28">
        <v>20</v>
      </c>
      <c r="D36" s="29">
        <v>65</v>
      </c>
    </row>
    <row r="37" spans="1:4" ht="18" customHeight="1" x14ac:dyDescent="0.2">
      <c r="A37" s="31">
        <v>26</v>
      </c>
      <c r="B37" s="27">
        <v>31</v>
      </c>
      <c r="C37" s="28">
        <v>25</v>
      </c>
      <c r="D37" s="29">
        <v>56</v>
      </c>
    </row>
    <row r="38" spans="1:4" ht="18" customHeight="1" x14ac:dyDescent="0.2">
      <c r="A38" s="31">
        <v>27</v>
      </c>
      <c r="B38" s="27">
        <v>37</v>
      </c>
      <c r="C38" s="28">
        <v>36</v>
      </c>
      <c r="D38" s="29">
        <v>73</v>
      </c>
    </row>
    <row r="39" spans="1:4" ht="18" customHeight="1" x14ac:dyDescent="0.2">
      <c r="A39" s="31">
        <v>28</v>
      </c>
      <c r="B39" s="27">
        <v>45</v>
      </c>
      <c r="C39" s="28">
        <v>46</v>
      </c>
      <c r="D39" s="29">
        <v>91</v>
      </c>
    </row>
    <row r="40" spans="1:4" ht="18" customHeight="1" x14ac:dyDescent="0.2">
      <c r="A40" s="31">
        <v>29</v>
      </c>
      <c r="B40" s="27">
        <v>48</v>
      </c>
      <c r="C40" s="28">
        <v>24</v>
      </c>
      <c r="D40" s="29">
        <v>72</v>
      </c>
    </row>
    <row r="41" spans="1:4" ht="18" customHeight="1" x14ac:dyDescent="0.2">
      <c r="A41" s="31" t="s">
        <v>72</v>
      </c>
      <c r="B41" s="27">
        <v>206</v>
      </c>
      <c r="C41" s="28">
        <v>151</v>
      </c>
      <c r="D41" s="29">
        <v>357</v>
      </c>
    </row>
    <row r="42" spans="1:4" ht="18" customHeight="1" x14ac:dyDescent="0.2">
      <c r="A42" s="31">
        <v>30</v>
      </c>
      <c r="B42" s="27">
        <v>37</v>
      </c>
      <c r="C42" s="28">
        <v>45</v>
      </c>
      <c r="D42" s="29">
        <v>82</v>
      </c>
    </row>
    <row r="43" spans="1:4" ht="18" customHeight="1" x14ac:dyDescent="0.2">
      <c r="A43" s="31">
        <v>31</v>
      </c>
      <c r="B43" s="27">
        <v>45</v>
      </c>
      <c r="C43" s="28">
        <v>36</v>
      </c>
      <c r="D43" s="29">
        <v>81</v>
      </c>
    </row>
    <row r="44" spans="1:4" ht="18" customHeight="1" x14ac:dyDescent="0.2">
      <c r="A44" s="31">
        <v>32</v>
      </c>
      <c r="B44" s="27">
        <v>44</v>
      </c>
      <c r="C44" s="28">
        <v>47</v>
      </c>
      <c r="D44" s="29">
        <v>91</v>
      </c>
    </row>
    <row r="45" spans="1:4" ht="18" customHeight="1" x14ac:dyDescent="0.2">
      <c r="A45" s="31">
        <v>33</v>
      </c>
      <c r="B45" s="27">
        <v>54</v>
      </c>
      <c r="C45" s="28">
        <v>49</v>
      </c>
      <c r="D45" s="29">
        <v>103</v>
      </c>
    </row>
    <row r="46" spans="1:4" ht="18" customHeight="1" x14ac:dyDescent="0.2">
      <c r="A46" s="31">
        <v>34</v>
      </c>
      <c r="B46" s="27">
        <v>59</v>
      </c>
      <c r="C46" s="28">
        <v>53</v>
      </c>
      <c r="D46" s="29">
        <v>112</v>
      </c>
    </row>
    <row r="47" spans="1:4" ht="18" customHeight="1" x14ac:dyDescent="0.2">
      <c r="A47" s="31" t="s">
        <v>73</v>
      </c>
      <c r="B47" s="27">
        <v>239</v>
      </c>
      <c r="C47" s="28">
        <v>230</v>
      </c>
      <c r="D47" s="29">
        <v>469</v>
      </c>
    </row>
    <row r="48" spans="1:4" ht="18" customHeight="1" x14ac:dyDescent="0.2">
      <c r="A48" s="31">
        <v>35</v>
      </c>
      <c r="B48" s="27">
        <v>46</v>
      </c>
      <c r="C48" s="28">
        <v>62</v>
      </c>
      <c r="D48" s="29">
        <v>108</v>
      </c>
    </row>
    <row r="49" spans="1:4" ht="18" customHeight="1" x14ac:dyDescent="0.2">
      <c r="A49" s="31">
        <v>36</v>
      </c>
      <c r="B49" s="27">
        <v>57</v>
      </c>
      <c r="C49" s="28">
        <v>54</v>
      </c>
      <c r="D49" s="29">
        <v>111</v>
      </c>
    </row>
    <row r="50" spans="1:4" ht="18" customHeight="1" x14ac:dyDescent="0.2">
      <c r="A50" s="31">
        <v>37</v>
      </c>
      <c r="B50" s="27">
        <v>55</v>
      </c>
      <c r="C50" s="28">
        <v>53</v>
      </c>
      <c r="D50" s="29">
        <v>108</v>
      </c>
    </row>
    <row r="51" spans="1:4" ht="18" customHeight="1" x14ac:dyDescent="0.2">
      <c r="A51" s="31">
        <v>38</v>
      </c>
      <c r="B51" s="27">
        <v>51</v>
      </c>
      <c r="C51" s="28">
        <v>45</v>
      </c>
      <c r="D51" s="29">
        <v>96</v>
      </c>
    </row>
    <row r="52" spans="1:4" ht="18" customHeight="1" x14ac:dyDescent="0.2">
      <c r="A52" s="31">
        <v>39</v>
      </c>
      <c r="B52" s="27">
        <v>39</v>
      </c>
      <c r="C52" s="28">
        <v>51</v>
      </c>
      <c r="D52" s="29">
        <v>90</v>
      </c>
    </row>
    <row r="53" spans="1:4" ht="18" customHeight="1" x14ac:dyDescent="0.2">
      <c r="A53" s="31" t="s">
        <v>74</v>
      </c>
      <c r="B53" s="27">
        <v>248</v>
      </c>
      <c r="C53" s="28">
        <v>265</v>
      </c>
      <c r="D53" s="29">
        <v>513</v>
      </c>
    </row>
    <row r="54" spans="1:4" ht="18" customHeight="1" x14ac:dyDescent="0.2">
      <c r="A54" s="31">
        <v>40</v>
      </c>
      <c r="B54" s="27">
        <v>47</v>
      </c>
      <c r="C54" s="28">
        <v>43</v>
      </c>
      <c r="D54" s="29">
        <v>90</v>
      </c>
    </row>
    <row r="55" spans="1:4" ht="18" customHeight="1" x14ac:dyDescent="0.2">
      <c r="A55" s="31">
        <v>41</v>
      </c>
      <c r="B55" s="27">
        <v>60</v>
      </c>
      <c r="C55" s="28">
        <v>48</v>
      </c>
      <c r="D55" s="29">
        <v>108</v>
      </c>
    </row>
    <row r="56" spans="1:4" ht="18" customHeight="1" x14ac:dyDescent="0.2">
      <c r="A56" s="31">
        <v>42</v>
      </c>
      <c r="B56" s="27">
        <v>39</v>
      </c>
      <c r="C56" s="28">
        <v>59</v>
      </c>
      <c r="D56" s="29">
        <v>98</v>
      </c>
    </row>
    <row r="57" spans="1:4" ht="18" customHeight="1" x14ac:dyDescent="0.2">
      <c r="A57" s="31">
        <v>43</v>
      </c>
      <c r="B57" s="27">
        <v>36</v>
      </c>
      <c r="C57" s="28">
        <v>27</v>
      </c>
      <c r="D57" s="29">
        <v>63</v>
      </c>
    </row>
    <row r="58" spans="1:4" ht="18" customHeight="1" x14ac:dyDescent="0.2">
      <c r="A58" s="31">
        <v>44</v>
      </c>
      <c r="B58" s="27">
        <v>55</v>
      </c>
      <c r="C58" s="28">
        <v>46</v>
      </c>
      <c r="D58" s="29">
        <v>101</v>
      </c>
    </row>
    <row r="59" spans="1:4" ht="18" customHeight="1" x14ac:dyDescent="0.2">
      <c r="A59" s="31" t="s">
        <v>75</v>
      </c>
      <c r="B59" s="27">
        <v>237</v>
      </c>
      <c r="C59" s="28">
        <v>223</v>
      </c>
      <c r="D59" s="29">
        <v>460</v>
      </c>
    </row>
    <row r="60" spans="1:4" ht="18" customHeight="1" x14ac:dyDescent="0.2">
      <c r="A60" s="31">
        <v>45</v>
      </c>
      <c r="B60" s="27">
        <v>58</v>
      </c>
      <c r="C60" s="28">
        <v>58</v>
      </c>
      <c r="D60" s="29">
        <v>116</v>
      </c>
    </row>
    <row r="61" spans="1:4" ht="18" customHeight="1" x14ac:dyDescent="0.2">
      <c r="A61" s="31">
        <v>46</v>
      </c>
      <c r="B61" s="27">
        <v>43</v>
      </c>
      <c r="C61" s="28">
        <v>41</v>
      </c>
      <c r="D61" s="29">
        <v>84</v>
      </c>
    </row>
    <row r="62" spans="1:4" ht="18" customHeight="1" x14ac:dyDescent="0.2">
      <c r="A62" s="31">
        <v>47</v>
      </c>
      <c r="B62" s="27">
        <v>35</v>
      </c>
      <c r="C62" s="28">
        <v>36</v>
      </c>
      <c r="D62" s="29">
        <v>71</v>
      </c>
    </row>
    <row r="63" spans="1:4" ht="18" customHeight="1" x14ac:dyDescent="0.2">
      <c r="A63" s="31">
        <v>48</v>
      </c>
      <c r="B63" s="27">
        <v>37</v>
      </c>
      <c r="C63" s="28">
        <v>39</v>
      </c>
      <c r="D63" s="29">
        <v>76</v>
      </c>
    </row>
    <row r="64" spans="1:4" ht="18" customHeight="1" x14ac:dyDescent="0.2">
      <c r="A64" s="31">
        <v>49</v>
      </c>
      <c r="B64" s="27">
        <v>42</v>
      </c>
      <c r="C64" s="28">
        <v>31</v>
      </c>
      <c r="D64" s="29">
        <v>73</v>
      </c>
    </row>
    <row r="65" spans="1:4" ht="18" customHeight="1" x14ac:dyDescent="0.2">
      <c r="A65" s="31" t="s">
        <v>76</v>
      </c>
      <c r="B65" s="27">
        <v>215</v>
      </c>
      <c r="C65" s="28">
        <v>205</v>
      </c>
      <c r="D65" s="29">
        <v>420</v>
      </c>
    </row>
    <row r="66" spans="1:4" ht="18" customHeight="1" x14ac:dyDescent="0.2">
      <c r="A66" s="31">
        <v>50</v>
      </c>
      <c r="B66" s="27">
        <v>40</v>
      </c>
      <c r="C66" s="28">
        <v>41</v>
      </c>
      <c r="D66" s="29">
        <v>81</v>
      </c>
    </row>
    <row r="67" spans="1:4" ht="18" customHeight="1" x14ac:dyDescent="0.2">
      <c r="A67" s="31">
        <v>51</v>
      </c>
      <c r="B67" s="27">
        <v>40</v>
      </c>
      <c r="C67" s="28">
        <v>38</v>
      </c>
      <c r="D67" s="29">
        <v>78</v>
      </c>
    </row>
    <row r="68" spans="1:4" ht="18" customHeight="1" x14ac:dyDescent="0.2">
      <c r="A68" s="31">
        <v>52</v>
      </c>
      <c r="B68" s="27">
        <v>32</v>
      </c>
      <c r="C68" s="28">
        <v>41</v>
      </c>
      <c r="D68" s="29">
        <v>73</v>
      </c>
    </row>
    <row r="69" spans="1:4" ht="18" customHeight="1" x14ac:dyDescent="0.2">
      <c r="A69" s="31">
        <v>53</v>
      </c>
      <c r="B69" s="27">
        <v>36</v>
      </c>
      <c r="C69" s="28">
        <v>40</v>
      </c>
      <c r="D69" s="29">
        <v>76</v>
      </c>
    </row>
    <row r="70" spans="1:4" ht="18" customHeight="1" x14ac:dyDescent="0.2">
      <c r="A70" s="31">
        <v>54</v>
      </c>
      <c r="B70" s="27">
        <v>43</v>
      </c>
      <c r="C70" s="28">
        <v>50</v>
      </c>
      <c r="D70" s="29">
        <v>93</v>
      </c>
    </row>
    <row r="71" spans="1:4" ht="18" customHeight="1" x14ac:dyDescent="0.2">
      <c r="A71" s="31" t="s">
        <v>77</v>
      </c>
      <c r="B71" s="27">
        <v>191</v>
      </c>
      <c r="C71" s="28">
        <v>210</v>
      </c>
      <c r="D71" s="29">
        <v>401</v>
      </c>
    </row>
    <row r="72" spans="1:4" ht="18" customHeight="1" x14ac:dyDescent="0.2">
      <c r="A72" s="31">
        <v>55</v>
      </c>
      <c r="B72" s="27">
        <v>47</v>
      </c>
      <c r="C72" s="28">
        <v>52</v>
      </c>
      <c r="D72" s="29">
        <v>99</v>
      </c>
    </row>
    <row r="73" spans="1:4" ht="18" customHeight="1" x14ac:dyDescent="0.2">
      <c r="A73" s="31">
        <v>56</v>
      </c>
      <c r="B73" s="27">
        <v>36</v>
      </c>
      <c r="C73" s="28">
        <v>34</v>
      </c>
      <c r="D73" s="29">
        <v>70</v>
      </c>
    </row>
    <row r="74" spans="1:4" ht="18" customHeight="1" x14ac:dyDescent="0.2">
      <c r="A74" s="31">
        <v>57</v>
      </c>
      <c r="B74" s="27">
        <v>49</v>
      </c>
      <c r="C74" s="28">
        <v>42</v>
      </c>
      <c r="D74" s="29">
        <v>91</v>
      </c>
    </row>
    <row r="75" spans="1:4" ht="18" customHeight="1" x14ac:dyDescent="0.2">
      <c r="A75" s="31">
        <v>58</v>
      </c>
      <c r="B75" s="27">
        <v>50</v>
      </c>
      <c r="C75" s="28">
        <v>50</v>
      </c>
      <c r="D75" s="29">
        <v>100</v>
      </c>
    </row>
    <row r="76" spans="1:4" ht="18" customHeight="1" x14ac:dyDescent="0.2">
      <c r="A76" s="31">
        <v>59</v>
      </c>
      <c r="B76" s="27">
        <v>66</v>
      </c>
      <c r="C76" s="28">
        <v>49</v>
      </c>
      <c r="D76" s="29">
        <v>115</v>
      </c>
    </row>
    <row r="77" spans="1:4" ht="18" customHeight="1" x14ac:dyDescent="0.2">
      <c r="A77" s="31" t="s">
        <v>78</v>
      </c>
      <c r="B77" s="27">
        <v>248</v>
      </c>
      <c r="C77" s="28">
        <v>227</v>
      </c>
      <c r="D77" s="29">
        <v>475</v>
      </c>
    </row>
    <row r="78" spans="1:4" ht="18" customHeight="1" x14ac:dyDescent="0.2">
      <c r="A78" s="31">
        <v>60</v>
      </c>
      <c r="B78" s="27">
        <v>48</v>
      </c>
      <c r="C78" s="28">
        <v>63</v>
      </c>
      <c r="D78" s="29">
        <v>111</v>
      </c>
    </row>
    <row r="79" spans="1:4" ht="18" customHeight="1" x14ac:dyDescent="0.2">
      <c r="A79" s="31">
        <v>61</v>
      </c>
      <c r="B79" s="27">
        <v>60</v>
      </c>
      <c r="C79" s="28">
        <v>64</v>
      </c>
      <c r="D79" s="29">
        <v>124</v>
      </c>
    </row>
    <row r="80" spans="1:4" ht="18" customHeight="1" x14ac:dyDescent="0.2">
      <c r="A80" s="31">
        <v>62</v>
      </c>
      <c r="B80" s="27">
        <v>56</v>
      </c>
      <c r="C80" s="28">
        <v>57</v>
      </c>
      <c r="D80" s="29">
        <v>113</v>
      </c>
    </row>
    <row r="81" spans="1:4" ht="18" customHeight="1" x14ac:dyDescent="0.2">
      <c r="A81" s="31">
        <v>63</v>
      </c>
      <c r="B81" s="27">
        <v>27</v>
      </c>
      <c r="C81" s="28">
        <v>36</v>
      </c>
      <c r="D81" s="29">
        <v>63</v>
      </c>
    </row>
    <row r="82" spans="1:4" ht="18" customHeight="1" x14ac:dyDescent="0.2">
      <c r="A82" s="31">
        <v>64</v>
      </c>
      <c r="B82" s="27">
        <v>36</v>
      </c>
      <c r="C82" s="28">
        <v>42</v>
      </c>
      <c r="D82" s="29">
        <v>78</v>
      </c>
    </row>
    <row r="83" spans="1:4" ht="18" customHeight="1" x14ac:dyDescent="0.2">
      <c r="A83" s="31" t="s">
        <v>79</v>
      </c>
      <c r="B83" s="27">
        <v>227</v>
      </c>
      <c r="C83" s="28">
        <v>262</v>
      </c>
      <c r="D83" s="29">
        <v>489</v>
      </c>
    </row>
    <row r="84" spans="1:4" ht="18" customHeight="1" x14ac:dyDescent="0.2">
      <c r="A84" s="31" t="s">
        <v>80</v>
      </c>
      <c r="B84" s="27">
        <v>2166</v>
      </c>
      <c r="C84" s="28">
        <v>2100</v>
      </c>
      <c r="D84" s="29">
        <v>4266</v>
      </c>
    </row>
    <row r="85" spans="1:4" ht="18" customHeight="1" x14ac:dyDescent="0.2">
      <c r="A85" s="31">
        <v>65</v>
      </c>
      <c r="B85" s="27">
        <v>43</v>
      </c>
      <c r="C85" s="28">
        <v>46</v>
      </c>
      <c r="D85" s="29">
        <v>89</v>
      </c>
    </row>
    <row r="86" spans="1:4" ht="18" customHeight="1" x14ac:dyDescent="0.2">
      <c r="A86" s="31">
        <v>66</v>
      </c>
      <c r="B86" s="27">
        <v>47</v>
      </c>
      <c r="C86" s="28">
        <v>50</v>
      </c>
      <c r="D86" s="29">
        <v>97</v>
      </c>
    </row>
    <row r="87" spans="1:4" ht="18" customHeight="1" x14ac:dyDescent="0.2">
      <c r="A87" s="31">
        <v>67</v>
      </c>
      <c r="B87" s="27">
        <v>48</v>
      </c>
      <c r="C87" s="28">
        <v>57</v>
      </c>
      <c r="D87" s="29">
        <v>105</v>
      </c>
    </row>
    <row r="88" spans="1:4" ht="18" customHeight="1" x14ac:dyDescent="0.2">
      <c r="A88" s="31">
        <v>68</v>
      </c>
      <c r="B88" s="27">
        <v>41</v>
      </c>
      <c r="C88" s="28">
        <v>45</v>
      </c>
      <c r="D88" s="29">
        <v>86</v>
      </c>
    </row>
    <row r="89" spans="1:4" ht="18" customHeight="1" x14ac:dyDescent="0.2">
      <c r="A89" s="31">
        <v>69</v>
      </c>
      <c r="B89" s="27">
        <v>35</v>
      </c>
      <c r="C89" s="28">
        <v>34</v>
      </c>
      <c r="D89" s="29">
        <v>69</v>
      </c>
    </row>
    <row r="90" spans="1:4" ht="18" customHeight="1" x14ac:dyDescent="0.2">
      <c r="A90" s="31" t="s">
        <v>81</v>
      </c>
      <c r="B90" s="27">
        <v>214</v>
      </c>
      <c r="C90" s="28">
        <v>232</v>
      </c>
      <c r="D90" s="29">
        <v>446</v>
      </c>
    </row>
    <row r="91" spans="1:4" ht="18" customHeight="1" x14ac:dyDescent="0.2">
      <c r="A91" s="31">
        <v>70</v>
      </c>
      <c r="B91" s="27">
        <v>36</v>
      </c>
      <c r="C91" s="28">
        <v>26</v>
      </c>
      <c r="D91" s="29">
        <v>62</v>
      </c>
    </row>
    <row r="92" spans="1:4" ht="18" customHeight="1" x14ac:dyDescent="0.2">
      <c r="A92" s="31">
        <v>71</v>
      </c>
      <c r="B92" s="27">
        <v>44</v>
      </c>
      <c r="C92" s="28">
        <v>31</v>
      </c>
      <c r="D92" s="29">
        <v>75</v>
      </c>
    </row>
    <row r="93" spans="1:4" ht="18" customHeight="1" x14ac:dyDescent="0.2">
      <c r="A93" s="31">
        <v>72</v>
      </c>
      <c r="B93" s="27">
        <v>31</v>
      </c>
      <c r="C93" s="28">
        <v>42</v>
      </c>
      <c r="D93" s="29">
        <v>73</v>
      </c>
    </row>
    <row r="94" spans="1:4" ht="18" customHeight="1" x14ac:dyDescent="0.2">
      <c r="A94" s="31">
        <v>73</v>
      </c>
      <c r="B94" s="27">
        <v>31</v>
      </c>
      <c r="C94" s="28">
        <v>34</v>
      </c>
      <c r="D94" s="29">
        <v>65</v>
      </c>
    </row>
    <row r="95" spans="1:4" ht="18" customHeight="1" x14ac:dyDescent="0.2">
      <c r="A95" s="31">
        <v>74</v>
      </c>
      <c r="B95" s="27">
        <v>24</v>
      </c>
      <c r="C95" s="28">
        <v>41</v>
      </c>
      <c r="D95" s="29">
        <v>65</v>
      </c>
    </row>
    <row r="96" spans="1:4" ht="18" customHeight="1" x14ac:dyDescent="0.2">
      <c r="A96" s="31" t="s">
        <v>82</v>
      </c>
      <c r="B96" s="27">
        <v>166</v>
      </c>
      <c r="C96" s="28">
        <v>174</v>
      </c>
      <c r="D96" s="29">
        <v>340</v>
      </c>
    </row>
    <row r="97" spans="1:4" ht="18" customHeight="1" x14ac:dyDescent="0.2">
      <c r="A97" s="31">
        <v>75</v>
      </c>
      <c r="B97" s="27">
        <v>30</v>
      </c>
      <c r="C97" s="28">
        <v>38</v>
      </c>
      <c r="D97" s="29">
        <v>68</v>
      </c>
    </row>
    <row r="98" spans="1:4" ht="18" customHeight="1" x14ac:dyDescent="0.2">
      <c r="A98" s="31">
        <v>76</v>
      </c>
      <c r="B98" s="27">
        <v>21</v>
      </c>
      <c r="C98" s="28">
        <v>28</v>
      </c>
      <c r="D98" s="29">
        <v>49</v>
      </c>
    </row>
    <row r="99" spans="1:4" ht="18" customHeight="1" x14ac:dyDescent="0.2">
      <c r="A99" s="31">
        <v>77</v>
      </c>
      <c r="B99" s="27">
        <v>25</v>
      </c>
      <c r="C99" s="28">
        <v>36</v>
      </c>
      <c r="D99" s="29">
        <v>61</v>
      </c>
    </row>
    <row r="100" spans="1:4" ht="18" customHeight="1" x14ac:dyDescent="0.2">
      <c r="A100" s="31">
        <v>78</v>
      </c>
      <c r="B100" s="27">
        <v>19</v>
      </c>
      <c r="C100" s="28">
        <v>39</v>
      </c>
      <c r="D100" s="29">
        <v>58</v>
      </c>
    </row>
    <row r="101" spans="1:4" ht="18" customHeight="1" x14ac:dyDescent="0.2">
      <c r="A101" s="31">
        <v>79</v>
      </c>
      <c r="B101" s="27">
        <v>23</v>
      </c>
      <c r="C101" s="28">
        <v>32</v>
      </c>
      <c r="D101" s="29">
        <v>55</v>
      </c>
    </row>
    <row r="102" spans="1:4" ht="18" customHeight="1" x14ac:dyDescent="0.2">
      <c r="A102" s="31" t="s">
        <v>83</v>
      </c>
      <c r="B102" s="27">
        <v>118</v>
      </c>
      <c r="C102" s="28">
        <v>173</v>
      </c>
      <c r="D102" s="29">
        <v>291</v>
      </c>
    </row>
    <row r="103" spans="1:4" ht="18" customHeight="1" x14ac:dyDescent="0.2">
      <c r="A103" s="31">
        <v>80</v>
      </c>
      <c r="B103" s="27">
        <v>28</v>
      </c>
      <c r="C103" s="28">
        <v>35</v>
      </c>
      <c r="D103" s="29">
        <v>63</v>
      </c>
    </row>
    <row r="104" spans="1:4" ht="18" customHeight="1" x14ac:dyDescent="0.2">
      <c r="A104" s="31">
        <v>81</v>
      </c>
      <c r="B104" s="27">
        <v>15</v>
      </c>
      <c r="C104" s="28">
        <v>28</v>
      </c>
      <c r="D104" s="29">
        <v>43</v>
      </c>
    </row>
    <row r="105" spans="1:4" ht="18" customHeight="1" x14ac:dyDescent="0.2">
      <c r="A105" s="31">
        <v>82</v>
      </c>
      <c r="B105" s="27">
        <v>23</v>
      </c>
      <c r="C105" s="28">
        <v>31</v>
      </c>
      <c r="D105" s="29">
        <v>54</v>
      </c>
    </row>
    <row r="106" spans="1:4" ht="18" customHeight="1" x14ac:dyDescent="0.2">
      <c r="A106" s="31">
        <v>83</v>
      </c>
      <c r="B106" s="27">
        <v>12</v>
      </c>
      <c r="C106" s="28">
        <v>25</v>
      </c>
      <c r="D106" s="29">
        <v>37</v>
      </c>
    </row>
    <row r="107" spans="1:4" ht="18" customHeight="1" x14ac:dyDescent="0.2">
      <c r="A107" s="31">
        <v>84</v>
      </c>
      <c r="B107" s="27">
        <v>13</v>
      </c>
      <c r="C107" s="28">
        <v>26</v>
      </c>
      <c r="D107" s="29">
        <v>39</v>
      </c>
    </row>
    <row r="108" spans="1:4" ht="18" customHeight="1" x14ac:dyDescent="0.2">
      <c r="A108" s="31" t="s">
        <v>84</v>
      </c>
      <c r="B108" s="27">
        <v>91</v>
      </c>
      <c r="C108" s="28">
        <v>145</v>
      </c>
      <c r="D108" s="29">
        <v>236</v>
      </c>
    </row>
    <row r="109" spans="1:4" ht="18" customHeight="1" x14ac:dyDescent="0.2">
      <c r="A109" s="31">
        <v>85</v>
      </c>
      <c r="B109" s="27">
        <v>10</v>
      </c>
      <c r="C109" s="28">
        <v>21</v>
      </c>
      <c r="D109" s="29">
        <v>31</v>
      </c>
    </row>
    <row r="110" spans="1:4" ht="18" customHeight="1" x14ac:dyDescent="0.2">
      <c r="A110" s="31">
        <v>86</v>
      </c>
      <c r="B110" s="27">
        <v>6</v>
      </c>
      <c r="C110" s="28">
        <v>19</v>
      </c>
      <c r="D110" s="29">
        <v>25</v>
      </c>
    </row>
    <row r="111" spans="1:4" ht="18" customHeight="1" x14ac:dyDescent="0.2">
      <c r="A111" s="31">
        <v>87</v>
      </c>
      <c r="B111" s="27">
        <v>5</v>
      </c>
      <c r="C111" s="28">
        <v>16</v>
      </c>
      <c r="D111" s="29">
        <v>21</v>
      </c>
    </row>
    <row r="112" spans="1:4" ht="18" customHeight="1" x14ac:dyDescent="0.2">
      <c r="A112" s="31">
        <v>88</v>
      </c>
      <c r="B112" s="27">
        <v>9</v>
      </c>
      <c r="C112" s="28">
        <v>14</v>
      </c>
      <c r="D112" s="29">
        <v>23</v>
      </c>
    </row>
    <row r="113" spans="1:4" ht="18" customHeight="1" x14ac:dyDescent="0.2">
      <c r="A113" s="31">
        <v>89</v>
      </c>
      <c r="B113" s="27">
        <v>8</v>
      </c>
      <c r="C113" s="28">
        <v>5</v>
      </c>
      <c r="D113" s="29">
        <v>13</v>
      </c>
    </row>
    <row r="114" spans="1:4" ht="18" customHeight="1" x14ac:dyDescent="0.2">
      <c r="A114" s="31" t="s">
        <v>85</v>
      </c>
      <c r="B114" s="27">
        <v>38</v>
      </c>
      <c r="C114" s="28">
        <v>75</v>
      </c>
      <c r="D114" s="29">
        <v>113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6</v>
      </c>
      <c r="D116" s="29">
        <v>8</v>
      </c>
    </row>
    <row r="117" spans="1:4" ht="18" customHeight="1" x14ac:dyDescent="0.2">
      <c r="A117" s="31">
        <v>92</v>
      </c>
      <c r="B117" s="27">
        <v>3</v>
      </c>
      <c r="C117" s="28">
        <v>8</v>
      </c>
      <c r="D117" s="29">
        <v>11</v>
      </c>
    </row>
    <row r="118" spans="1:4" ht="18" customHeight="1" x14ac:dyDescent="0.2">
      <c r="A118" s="31">
        <v>93</v>
      </c>
      <c r="B118" s="27">
        <v>2</v>
      </c>
      <c r="C118" s="28">
        <v>6</v>
      </c>
      <c r="D118" s="29">
        <v>8</v>
      </c>
    </row>
    <row r="119" spans="1:4" ht="18" customHeight="1" x14ac:dyDescent="0.2">
      <c r="A119" s="31">
        <v>94</v>
      </c>
      <c r="B119" s="27">
        <v>1</v>
      </c>
      <c r="C119" s="28">
        <v>11</v>
      </c>
      <c r="D119" s="29">
        <v>12</v>
      </c>
    </row>
    <row r="120" spans="1:4" ht="18" customHeight="1" x14ac:dyDescent="0.2">
      <c r="A120" s="31" t="s">
        <v>86</v>
      </c>
      <c r="B120" s="27">
        <v>11</v>
      </c>
      <c r="C120" s="28">
        <v>36</v>
      </c>
      <c r="D120" s="29">
        <v>47</v>
      </c>
    </row>
    <row r="121" spans="1:4" ht="18" customHeight="1" x14ac:dyDescent="0.2">
      <c r="A121" s="31">
        <v>95</v>
      </c>
      <c r="B121" s="27">
        <v>3</v>
      </c>
      <c r="C121" s="28">
        <v>4</v>
      </c>
      <c r="D121" s="29">
        <v>7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87</v>
      </c>
      <c r="B126" s="27">
        <v>3</v>
      </c>
      <c r="C126" s="28">
        <v>8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89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90</v>
      </c>
      <c r="B130" s="4">
        <v>641</v>
      </c>
      <c r="C130" s="5">
        <v>846</v>
      </c>
      <c r="D130" s="6">
        <v>1487</v>
      </c>
    </row>
    <row r="131" spans="1:4" ht="18" customHeight="1" x14ac:dyDescent="0.2">
      <c r="A131" s="33" t="s">
        <v>65</v>
      </c>
      <c r="B131" s="7">
        <v>3366</v>
      </c>
      <c r="C131" s="8">
        <v>3472</v>
      </c>
      <c r="D131" s="9">
        <v>683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56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88</v>
      </c>
      <c r="C5" s="37">
        <v>78</v>
      </c>
      <c r="D5" s="39">
        <v>166</v>
      </c>
    </row>
    <row r="6" spans="1:4" ht="18" customHeight="1" x14ac:dyDescent="0.2">
      <c r="A6" s="31">
        <v>1</v>
      </c>
      <c r="B6" s="35">
        <v>85</v>
      </c>
      <c r="C6" s="28">
        <v>87</v>
      </c>
      <c r="D6" s="29">
        <v>172</v>
      </c>
    </row>
    <row r="7" spans="1:4" ht="18" customHeight="1" x14ac:dyDescent="0.2">
      <c r="A7" s="31">
        <v>2</v>
      </c>
      <c r="B7" s="35">
        <v>83</v>
      </c>
      <c r="C7" s="28">
        <v>76</v>
      </c>
      <c r="D7" s="29">
        <v>159</v>
      </c>
    </row>
    <row r="8" spans="1:4" ht="18" customHeight="1" x14ac:dyDescent="0.2">
      <c r="A8" s="31">
        <v>3</v>
      </c>
      <c r="B8" s="35">
        <v>75</v>
      </c>
      <c r="C8" s="28">
        <v>94</v>
      </c>
      <c r="D8" s="29">
        <v>169</v>
      </c>
    </row>
    <row r="9" spans="1:4" ht="18" customHeight="1" x14ac:dyDescent="0.2">
      <c r="A9" s="31">
        <v>4</v>
      </c>
      <c r="B9" s="36">
        <v>116</v>
      </c>
      <c r="C9" s="38">
        <v>88</v>
      </c>
      <c r="D9" s="40">
        <v>204</v>
      </c>
    </row>
    <row r="10" spans="1:4" ht="18" customHeight="1" x14ac:dyDescent="0.2">
      <c r="A10" s="31" t="s">
        <v>66</v>
      </c>
      <c r="B10" s="27">
        <v>447</v>
      </c>
      <c r="C10" s="28">
        <v>423</v>
      </c>
      <c r="D10" s="29">
        <v>870</v>
      </c>
    </row>
    <row r="11" spans="1:4" ht="18" customHeight="1" x14ac:dyDescent="0.2">
      <c r="A11" s="31">
        <v>5</v>
      </c>
      <c r="B11" s="35">
        <v>105</v>
      </c>
      <c r="C11" s="28">
        <v>94</v>
      </c>
      <c r="D11" s="29">
        <v>199</v>
      </c>
    </row>
    <row r="12" spans="1:4" ht="18" customHeight="1" x14ac:dyDescent="0.2">
      <c r="A12" s="31">
        <v>6</v>
      </c>
      <c r="B12" s="35">
        <v>101</v>
      </c>
      <c r="C12" s="28">
        <v>94</v>
      </c>
      <c r="D12" s="29">
        <v>195</v>
      </c>
    </row>
    <row r="13" spans="1:4" ht="18" customHeight="1" x14ac:dyDescent="0.2">
      <c r="A13" s="31">
        <v>7</v>
      </c>
      <c r="B13" s="35">
        <v>130</v>
      </c>
      <c r="C13" s="28">
        <v>116</v>
      </c>
      <c r="D13" s="29">
        <v>246</v>
      </c>
    </row>
    <row r="14" spans="1:4" ht="18" customHeight="1" x14ac:dyDescent="0.2">
      <c r="A14" s="31">
        <v>8</v>
      </c>
      <c r="B14" s="35">
        <v>118</v>
      </c>
      <c r="C14" s="28">
        <v>112</v>
      </c>
      <c r="D14" s="29">
        <v>230</v>
      </c>
    </row>
    <row r="15" spans="1:4" ht="18" customHeight="1" x14ac:dyDescent="0.2">
      <c r="A15" s="31">
        <v>9</v>
      </c>
      <c r="B15" s="35">
        <v>120</v>
      </c>
      <c r="C15" s="28">
        <v>117</v>
      </c>
      <c r="D15" s="29">
        <v>237</v>
      </c>
    </row>
    <row r="16" spans="1:4" ht="18" customHeight="1" x14ac:dyDescent="0.2">
      <c r="A16" s="31" t="s">
        <v>67</v>
      </c>
      <c r="B16" s="27">
        <v>574</v>
      </c>
      <c r="C16" s="28">
        <v>533</v>
      </c>
      <c r="D16" s="29">
        <v>1107</v>
      </c>
    </row>
    <row r="17" spans="1:4" ht="18" customHeight="1" x14ac:dyDescent="0.2">
      <c r="A17" s="31">
        <v>10</v>
      </c>
      <c r="B17" s="27">
        <v>93</v>
      </c>
      <c r="C17" s="28">
        <v>111</v>
      </c>
      <c r="D17" s="29">
        <v>204</v>
      </c>
    </row>
    <row r="18" spans="1:4" ht="18" customHeight="1" x14ac:dyDescent="0.2">
      <c r="A18" s="31">
        <v>11</v>
      </c>
      <c r="B18" s="27">
        <v>120</v>
      </c>
      <c r="C18" s="28">
        <v>104</v>
      </c>
      <c r="D18" s="29">
        <v>224</v>
      </c>
    </row>
    <row r="19" spans="1:4" ht="18" customHeight="1" x14ac:dyDescent="0.2">
      <c r="A19" s="31">
        <v>12</v>
      </c>
      <c r="B19" s="27">
        <v>107</v>
      </c>
      <c r="C19" s="28">
        <v>93</v>
      </c>
      <c r="D19" s="29">
        <v>200</v>
      </c>
    </row>
    <row r="20" spans="1:4" ht="18" customHeight="1" x14ac:dyDescent="0.2">
      <c r="A20" s="31">
        <v>13</v>
      </c>
      <c r="B20" s="27">
        <v>114</v>
      </c>
      <c r="C20" s="28">
        <v>85</v>
      </c>
      <c r="D20" s="29">
        <v>199</v>
      </c>
    </row>
    <row r="21" spans="1:4" ht="18" customHeight="1" x14ac:dyDescent="0.2">
      <c r="A21" s="31">
        <v>14</v>
      </c>
      <c r="B21" s="27">
        <v>131</v>
      </c>
      <c r="C21" s="28">
        <v>99</v>
      </c>
      <c r="D21" s="29">
        <v>230</v>
      </c>
    </row>
    <row r="22" spans="1:4" ht="18" customHeight="1" x14ac:dyDescent="0.2">
      <c r="A22" s="31" t="s">
        <v>68</v>
      </c>
      <c r="B22" s="27">
        <v>565</v>
      </c>
      <c r="C22" s="28">
        <v>492</v>
      </c>
      <c r="D22" s="29">
        <v>1057</v>
      </c>
    </row>
    <row r="23" spans="1:4" ht="18" customHeight="1" x14ac:dyDescent="0.2">
      <c r="A23" s="31" t="s">
        <v>69</v>
      </c>
      <c r="B23" s="27">
        <v>1586</v>
      </c>
      <c r="C23" s="28">
        <v>1448</v>
      </c>
      <c r="D23" s="29">
        <v>3034</v>
      </c>
    </row>
    <row r="24" spans="1:4" ht="18" customHeight="1" x14ac:dyDescent="0.2">
      <c r="A24" s="31">
        <v>15</v>
      </c>
      <c r="B24" s="27">
        <v>131</v>
      </c>
      <c r="C24" s="28">
        <v>119</v>
      </c>
      <c r="D24" s="29">
        <v>250</v>
      </c>
    </row>
    <row r="25" spans="1:4" ht="18" customHeight="1" x14ac:dyDescent="0.2">
      <c r="A25" s="31">
        <v>16</v>
      </c>
      <c r="B25" s="27">
        <v>90</v>
      </c>
      <c r="C25" s="28">
        <v>102</v>
      </c>
      <c r="D25" s="29">
        <v>192</v>
      </c>
    </row>
    <row r="26" spans="1:4" ht="18" customHeight="1" x14ac:dyDescent="0.2">
      <c r="A26" s="31">
        <v>17</v>
      </c>
      <c r="B26" s="27">
        <v>124</v>
      </c>
      <c r="C26" s="28">
        <v>108</v>
      </c>
      <c r="D26" s="29">
        <v>232</v>
      </c>
    </row>
    <row r="27" spans="1:4" ht="18" customHeight="1" x14ac:dyDescent="0.2">
      <c r="A27" s="31">
        <v>18</v>
      </c>
      <c r="B27" s="27">
        <v>104</v>
      </c>
      <c r="C27" s="28">
        <v>106</v>
      </c>
      <c r="D27" s="29">
        <v>210</v>
      </c>
    </row>
    <row r="28" spans="1:4" ht="18" customHeight="1" x14ac:dyDescent="0.2">
      <c r="A28" s="31">
        <v>19</v>
      </c>
      <c r="B28" s="27">
        <v>107</v>
      </c>
      <c r="C28" s="28">
        <v>120</v>
      </c>
      <c r="D28" s="29">
        <v>227</v>
      </c>
    </row>
    <row r="29" spans="1:4" ht="18" customHeight="1" x14ac:dyDescent="0.2">
      <c r="A29" s="31" t="s">
        <v>70</v>
      </c>
      <c r="B29" s="27">
        <v>556</v>
      </c>
      <c r="C29" s="28">
        <v>555</v>
      </c>
      <c r="D29" s="29">
        <v>1111</v>
      </c>
    </row>
    <row r="30" spans="1:4" ht="18" customHeight="1" x14ac:dyDescent="0.2">
      <c r="A30" s="31">
        <v>20</v>
      </c>
      <c r="B30" s="27">
        <v>114</v>
      </c>
      <c r="C30" s="28">
        <v>108</v>
      </c>
      <c r="D30" s="29">
        <v>222</v>
      </c>
    </row>
    <row r="31" spans="1:4" ht="18" customHeight="1" x14ac:dyDescent="0.2">
      <c r="A31" s="31">
        <v>21</v>
      </c>
      <c r="B31" s="27">
        <v>118</v>
      </c>
      <c r="C31" s="28">
        <v>118</v>
      </c>
      <c r="D31" s="29">
        <v>236</v>
      </c>
    </row>
    <row r="32" spans="1:4" ht="18" customHeight="1" x14ac:dyDescent="0.2">
      <c r="A32" s="31">
        <v>22</v>
      </c>
      <c r="B32" s="27">
        <v>128</v>
      </c>
      <c r="C32" s="28">
        <v>111</v>
      </c>
      <c r="D32" s="29">
        <v>239</v>
      </c>
    </row>
    <row r="33" spans="1:4" ht="18" customHeight="1" x14ac:dyDescent="0.2">
      <c r="A33" s="31">
        <v>23</v>
      </c>
      <c r="B33" s="27">
        <v>131</v>
      </c>
      <c r="C33" s="28">
        <v>119</v>
      </c>
      <c r="D33" s="29">
        <v>250</v>
      </c>
    </row>
    <row r="34" spans="1:4" ht="18" customHeight="1" x14ac:dyDescent="0.2">
      <c r="A34" s="31">
        <v>24</v>
      </c>
      <c r="B34" s="27">
        <v>119</v>
      </c>
      <c r="C34" s="28">
        <v>110</v>
      </c>
      <c r="D34" s="29">
        <v>229</v>
      </c>
    </row>
    <row r="35" spans="1:4" ht="18" customHeight="1" x14ac:dyDescent="0.2">
      <c r="A35" s="31" t="s">
        <v>71</v>
      </c>
      <c r="B35" s="27">
        <v>610</v>
      </c>
      <c r="C35" s="28">
        <v>566</v>
      </c>
      <c r="D35" s="29">
        <v>1176</v>
      </c>
    </row>
    <row r="36" spans="1:4" ht="18" customHeight="1" x14ac:dyDescent="0.2">
      <c r="A36" s="31">
        <v>25</v>
      </c>
      <c r="B36" s="27">
        <v>145</v>
      </c>
      <c r="C36" s="28">
        <v>104</v>
      </c>
      <c r="D36" s="29">
        <v>249</v>
      </c>
    </row>
    <row r="37" spans="1:4" ht="18" customHeight="1" x14ac:dyDescent="0.2">
      <c r="A37" s="31">
        <v>26</v>
      </c>
      <c r="B37" s="27">
        <v>126</v>
      </c>
      <c r="C37" s="28">
        <v>98</v>
      </c>
      <c r="D37" s="29">
        <v>224</v>
      </c>
    </row>
    <row r="38" spans="1:4" ht="18" customHeight="1" x14ac:dyDescent="0.2">
      <c r="A38" s="31">
        <v>27</v>
      </c>
      <c r="B38" s="27">
        <v>133</v>
      </c>
      <c r="C38" s="28">
        <v>133</v>
      </c>
      <c r="D38" s="29">
        <v>266</v>
      </c>
    </row>
    <row r="39" spans="1:4" ht="18" customHeight="1" x14ac:dyDescent="0.2">
      <c r="A39" s="31">
        <v>28</v>
      </c>
      <c r="B39" s="27">
        <v>121</v>
      </c>
      <c r="C39" s="28">
        <v>116</v>
      </c>
      <c r="D39" s="29">
        <v>237</v>
      </c>
    </row>
    <row r="40" spans="1:4" ht="18" customHeight="1" x14ac:dyDescent="0.2">
      <c r="A40" s="31">
        <v>29</v>
      </c>
      <c r="B40" s="27">
        <v>141</v>
      </c>
      <c r="C40" s="28">
        <v>96</v>
      </c>
      <c r="D40" s="29">
        <v>237</v>
      </c>
    </row>
    <row r="41" spans="1:4" ht="18" customHeight="1" x14ac:dyDescent="0.2">
      <c r="A41" s="31" t="s">
        <v>72</v>
      </c>
      <c r="B41" s="27">
        <v>666</v>
      </c>
      <c r="C41" s="28">
        <v>547</v>
      </c>
      <c r="D41" s="29">
        <v>1213</v>
      </c>
    </row>
    <row r="42" spans="1:4" ht="18" customHeight="1" x14ac:dyDescent="0.2">
      <c r="A42" s="31">
        <v>30</v>
      </c>
      <c r="B42" s="27">
        <v>120</v>
      </c>
      <c r="C42" s="28">
        <v>108</v>
      </c>
      <c r="D42" s="29">
        <v>228</v>
      </c>
    </row>
    <row r="43" spans="1:4" ht="18" customHeight="1" x14ac:dyDescent="0.2">
      <c r="A43" s="31">
        <v>31</v>
      </c>
      <c r="B43" s="27">
        <v>137</v>
      </c>
      <c r="C43" s="28">
        <v>125</v>
      </c>
      <c r="D43" s="29">
        <v>262</v>
      </c>
    </row>
    <row r="44" spans="1:4" ht="18" customHeight="1" x14ac:dyDescent="0.2">
      <c r="A44" s="31">
        <v>32</v>
      </c>
      <c r="B44" s="27">
        <v>122</v>
      </c>
      <c r="C44" s="28">
        <v>121</v>
      </c>
      <c r="D44" s="29">
        <v>243</v>
      </c>
    </row>
    <row r="45" spans="1:4" ht="18" customHeight="1" x14ac:dyDescent="0.2">
      <c r="A45" s="31">
        <v>33</v>
      </c>
      <c r="B45" s="27">
        <v>156</v>
      </c>
      <c r="C45" s="28">
        <v>142</v>
      </c>
      <c r="D45" s="29">
        <v>298</v>
      </c>
    </row>
    <row r="46" spans="1:4" ht="18" customHeight="1" x14ac:dyDescent="0.2">
      <c r="A46" s="31">
        <v>34</v>
      </c>
      <c r="B46" s="27">
        <v>154</v>
      </c>
      <c r="C46" s="28">
        <v>156</v>
      </c>
      <c r="D46" s="29">
        <v>310</v>
      </c>
    </row>
    <row r="47" spans="1:4" ht="18" customHeight="1" x14ac:dyDescent="0.2">
      <c r="A47" s="31" t="s">
        <v>73</v>
      </c>
      <c r="B47" s="27">
        <v>689</v>
      </c>
      <c r="C47" s="28">
        <v>652</v>
      </c>
      <c r="D47" s="29">
        <v>1341</v>
      </c>
    </row>
    <row r="48" spans="1:4" ht="18" customHeight="1" x14ac:dyDescent="0.2">
      <c r="A48" s="31">
        <v>35</v>
      </c>
      <c r="B48" s="27">
        <v>156</v>
      </c>
      <c r="C48" s="28">
        <v>150</v>
      </c>
      <c r="D48" s="29">
        <v>306</v>
      </c>
    </row>
    <row r="49" spans="1:4" ht="18" customHeight="1" x14ac:dyDescent="0.2">
      <c r="A49" s="31">
        <v>36</v>
      </c>
      <c r="B49" s="27">
        <v>177</v>
      </c>
      <c r="C49" s="28">
        <v>148</v>
      </c>
      <c r="D49" s="29">
        <v>325</v>
      </c>
    </row>
    <row r="50" spans="1:4" ht="18" customHeight="1" x14ac:dyDescent="0.2">
      <c r="A50" s="31">
        <v>37</v>
      </c>
      <c r="B50" s="27">
        <v>170</v>
      </c>
      <c r="C50" s="28">
        <v>153</v>
      </c>
      <c r="D50" s="29">
        <v>323</v>
      </c>
    </row>
    <row r="51" spans="1:4" ht="18" customHeight="1" x14ac:dyDescent="0.2">
      <c r="A51" s="31">
        <v>38</v>
      </c>
      <c r="B51" s="27">
        <v>165</v>
      </c>
      <c r="C51" s="28">
        <v>166</v>
      </c>
      <c r="D51" s="29">
        <v>331</v>
      </c>
    </row>
    <row r="52" spans="1:4" ht="18" customHeight="1" x14ac:dyDescent="0.2">
      <c r="A52" s="31">
        <v>39</v>
      </c>
      <c r="B52" s="27">
        <v>137</v>
      </c>
      <c r="C52" s="28">
        <v>157</v>
      </c>
      <c r="D52" s="29">
        <v>294</v>
      </c>
    </row>
    <row r="53" spans="1:4" ht="18" customHeight="1" x14ac:dyDescent="0.2">
      <c r="A53" s="31" t="s">
        <v>74</v>
      </c>
      <c r="B53" s="27">
        <v>805</v>
      </c>
      <c r="C53" s="28">
        <v>774</v>
      </c>
      <c r="D53" s="29">
        <v>1579</v>
      </c>
    </row>
    <row r="54" spans="1:4" ht="18" customHeight="1" x14ac:dyDescent="0.2">
      <c r="A54" s="31">
        <v>40</v>
      </c>
      <c r="B54" s="27">
        <v>164</v>
      </c>
      <c r="C54" s="28">
        <v>137</v>
      </c>
      <c r="D54" s="29">
        <v>301</v>
      </c>
    </row>
    <row r="55" spans="1:4" ht="18" customHeight="1" x14ac:dyDescent="0.2">
      <c r="A55" s="31">
        <v>41</v>
      </c>
      <c r="B55" s="27">
        <v>156</v>
      </c>
      <c r="C55" s="28">
        <v>138</v>
      </c>
      <c r="D55" s="29">
        <v>294</v>
      </c>
    </row>
    <row r="56" spans="1:4" ht="18" customHeight="1" x14ac:dyDescent="0.2">
      <c r="A56" s="31">
        <v>42</v>
      </c>
      <c r="B56" s="27">
        <v>162</v>
      </c>
      <c r="C56" s="28">
        <v>166</v>
      </c>
      <c r="D56" s="29">
        <v>328</v>
      </c>
    </row>
    <row r="57" spans="1:4" ht="18" customHeight="1" x14ac:dyDescent="0.2">
      <c r="A57" s="31">
        <v>43</v>
      </c>
      <c r="B57" s="27">
        <v>120</v>
      </c>
      <c r="C57" s="28">
        <v>111</v>
      </c>
      <c r="D57" s="29">
        <v>231</v>
      </c>
    </row>
    <row r="58" spans="1:4" ht="18" customHeight="1" x14ac:dyDescent="0.2">
      <c r="A58" s="31">
        <v>44</v>
      </c>
      <c r="B58" s="27">
        <v>151</v>
      </c>
      <c r="C58" s="28">
        <v>139</v>
      </c>
      <c r="D58" s="29">
        <v>290</v>
      </c>
    </row>
    <row r="59" spans="1:4" ht="18" customHeight="1" x14ac:dyDescent="0.2">
      <c r="A59" s="31" t="s">
        <v>75</v>
      </c>
      <c r="B59" s="27">
        <v>753</v>
      </c>
      <c r="C59" s="28">
        <v>691</v>
      </c>
      <c r="D59" s="29">
        <v>1444</v>
      </c>
    </row>
    <row r="60" spans="1:4" ht="18" customHeight="1" x14ac:dyDescent="0.2">
      <c r="A60" s="31">
        <v>45</v>
      </c>
      <c r="B60" s="27">
        <v>166</v>
      </c>
      <c r="C60" s="28">
        <v>147</v>
      </c>
      <c r="D60" s="29">
        <v>313</v>
      </c>
    </row>
    <row r="61" spans="1:4" ht="18" customHeight="1" x14ac:dyDescent="0.2">
      <c r="A61" s="31">
        <v>46</v>
      </c>
      <c r="B61" s="27">
        <v>154</v>
      </c>
      <c r="C61" s="28">
        <v>134</v>
      </c>
      <c r="D61" s="29">
        <v>288</v>
      </c>
    </row>
    <row r="62" spans="1:4" ht="18" customHeight="1" x14ac:dyDescent="0.2">
      <c r="A62" s="31">
        <v>47</v>
      </c>
      <c r="B62" s="27">
        <v>136</v>
      </c>
      <c r="C62" s="28">
        <v>116</v>
      </c>
      <c r="D62" s="29">
        <v>252</v>
      </c>
    </row>
    <row r="63" spans="1:4" ht="18" customHeight="1" x14ac:dyDescent="0.2">
      <c r="A63" s="31">
        <v>48</v>
      </c>
      <c r="B63" s="27">
        <v>127</v>
      </c>
      <c r="C63" s="28">
        <v>159</v>
      </c>
      <c r="D63" s="29">
        <v>286</v>
      </c>
    </row>
    <row r="64" spans="1:4" ht="18" customHeight="1" x14ac:dyDescent="0.2">
      <c r="A64" s="31">
        <v>49</v>
      </c>
      <c r="B64" s="27">
        <v>144</v>
      </c>
      <c r="C64" s="28">
        <v>130</v>
      </c>
      <c r="D64" s="29">
        <v>274</v>
      </c>
    </row>
    <row r="65" spans="1:4" ht="18" customHeight="1" x14ac:dyDescent="0.2">
      <c r="A65" s="31" t="s">
        <v>76</v>
      </c>
      <c r="B65" s="27">
        <v>727</v>
      </c>
      <c r="C65" s="28">
        <v>686</v>
      </c>
      <c r="D65" s="29">
        <v>1413</v>
      </c>
    </row>
    <row r="66" spans="1:4" ht="18" customHeight="1" x14ac:dyDescent="0.2">
      <c r="A66" s="31">
        <v>50</v>
      </c>
      <c r="B66" s="27">
        <v>149</v>
      </c>
      <c r="C66" s="28">
        <v>154</v>
      </c>
      <c r="D66" s="29">
        <v>303</v>
      </c>
    </row>
    <row r="67" spans="1:4" ht="18" customHeight="1" x14ac:dyDescent="0.2">
      <c r="A67" s="31">
        <v>51</v>
      </c>
      <c r="B67" s="27">
        <v>146</v>
      </c>
      <c r="C67" s="28">
        <v>138</v>
      </c>
      <c r="D67" s="29">
        <v>284</v>
      </c>
    </row>
    <row r="68" spans="1:4" ht="18" customHeight="1" x14ac:dyDescent="0.2">
      <c r="A68" s="31">
        <v>52</v>
      </c>
      <c r="B68" s="27">
        <v>143</v>
      </c>
      <c r="C68" s="28">
        <v>140</v>
      </c>
      <c r="D68" s="29">
        <v>283</v>
      </c>
    </row>
    <row r="69" spans="1:4" ht="18" customHeight="1" x14ac:dyDescent="0.2">
      <c r="A69" s="31">
        <v>53</v>
      </c>
      <c r="B69" s="27">
        <v>141</v>
      </c>
      <c r="C69" s="28">
        <v>140</v>
      </c>
      <c r="D69" s="29">
        <v>281</v>
      </c>
    </row>
    <row r="70" spans="1:4" ht="18" customHeight="1" x14ac:dyDescent="0.2">
      <c r="A70" s="31">
        <v>54</v>
      </c>
      <c r="B70" s="27">
        <v>152</v>
      </c>
      <c r="C70" s="28">
        <v>166</v>
      </c>
      <c r="D70" s="29">
        <v>318</v>
      </c>
    </row>
    <row r="71" spans="1:4" ht="18" customHeight="1" x14ac:dyDescent="0.2">
      <c r="A71" s="31" t="s">
        <v>77</v>
      </c>
      <c r="B71" s="27">
        <v>731</v>
      </c>
      <c r="C71" s="28">
        <v>738</v>
      </c>
      <c r="D71" s="29">
        <v>1469</v>
      </c>
    </row>
    <row r="72" spans="1:4" ht="18" customHeight="1" x14ac:dyDescent="0.2">
      <c r="A72" s="31">
        <v>55</v>
      </c>
      <c r="B72" s="27">
        <v>173</v>
      </c>
      <c r="C72" s="28">
        <v>156</v>
      </c>
      <c r="D72" s="29">
        <v>329</v>
      </c>
    </row>
    <row r="73" spans="1:4" ht="18" customHeight="1" x14ac:dyDescent="0.2">
      <c r="A73" s="31">
        <v>56</v>
      </c>
      <c r="B73" s="27">
        <v>156</v>
      </c>
      <c r="C73" s="28">
        <v>167</v>
      </c>
      <c r="D73" s="29">
        <v>323</v>
      </c>
    </row>
    <row r="74" spans="1:4" ht="18" customHeight="1" x14ac:dyDescent="0.2">
      <c r="A74" s="31">
        <v>57</v>
      </c>
      <c r="B74" s="27">
        <v>145</v>
      </c>
      <c r="C74" s="28">
        <v>144</v>
      </c>
      <c r="D74" s="29">
        <v>289</v>
      </c>
    </row>
    <row r="75" spans="1:4" ht="18" customHeight="1" x14ac:dyDescent="0.2">
      <c r="A75" s="31">
        <v>58</v>
      </c>
      <c r="B75" s="27">
        <v>183</v>
      </c>
      <c r="C75" s="28">
        <v>165</v>
      </c>
      <c r="D75" s="29">
        <v>348</v>
      </c>
    </row>
    <row r="76" spans="1:4" ht="18" customHeight="1" x14ac:dyDescent="0.2">
      <c r="A76" s="31">
        <v>59</v>
      </c>
      <c r="B76" s="27">
        <v>194</v>
      </c>
      <c r="C76" s="28">
        <v>162</v>
      </c>
      <c r="D76" s="29">
        <v>356</v>
      </c>
    </row>
    <row r="77" spans="1:4" ht="18" customHeight="1" x14ac:dyDescent="0.2">
      <c r="A77" s="31" t="s">
        <v>78</v>
      </c>
      <c r="B77" s="27">
        <v>851</v>
      </c>
      <c r="C77" s="28">
        <v>794</v>
      </c>
      <c r="D77" s="29">
        <v>1645</v>
      </c>
    </row>
    <row r="78" spans="1:4" ht="18" customHeight="1" x14ac:dyDescent="0.2">
      <c r="A78" s="31">
        <v>60</v>
      </c>
      <c r="B78" s="27">
        <v>177</v>
      </c>
      <c r="C78" s="28">
        <v>196</v>
      </c>
      <c r="D78" s="29">
        <v>373</v>
      </c>
    </row>
    <row r="79" spans="1:4" ht="18" customHeight="1" x14ac:dyDescent="0.2">
      <c r="A79" s="31">
        <v>61</v>
      </c>
      <c r="B79" s="27">
        <v>206</v>
      </c>
      <c r="C79" s="28">
        <v>210</v>
      </c>
      <c r="D79" s="29">
        <v>416</v>
      </c>
    </row>
    <row r="80" spans="1:4" ht="18" customHeight="1" x14ac:dyDescent="0.2">
      <c r="A80" s="31">
        <v>62</v>
      </c>
      <c r="B80" s="27">
        <v>219</v>
      </c>
      <c r="C80" s="28">
        <v>223</v>
      </c>
      <c r="D80" s="29">
        <v>442</v>
      </c>
    </row>
    <row r="81" spans="1:4" ht="18" customHeight="1" x14ac:dyDescent="0.2">
      <c r="A81" s="31">
        <v>63</v>
      </c>
      <c r="B81" s="27">
        <v>90</v>
      </c>
      <c r="C81" s="28">
        <v>110</v>
      </c>
      <c r="D81" s="29">
        <v>200</v>
      </c>
    </row>
    <row r="82" spans="1:4" ht="18" customHeight="1" x14ac:dyDescent="0.2">
      <c r="A82" s="31">
        <v>64</v>
      </c>
      <c r="B82" s="27">
        <v>131</v>
      </c>
      <c r="C82" s="28">
        <v>143</v>
      </c>
      <c r="D82" s="29">
        <v>274</v>
      </c>
    </row>
    <row r="83" spans="1:4" ht="18" customHeight="1" x14ac:dyDescent="0.2">
      <c r="A83" s="31" t="s">
        <v>79</v>
      </c>
      <c r="B83" s="27">
        <v>823</v>
      </c>
      <c r="C83" s="28">
        <v>882</v>
      </c>
      <c r="D83" s="29">
        <v>1705</v>
      </c>
    </row>
    <row r="84" spans="1:4" ht="18" customHeight="1" x14ac:dyDescent="0.2">
      <c r="A84" s="31" t="s">
        <v>80</v>
      </c>
      <c r="B84" s="27">
        <v>7211</v>
      </c>
      <c r="C84" s="28">
        <v>6885</v>
      </c>
      <c r="D84" s="29">
        <v>14096</v>
      </c>
    </row>
    <row r="85" spans="1:4" ht="18" customHeight="1" x14ac:dyDescent="0.2">
      <c r="A85" s="31">
        <v>65</v>
      </c>
      <c r="B85" s="27">
        <v>142</v>
      </c>
      <c r="C85" s="28">
        <v>177</v>
      </c>
      <c r="D85" s="29">
        <v>319</v>
      </c>
    </row>
    <row r="86" spans="1:4" ht="18" customHeight="1" x14ac:dyDescent="0.2">
      <c r="A86" s="31">
        <v>66</v>
      </c>
      <c r="B86" s="27">
        <v>132</v>
      </c>
      <c r="C86" s="28">
        <v>172</v>
      </c>
      <c r="D86" s="29">
        <v>304</v>
      </c>
    </row>
    <row r="87" spans="1:4" ht="18" customHeight="1" x14ac:dyDescent="0.2">
      <c r="A87" s="31">
        <v>67</v>
      </c>
      <c r="B87" s="27">
        <v>168</v>
      </c>
      <c r="C87" s="28">
        <v>180</v>
      </c>
      <c r="D87" s="29">
        <v>348</v>
      </c>
    </row>
    <row r="88" spans="1:4" ht="18" customHeight="1" x14ac:dyDescent="0.2">
      <c r="A88" s="31">
        <v>68</v>
      </c>
      <c r="B88" s="27">
        <v>147</v>
      </c>
      <c r="C88" s="28">
        <v>160</v>
      </c>
      <c r="D88" s="29">
        <v>307</v>
      </c>
    </row>
    <row r="89" spans="1:4" ht="18" customHeight="1" x14ac:dyDescent="0.2">
      <c r="A89" s="31">
        <v>69</v>
      </c>
      <c r="B89" s="27">
        <v>121</v>
      </c>
      <c r="C89" s="28">
        <v>152</v>
      </c>
      <c r="D89" s="29">
        <v>273</v>
      </c>
    </row>
    <row r="90" spans="1:4" ht="18" customHeight="1" x14ac:dyDescent="0.2">
      <c r="A90" s="31" t="s">
        <v>81</v>
      </c>
      <c r="B90" s="27">
        <v>710</v>
      </c>
      <c r="C90" s="28">
        <v>841</v>
      </c>
      <c r="D90" s="29">
        <v>1551</v>
      </c>
    </row>
    <row r="91" spans="1:4" ht="18" customHeight="1" x14ac:dyDescent="0.2">
      <c r="A91" s="31">
        <v>70</v>
      </c>
      <c r="B91" s="27">
        <v>119</v>
      </c>
      <c r="C91" s="28">
        <v>116</v>
      </c>
      <c r="D91" s="29">
        <v>235</v>
      </c>
    </row>
    <row r="92" spans="1:4" ht="18" customHeight="1" x14ac:dyDescent="0.2">
      <c r="A92" s="31">
        <v>71</v>
      </c>
      <c r="B92" s="27">
        <v>128</v>
      </c>
      <c r="C92" s="28">
        <v>116</v>
      </c>
      <c r="D92" s="29">
        <v>244</v>
      </c>
    </row>
    <row r="93" spans="1:4" ht="18" customHeight="1" x14ac:dyDescent="0.2">
      <c r="A93" s="31">
        <v>72</v>
      </c>
      <c r="B93" s="27">
        <v>114</v>
      </c>
      <c r="C93" s="28">
        <v>129</v>
      </c>
      <c r="D93" s="29">
        <v>243</v>
      </c>
    </row>
    <row r="94" spans="1:4" ht="18" customHeight="1" x14ac:dyDescent="0.2">
      <c r="A94" s="31">
        <v>73</v>
      </c>
      <c r="B94" s="27">
        <v>123</v>
      </c>
      <c r="C94" s="28">
        <v>149</v>
      </c>
      <c r="D94" s="29">
        <v>272</v>
      </c>
    </row>
    <row r="95" spans="1:4" ht="18" customHeight="1" x14ac:dyDescent="0.2">
      <c r="A95" s="31">
        <v>74</v>
      </c>
      <c r="B95" s="27">
        <v>100</v>
      </c>
      <c r="C95" s="28">
        <v>154</v>
      </c>
      <c r="D95" s="29">
        <v>254</v>
      </c>
    </row>
    <row r="96" spans="1:4" ht="18" customHeight="1" x14ac:dyDescent="0.2">
      <c r="A96" s="31" t="s">
        <v>82</v>
      </c>
      <c r="B96" s="27">
        <v>584</v>
      </c>
      <c r="C96" s="28">
        <v>664</v>
      </c>
      <c r="D96" s="29">
        <v>1248</v>
      </c>
    </row>
    <row r="97" spans="1:4" ht="18" customHeight="1" x14ac:dyDescent="0.2">
      <c r="A97" s="31">
        <v>75</v>
      </c>
      <c r="B97" s="27">
        <v>109</v>
      </c>
      <c r="C97" s="28">
        <v>151</v>
      </c>
      <c r="D97" s="29">
        <v>260</v>
      </c>
    </row>
    <row r="98" spans="1:4" ht="18" customHeight="1" x14ac:dyDescent="0.2">
      <c r="A98" s="31">
        <v>76</v>
      </c>
      <c r="B98" s="27">
        <v>85</v>
      </c>
      <c r="C98" s="28">
        <v>137</v>
      </c>
      <c r="D98" s="29">
        <v>222</v>
      </c>
    </row>
    <row r="99" spans="1:4" ht="18" customHeight="1" x14ac:dyDescent="0.2">
      <c r="A99" s="31">
        <v>77</v>
      </c>
      <c r="B99" s="27">
        <v>112</v>
      </c>
      <c r="C99" s="28">
        <v>138</v>
      </c>
      <c r="D99" s="29">
        <v>250</v>
      </c>
    </row>
    <row r="100" spans="1:4" ht="18" customHeight="1" x14ac:dyDescent="0.2">
      <c r="A100" s="31">
        <v>78</v>
      </c>
      <c r="B100" s="27">
        <v>83</v>
      </c>
      <c r="C100" s="28">
        <v>157</v>
      </c>
      <c r="D100" s="29">
        <v>240</v>
      </c>
    </row>
    <row r="101" spans="1:4" ht="18" customHeight="1" x14ac:dyDescent="0.2">
      <c r="A101" s="31">
        <v>79</v>
      </c>
      <c r="B101" s="27">
        <v>94</v>
      </c>
      <c r="C101" s="28">
        <v>136</v>
      </c>
      <c r="D101" s="29">
        <v>230</v>
      </c>
    </row>
    <row r="102" spans="1:4" ht="18" customHeight="1" x14ac:dyDescent="0.2">
      <c r="A102" s="31" t="s">
        <v>83</v>
      </c>
      <c r="B102" s="27">
        <v>483</v>
      </c>
      <c r="C102" s="28">
        <v>719</v>
      </c>
      <c r="D102" s="29">
        <v>1202</v>
      </c>
    </row>
    <row r="103" spans="1:4" ht="18" customHeight="1" x14ac:dyDescent="0.2">
      <c r="A103" s="31">
        <v>80</v>
      </c>
      <c r="B103" s="27">
        <v>93</v>
      </c>
      <c r="C103" s="28">
        <v>135</v>
      </c>
      <c r="D103" s="29">
        <v>228</v>
      </c>
    </row>
    <row r="104" spans="1:4" ht="18" customHeight="1" x14ac:dyDescent="0.2">
      <c r="A104" s="31">
        <v>81</v>
      </c>
      <c r="B104" s="27">
        <v>64</v>
      </c>
      <c r="C104" s="28">
        <v>110</v>
      </c>
      <c r="D104" s="29">
        <v>174</v>
      </c>
    </row>
    <row r="105" spans="1:4" ht="18" customHeight="1" x14ac:dyDescent="0.2">
      <c r="A105" s="31">
        <v>82</v>
      </c>
      <c r="B105" s="27">
        <v>75</v>
      </c>
      <c r="C105" s="28">
        <v>97</v>
      </c>
      <c r="D105" s="29">
        <v>172</v>
      </c>
    </row>
    <row r="106" spans="1:4" ht="18" customHeight="1" x14ac:dyDescent="0.2">
      <c r="A106" s="31">
        <v>83</v>
      </c>
      <c r="B106" s="27">
        <v>56</v>
      </c>
      <c r="C106" s="28">
        <v>102</v>
      </c>
      <c r="D106" s="29">
        <v>158</v>
      </c>
    </row>
    <row r="107" spans="1:4" ht="18" customHeight="1" x14ac:dyDescent="0.2">
      <c r="A107" s="31">
        <v>84</v>
      </c>
      <c r="B107" s="27">
        <v>56</v>
      </c>
      <c r="C107" s="28">
        <v>87</v>
      </c>
      <c r="D107" s="29">
        <v>143</v>
      </c>
    </row>
    <row r="108" spans="1:4" ht="18" customHeight="1" x14ac:dyDescent="0.2">
      <c r="A108" s="31" t="s">
        <v>84</v>
      </c>
      <c r="B108" s="27">
        <v>344</v>
      </c>
      <c r="C108" s="28">
        <v>531</v>
      </c>
      <c r="D108" s="29">
        <v>875</v>
      </c>
    </row>
    <row r="109" spans="1:4" ht="18" customHeight="1" x14ac:dyDescent="0.2">
      <c r="A109" s="31">
        <v>85</v>
      </c>
      <c r="B109" s="27">
        <v>44</v>
      </c>
      <c r="C109" s="28">
        <v>70</v>
      </c>
      <c r="D109" s="29">
        <v>114</v>
      </c>
    </row>
    <row r="110" spans="1:4" ht="18" customHeight="1" x14ac:dyDescent="0.2">
      <c r="A110" s="31">
        <v>86</v>
      </c>
      <c r="B110" s="27">
        <v>29</v>
      </c>
      <c r="C110" s="28">
        <v>75</v>
      </c>
      <c r="D110" s="29">
        <v>104</v>
      </c>
    </row>
    <row r="111" spans="1:4" ht="18" customHeight="1" x14ac:dyDescent="0.2">
      <c r="A111" s="31">
        <v>87</v>
      </c>
      <c r="B111" s="27">
        <v>23</v>
      </c>
      <c r="C111" s="28">
        <v>54</v>
      </c>
      <c r="D111" s="29">
        <v>77</v>
      </c>
    </row>
    <row r="112" spans="1:4" ht="18" customHeight="1" x14ac:dyDescent="0.2">
      <c r="A112" s="31">
        <v>88</v>
      </c>
      <c r="B112" s="27">
        <v>33</v>
      </c>
      <c r="C112" s="28">
        <v>60</v>
      </c>
      <c r="D112" s="29">
        <v>93</v>
      </c>
    </row>
    <row r="113" spans="1:4" ht="18" customHeight="1" x14ac:dyDescent="0.2">
      <c r="A113" s="31">
        <v>89</v>
      </c>
      <c r="B113" s="27">
        <v>26</v>
      </c>
      <c r="C113" s="28">
        <v>45</v>
      </c>
      <c r="D113" s="29">
        <v>71</v>
      </c>
    </row>
    <row r="114" spans="1:4" ht="18" customHeight="1" x14ac:dyDescent="0.2">
      <c r="A114" s="31" t="s">
        <v>85</v>
      </c>
      <c r="B114" s="27">
        <v>155</v>
      </c>
      <c r="C114" s="28">
        <v>304</v>
      </c>
      <c r="D114" s="29">
        <v>459</v>
      </c>
    </row>
    <row r="115" spans="1:4" ht="18" customHeight="1" x14ac:dyDescent="0.2">
      <c r="A115" s="31">
        <v>90</v>
      </c>
      <c r="B115" s="27">
        <v>10</v>
      </c>
      <c r="C115" s="28">
        <v>37</v>
      </c>
      <c r="D115" s="29">
        <v>47</v>
      </c>
    </row>
    <row r="116" spans="1:4" ht="18" customHeight="1" x14ac:dyDescent="0.2">
      <c r="A116" s="31">
        <v>91</v>
      </c>
      <c r="B116" s="27">
        <v>10</v>
      </c>
      <c r="C116" s="28">
        <v>34</v>
      </c>
      <c r="D116" s="29">
        <v>44</v>
      </c>
    </row>
    <row r="117" spans="1:4" ht="18" customHeight="1" x14ac:dyDescent="0.2">
      <c r="A117" s="31">
        <v>92</v>
      </c>
      <c r="B117" s="27">
        <v>9</v>
      </c>
      <c r="C117" s="28">
        <v>27</v>
      </c>
      <c r="D117" s="29">
        <v>36</v>
      </c>
    </row>
    <row r="118" spans="1:4" ht="18" customHeight="1" x14ac:dyDescent="0.2">
      <c r="A118" s="31">
        <v>93</v>
      </c>
      <c r="B118" s="27">
        <v>7</v>
      </c>
      <c r="C118" s="28">
        <v>22</v>
      </c>
      <c r="D118" s="29">
        <v>29</v>
      </c>
    </row>
    <row r="119" spans="1:4" ht="18" customHeight="1" x14ac:dyDescent="0.2">
      <c r="A119" s="31">
        <v>94</v>
      </c>
      <c r="B119" s="27">
        <v>4</v>
      </c>
      <c r="C119" s="28">
        <v>27</v>
      </c>
      <c r="D119" s="29">
        <v>31</v>
      </c>
    </row>
    <row r="120" spans="1:4" ht="18" customHeight="1" x14ac:dyDescent="0.2">
      <c r="A120" s="31" t="s">
        <v>86</v>
      </c>
      <c r="B120" s="27">
        <v>40</v>
      </c>
      <c r="C120" s="28">
        <v>147</v>
      </c>
      <c r="D120" s="29">
        <v>187</v>
      </c>
    </row>
    <row r="121" spans="1:4" ht="18" customHeight="1" x14ac:dyDescent="0.2">
      <c r="A121" s="31">
        <v>95</v>
      </c>
      <c r="B121" s="27">
        <v>8</v>
      </c>
      <c r="C121" s="28">
        <v>15</v>
      </c>
      <c r="D121" s="29">
        <v>23</v>
      </c>
    </row>
    <row r="122" spans="1:4" ht="18" customHeight="1" x14ac:dyDescent="0.2">
      <c r="A122" s="31">
        <v>96</v>
      </c>
      <c r="B122" s="27">
        <v>1</v>
      </c>
      <c r="C122" s="28">
        <v>10</v>
      </c>
      <c r="D122" s="29">
        <v>11</v>
      </c>
    </row>
    <row r="123" spans="1:4" ht="18" customHeight="1" x14ac:dyDescent="0.2">
      <c r="A123" s="31">
        <v>97</v>
      </c>
      <c r="B123" s="27">
        <v>1</v>
      </c>
      <c r="C123" s="28">
        <v>7</v>
      </c>
      <c r="D123" s="29">
        <v>8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87</v>
      </c>
      <c r="B126" s="27">
        <v>10</v>
      </c>
      <c r="C126" s="28">
        <v>41</v>
      </c>
      <c r="D126" s="29">
        <v>51</v>
      </c>
    </row>
    <row r="127" spans="1:4" ht="18" customHeight="1" x14ac:dyDescent="0.2">
      <c r="A127" s="31">
        <v>100</v>
      </c>
      <c r="B127" s="27">
        <v>0</v>
      </c>
      <c r="C127" s="28">
        <v>5</v>
      </c>
      <c r="D127" s="29">
        <v>5</v>
      </c>
    </row>
    <row r="128" spans="1:4" ht="18" customHeight="1" x14ac:dyDescent="0.2">
      <c r="A128" s="32" t="s">
        <v>88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89</v>
      </c>
      <c r="B129" s="27">
        <v>0</v>
      </c>
      <c r="C129" s="28">
        <v>8</v>
      </c>
      <c r="D129" s="29">
        <v>8</v>
      </c>
    </row>
    <row r="130" spans="1:4" ht="18" customHeight="1" x14ac:dyDescent="0.2">
      <c r="A130" s="31" t="s">
        <v>90</v>
      </c>
      <c r="B130" s="4">
        <v>2326</v>
      </c>
      <c r="C130" s="5">
        <v>3255</v>
      </c>
      <c r="D130" s="6">
        <v>5581</v>
      </c>
    </row>
    <row r="131" spans="1:4" ht="18" customHeight="1" x14ac:dyDescent="0.2">
      <c r="A131" s="33" t="s">
        <v>65</v>
      </c>
      <c r="B131" s="7">
        <v>11123</v>
      </c>
      <c r="C131" s="8">
        <v>11588</v>
      </c>
      <c r="D131" s="9">
        <v>2271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57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6</v>
      </c>
      <c r="C5" s="37">
        <v>7</v>
      </c>
      <c r="D5" s="39">
        <v>13</v>
      </c>
    </row>
    <row r="6" spans="1:4" ht="18" customHeight="1" x14ac:dyDescent="0.2">
      <c r="A6" s="31">
        <v>1</v>
      </c>
      <c r="B6" s="35">
        <v>10</v>
      </c>
      <c r="C6" s="28">
        <v>8</v>
      </c>
      <c r="D6" s="29">
        <v>18</v>
      </c>
    </row>
    <row r="7" spans="1:4" ht="18" customHeight="1" x14ac:dyDescent="0.2">
      <c r="A7" s="31">
        <v>2</v>
      </c>
      <c r="B7" s="35">
        <v>10</v>
      </c>
      <c r="C7" s="28">
        <v>10</v>
      </c>
      <c r="D7" s="29">
        <v>20</v>
      </c>
    </row>
    <row r="8" spans="1:4" ht="18" customHeight="1" x14ac:dyDescent="0.2">
      <c r="A8" s="31">
        <v>3</v>
      </c>
      <c r="B8" s="35">
        <v>12</v>
      </c>
      <c r="C8" s="28">
        <v>12</v>
      </c>
      <c r="D8" s="29">
        <v>24</v>
      </c>
    </row>
    <row r="9" spans="1:4" ht="18" customHeight="1" x14ac:dyDescent="0.2">
      <c r="A9" s="31">
        <v>4</v>
      </c>
      <c r="B9" s="36">
        <v>13</v>
      </c>
      <c r="C9" s="38">
        <v>9</v>
      </c>
      <c r="D9" s="40">
        <v>22</v>
      </c>
    </row>
    <row r="10" spans="1:4" ht="18" customHeight="1" x14ac:dyDescent="0.2">
      <c r="A10" s="31" t="s">
        <v>66</v>
      </c>
      <c r="B10" s="27">
        <v>51</v>
      </c>
      <c r="C10" s="28">
        <v>46</v>
      </c>
      <c r="D10" s="29">
        <v>97</v>
      </c>
    </row>
    <row r="11" spans="1:4" ht="18" customHeight="1" x14ac:dyDescent="0.2">
      <c r="A11" s="31">
        <v>5</v>
      </c>
      <c r="B11" s="35">
        <v>9</v>
      </c>
      <c r="C11" s="28">
        <v>8</v>
      </c>
      <c r="D11" s="29">
        <v>17</v>
      </c>
    </row>
    <row r="12" spans="1:4" ht="18" customHeight="1" x14ac:dyDescent="0.2">
      <c r="A12" s="31">
        <v>6</v>
      </c>
      <c r="B12" s="35">
        <v>9</v>
      </c>
      <c r="C12" s="28">
        <v>18</v>
      </c>
      <c r="D12" s="29">
        <v>27</v>
      </c>
    </row>
    <row r="13" spans="1:4" ht="18" customHeight="1" x14ac:dyDescent="0.2">
      <c r="A13" s="31">
        <v>7</v>
      </c>
      <c r="B13" s="35">
        <v>12</v>
      </c>
      <c r="C13" s="28">
        <v>11</v>
      </c>
      <c r="D13" s="29">
        <v>23</v>
      </c>
    </row>
    <row r="14" spans="1:4" ht="18" customHeight="1" x14ac:dyDescent="0.2">
      <c r="A14" s="31">
        <v>8</v>
      </c>
      <c r="B14" s="35">
        <v>21</v>
      </c>
      <c r="C14" s="28">
        <v>19</v>
      </c>
      <c r="D14" s="29">
        <v>40</v>
      </c>
    </row>
    <row r="15" spans="1:4" ht="18" customHeight="1" x14ac:dyDescent="0.2">
      <c r="A15" s="31">
        <v>9</v>
      </c>
      <c r="B15" s="35">
        <v>10</v>
      </c>
      <c r="C15" s="28">
        <v>17</v>
      </c>
      <c r="D15" s="29">
        <v>27</v>
      </c>
    </row>
    <row r="16" spans="1:4" ht="18" customHeight="1" x14ac:dyDescent="0.2">
      <c r="A16" s="31" t="s">
        <v>67</v>
      </c>
      <c r="B16" s="27">
        <v>61</v>
      </c>
      <c r="C16" s="28">
        <v>73</v>
      </c>
      <c r="D16" s="29">
        <v>134</v>
      </c>
    </row>
    <row r="17" spans="1:4" ht="18" customHeight="1" x14ac:dyDescent="0.2">
      <c r="A17" s="31">
        <v>10</v>
      </c>
      <c r="B17" s="27">
        <v>26</v>
      </c>
      <c r="C17" s="28">
        <v>20</v>
      </c>
      <c r="D17" s="29">
        <v>46</v>
      </c>
    </row>
    <row r="18" spans="1:4" ht="18" customHeight="1" x14ac:dyDescent="0.2">
      <c r="A18" s="31">
        <v>11</v>
      </c>
      <c r="B18" s="27">
        <v>13</v>
      </c>
      <c r="C18" s="28">
        <v>20</v>
      </c>
      <c r="D18" s="29">
        <v>33</v>
      </c>
    </row>
    <row r="19" spans="1:4" ht="18" customHeight="1" x14ac:dyDescent="0.2">
      <c r="A19" s="31">
        <v>12</v>
      </c>
      <c r="B19" s="27">
        <v>18</v>
      </c>
      <c r="C19" s="28">
        <v>16</v>
      </c>
      <c r="D19" s="29">
        <v>34</v>
      </c>
    </row>
    <row r="20" spans="1:4" ht="18" customHeight="1" x14ac:dyDescent="0.2">
      <c r="A20" s="31">
        <v>13</v>
      </c>
      <c r="B20" s="27">
        <v>19</v>
      </c>
      <c r="C20" s="28">
        <v>13</v>
      </c>
      <c r="D20" s="29">
        <v>32</v>
      </c>
    </row>
    <row r="21" spans="1:4" ht="18" customHeight="1" x14ac:dyDescent="0.2">
      <c r="A21" s="31">
        <v>14</v>
      </c>
      <c r="B21" s="27">
        <v>14</v>
      </c>
      <c r="C21" s="28">
        <v>17</v>
      </c>
      <c r="D21" s="29">
        <v>31</v>
      </c>
    </row>
    <row r="22" spans="1:4" ht="18" customHeight="1" x14ac:dyDescent="0.2">
      <c r="A22" s="31" t="s">
        <v>68</v>
      </c>
      <c r="B22" s="27">
        <v>90</v>
      </c>
      <c r="C22" s="28">
        <v>86</v>
      </c>
      <c r="D22" s="29">
        <v>176</v>
      </c>
    </row>
    <row r="23" spans="1:4" ht="18" customHeight="1" x14ac:dyDescent="0.2">
      <c r="A23" s="31" t="s">
        <v>69</v>
      </c>
      <c r="B23" s="27">
        <v>202</v>
      </c>
      <c r="C23" s="28">
        <v>205</v>
      </c>
      <c r="D23" s="29">
        <v>407</v>
      </c>
    </row>
    <row r="24" spans="1:4" ht="18" customHeight="1" x14ac:dyDescent="0.2">
      <c r="A24" s="31">
        <v>15</v>
      </c>
      <c r="B24" s="27">
        <v>22</v>
      </c>
      <c r="C24" s="28">
        <v>17</v>
      </c>
      <c r="D24" s="29">
        <v>39</v>
      </c>
    </row>
    <row r="25" spans="1:4" ht="18" customHeight="1" x14ac:dyDescent="0.2">
      <c r="A25" s="31">
        <v>16</v>
      </c>
      <c r="B25" s="27">
        <v>18</v>
      </c>
      <c r="C25" s="28">
        <v>19</v>
      </c>
      <c r="D25" s="29">
        <v>37</v>
      </c>
    </row>
    <row r="26" spans="1:4" ht="18" customHeight="1" x14ac:dyDescent="0.2">
      <c r="A26" s="31">
        <v>17</v>
      </c>
      <c r="B26" s="27">
        <v>16</v>
      </c>
      <c r="C26" s="28">
        <v>17</v>
      </c>
      <c r="D26" s="29">
        <v>33</v>
      </c>
    </row>
    <row r="27" spans="1:4" ht="18" customHeight="1" x14ac:dyDescent="0.2">
      <c r="A27" s="31">
        <v>18</v>
      </c>
      <c r="B27" s="27">
        <v>12</v>
      </c>
      <c r="C27" s="28">
        <v>11</v>
      </c>
      <c r="D27" s="29">
        <v>23</v>
      </c>
    </row>
    <row r="28" spans="1:4" ht="18" customHeight="1" x14ac:dyDescent="0.2">
      <c r="A28" s="31">
        <v>19</v>
      </c>
      <c r="B28" s="27">
        <v>20</v>
      </c>
      <c r="C28" s="28">
        <v>14</v>
      </c>
      <c r="D28" s="29">
        <v>34</v>
      </c>
    </row>
    <row r="29" spans="1:4" ht="18" customHeight="1" x14ac:dyDescent="0.2">
      <c r="A29" s="31" t="s">
        <v>70</v>
      </c>
      <c r="B29" s="27">
        <v>88</v>
      </c>
      <c r="C29" s="28">
        <v>78</v>
      </c>
      <c r="D29" s="29">
        <v>166</v>
      </c>
    </row>
    <row r="30" spans="1:4" ht="18" customHeight="1" x14ac:dyDescent="0.2">
      <c r="A30" s="31">
        <v>20</v>
      </c>
      <c r="B30" s="27">
        <v>16</v>
      </c>
      <c r="C30" s="28">
        <v>8</v>
      </c>
      <c r="D30" s="29">
        <v>24</v>
      </c>
    </row>
    <row r="31" spans="1:4" ht="18" customHeight="1" x14ac:dyDescent="0.2">
      <c r="A31" s="31">
        <v>21</v>
      </c>
      <c r="B31" s="27">
        <v>14</v>
      </c>
      <c r="C31" s="28">
        <v>10</v>
      </c>
      <c r="D31" s="29">
        <v>24</v>
      </c>
    </row>
    <row r="32" spans="1:4" ht="18" customHeight="1" x14ac:dyDescent="0.2">
      <c r="A32" s="31">
        <v>22</v>
      </c>
      <c r="B32" s="27">
        <v>18</v>
      </c>
      <c r="C32" s="28">
        <v>16</v>
      </c>
      <c r="D32" s="29">
        <v>34</v>
      </c>
    </row>
    <row r="33" spans="1:4" ht="18" customHeight="1" x14ac:dyDescent="0.2">
      <c r="A33" s="31">
        <v>23</v>
      </c>
      <c r="B33" s="27">
        <v>15</v>
      </c>
      <c r="C33" s="28">
        <v>17</v>
      </c>
      <c r="D33" s="29">
        <v>32</v>
      </c>
    </row>
    <row r="34" spans="1:4" ht="18" customHeight="1" x14ac:dyDescent="0.2">
      <c r="A34" s="31">
        <v>24</v>
      </c>
      <c r="B34" s="27">
        <v>12</v>
      </c>
      <c r="C34" s="28">
        <v>14</v>
      </c>
      <c r="D34" s="29">
        <v>26</v>
      </c>
    </row>
    <row r="35" spans="1:4" ht="18" customHeight="1" x14ac:dyDescent="0.2">
      <c r="A35" s="31" t="s">
        <v>71</v>
      </c>
      <c r="B35" s="27">
        <v>75</v>
      </c>
      <c r="C35" s="28">
        <v>65</v>
      </c>
      <c r="D35" s="29">
        <v>140</v>
      </c>
    </row>
    <row r="36" spans="1:4" ht="18" customHeight="1" x14ac:dyDescent="0.2">
      <c r="A36" s="31">
        <v>25</v>
      </c>
      <c r="B36" s="27">
        <v>20</v>
      </c>
      <c r="C36" s="28">
        <v>12</v>
      </c>
      <c r="D36" s="29">
        <v>32</v>
      </c>
    </row>
    <row r="37" spans="1:4" ht="18" customHeight="1" x14ac:dyDescent="0.2">
      <c r="A37" s="31">
        <v>26</v>
      </c>
      <c r="B37" s="27">
        <v>20</v>
      </c>
      <c r="C37" s="28">
        <v>14</v>
      </c>
      <c r="D37" s="29">
        <v>34</v>
      </c>
    </row>
    <row r="38" spans="1:4" ht="18" customHeight="1" x14ac:dyDescent="0.2">
      <c r="A38" s="31">
        <v>27</v>
      </c>
      <c r="B38" s="27">
        <v>9</v>
      </c>
      <c r="C38" s="28">
        <v>16</v>
      </c>
      <c r="D38" s="29">
        <v>25</v>
      </c>
    </row>
    <row r="39" spans="1:4" ht="18" customHeight="1" x14ac:dyDescent="0.2">
      <c r="A39" s="31">
        <v>28</v>
      </c>
      <c r="B39" s="27">
        <v>11</v>
      </c>
      <c r="C39" s="28">
        <v>11</v>
      </c>
      <c r="D39" s="29">
        <v>22</v>
      </c>
    </row>
    <row r="40" spans="1:4" ht="18" customHeight="1" x14ac:dyDescent="0.2">
      <c r="A40" s="31">
        <v>29</v>
      </c>
      <c r="B40" s="27">
        <v>14</v>
      </c>
      <c r="C40" s="28">
        <v>14</v>
      </c>
      <c r="D40" s="29">
        <v>28</v>
      </c>
    </row>
    <row r="41" spans="1:4" ht="18" customHeight="1" x14ac:dyDescent="0.2">
      <c r="A41" s="31" t="s">
        <v>72</v>
      </c>
      <c r="B41" s="27">
        <v>74</v>
      </c>
      <c r="C41" s="28">
        <v>67</v>
      </c>
      <c r="D41" s="29">
        <v>141</v>
      </c>
    </row>
    <row r="42" spans="1:4" ht="18" customHeight="1" x14ac:dyDescent="0.2">
      <c r="A42" s="31">
        <v>30</v>
      </c>
      <c r="B42" s="27">
        <v>19</v>
      </c>
      <c r="C42" s="28">
        <v>15</v>
      </c>
      <c r="D42" s="29">
        <v>34</v>
      </c>
    </row>
    <row r="43" spans="1:4" ht="18" customHeight="1" x14ac:dyDescent="0.2">
      <c r="A43" s="31">
        <v>31</v>
      </c>
      <c r="B43" s="27">
        <v>13</v>
      </c>
      <c r="C43" s="28">
        <v>18</v>
      </c>
      <c r="D43" s="29">
        <v>31</v>
      </c>
    </row>
    <row r="44" spans="1:4" ht="18" customHeight="1" x14ac:dyDescent="0.2">
      <c r="A44" s="31">
        <v>32</v>
      </c>
      <c r="B44" s="27">
        <v>18</v>
      </c>
      <c r="C44" s="28">
        <v>14</v>
      </c>
      <c r="D44" s="29">
        <v>32</v>
      </c>
    </row>
    <row r="45" spans="1:4" ht="18" customHeight="1" x14ac:dyDescent="0.2">
      <c r="A45" s="31">
        <v>33</v>
      </c>
      <c r="B45" s="27">
        <v>19</v>
      </c>
      <c r="C45" s="28">
        <v>18</v>
      </c>
      <c r="D45" s="29">
        <v>37</v>
      </c>
    </row>
    <row r="46" spans="1:4" ht="18" customHeight="1" x14ac:dyDescent="0.2">
      <c r="A46" s="31">
        <v>34</v>
      </c>
      <c r="B46" s="27">
        <v>14</v>
      </c>
      <c r="C46" s="28">
        <v>19</v>
      </c>
      <c r="D46" s="29">
        <v>33</v>
      </c>
    </row>
    <row r="47" spans="1:4" ht="18" customHeight="1" x14ac:dyDescent="0.2">
      <c r="A47" s="31" t="s">
        <v>73</v>
      </c>
      <c r="B47" s="27">
        <v>83</v>
      </c>
      <c r="C47" s="28">
        <v>84</v>
      </c>
      <c r="D47" s="29">
        <v>167</v>
      </c>
    </row>
    <row r="48" spans="1:4" ht="18" customHeight="1" x14ac:dyDescent="0.2">
      <c r="A48" s="31">
        <v>35</v>
      </c>
      <c r="B48" s="27">
        <v>15</v>
      </c>
      <c r="C48" s="28">
        <v>20</v>
      </c>
      <c r="D48" s="29">
        <v>35</v>
      </c>
    </row>
    <row r="49" spans="1:4" ht="18" customHeight="1" x14ac:dyDescent="0.2">
      <c r="A49" s="31">
        <v>36</v>
      </c>
      <c r="B49" s="27">
        <v>14</v>
      </c>
      <c r="C49" s="28">
        <v>27</v>
      </c>
      <c r="D49" s="29">
        <v>41</v>
      </c>
    </row>
    <row r="50" spans="1:4" ht="18" customHeight="1" x14ac:dyDescent="0.2">
      <c r="A50" s="31">
        <v>37</v>
      </c>
      <c r="B50" s="27">
        <v>30</v>
      </c>
      <c r="C50" s="28">
        <v>23</v>
      </c>
      <c r="D50" s="29">
        <v>53</v>
      </c>
    </row>
    <row r="51" spans="1:4" ht="18" customHeight="1" x14ac:dyDescent="0.2">
      <c r="A51" s="31">
        <v>38</v>
      </c>
      <c r="B51" s="27">
        <v>23</v>
      </c>
      <c r="C51" s="28">
        <v>24</v>
      </c>
      <c r="D51" s="29">
        <v>47</v>
      </c>
    </row>
    <row r="52" spans="1:4" ht="18" customHeight="1" x14ac:dyDescent="0.2">
      <c r="A52" s="31">
        <v>39</v>
      </c>
      <c r="B52" s="27">
        <v>25</v>
      </c>
      <c r="C52" s="28">
        <v>19</v>
      </c>
      <c r="D52" s="29">
        <v>44</v>
      </c>
    </row>
    <row r="53" spans="1:4" ht="18" customHeight="1" x14ac:dyDescent="0.2">
      <c r="A53" s="31" t="s">
        <v>74</v>
      </c>
      <c r="B53" s="27">
        <v>107</v>
      </c>
      <c r="C53" s="28">
        <v>113</v>
      </c>
      <c r="D53" s="29">
        <v>220</v>
      </c>
    </row>
    <row r="54" spans="1:4" ht="18" customHeight="1" x14ac:dyDescent="0.2">
      <c r="A54" s="31">
        <v>40</v>
      </c>
      <c r="B54" s="27">
        <v>19</v>
      </c>
      <c r="C54" s="28">
        <v>19</v>
      </c>
      <c r="D54" s="29">
        <v>38</v>
      </c>
    </row>
    <row r="55" spans="1:4" ht="18" customHeight="1" x14ac:dyDescent="0.2">
      <c r="A55" s="31">
        <v>41</v>
      </c>
      <c r="B55" s="27">
        <v>14</v>
      </c>
      <c r="C55" s="28">
        <v>18</v>
      </c>
      <c r="D55" s="29">
        <v>32</v>
      </c>
    </row>
    <row r="56" spans="1:4" ht="18" customHeight="1" x14ac:dyDescent="0.2">
      <c r="A56" s="31">
        <v>42</v>
      </c>
      <c r="B56" s="27">
        <v>15</v>
      </c>
      <c r="C56" s="28">
        <v>21</v>
      </c>
      <c r="D56" s="29">
        <v>36</v>
      </c>
    </row>
    <row r="57" spans="1:4" ht="18" customHeight="1" x14ac:dyDescent="0.2">
      <c r="A57" s="31">
        <v>43</v>
      </c>
      <c r="B57" s="27">
        <v>15</v>
      </c>
      <c r="C57" s="28">
        <v>13</v>
      </c>
      <c r="D57" s="29">
        <v>28</v>
      </c>
    </row>
    <row r="58" spans="1:4" ht="18" customHeight="1" x14ac:dyDescent="0.2">
      <c r="A58" s="31">
        <v>44</v>
      </c>
      <c r="B58" s="27">
        <v>16</v>
      </c>
      <c r="C58" s="28">
        <v>18</v>
      </c>
      <c r="D58" s="29">
        <v>34</v>
      </c>
    </row>
    <row r="59" spans="1:4" ht="18" customHeight="1" x14ac:dyDescent="0.2">
      <c r="A59" s="31" t="s">
        <v>75</v>
      </c>
      <c r="B59" s="27">
        <v>79</v>
      </c>
      <c r="C59" s="28">
        <v>89</v>
      </c>
      <c r="D59" s="29">
        <v>168</v>
      </c>
    </row>
    <row r="60" spans="1:4" ht="18" customHeight="1" x14ac:dyDescent="0.2">
      <c r="A60" s="31">
        <v>45</v>
      </c>
      <c r="B60" s="27">
        <v>18</v>
      </c>
      <c r="C60" s="28">
        <v>21</v>
      </c>
      <c r="D60" s="29">
        <v>39</v>
      </c>
    </row>
    <row r="61" spans="1:4" ht="18" customHeight="1" x14ac:dyDescent="0.2">
      <c r="A61" s="31">
        <v>46</v>
      </c>
      <c r="B61" s="27">
        <v>17</v>
      </c>
      <c r="C61" s="28">
        <v>14</v>
      </c>
      <c r="D61" s="29">
        <v>31</v>
      </c>
    </row>
    <row r="62" spans="1:4" ht="18" customHeight="1" x14ac:dyDescent="0.2">
      <c r="A62" s="31">
        <v>47</v>
      </c>
      <c r="B62" s="27">
        <v>13</v>
      </c>
      <c r="C62" s="28">
        <v>13</v>
      </c>
      <c r="D62" s="29">
        <v>26</v>
      </c>
    </row>
    <row r="63" spans="1:4" ht="18" customHeight="1" x14ac:dyDescent="0.2">
      <c r="A63" s="31">
        <v>48</v>
      </c>
      <c r="B63" s="27">
        <v>19</v>
      </c>
      <c r="C63" s="28">
        <v>15</v>
      </c>
      <c r="D63" s="29">
        <v>34</v>
      </c>
    </row>
    <row r="64" spans="1:4" ht="18" customHeight="1" x14ac:dyDescent="0.2">
      <c r="A64" s="31">
        <v>49</v>
      </c>
      <c r="B64" s="27">
        <v>24</v>
      </c>
      <c r="C64" s="28">
        <v>11</v>
      </c>
      <c r="D64" s="29">
        <v>35</v>
      </c>
    </row>
    <row r="65" spans="1:4" ht="18" customHeight="1" x14ac:dyDescent="0.2">
      <c r="A65" s="31" t="s">
        <v>76</v>
      </c>
      <c r="B65" s="27">
        <v>91</v>
      </c>
      <c r="C65" s="28">
        <v>74</v>
      </c>
      <c r="D65" s="29">
        <v>165</v>
      </c>
    </row>
    <row r="66" spans="1:4" ht="18" customHeight="1" x14ac:dyDescent="0.2">
      <c r="A66" s="31">
        <v>50</v>
      </c>
      <c r="B66" s="27">
        <v>18</v>
      </c>
      <c r="C66" s="28">
        <v>31</v>
      </c>
      <c r="D66" s="29">
        <v>49</v>
      </c>
    </row>
    <row r="67" spans="1:4" ht="18" customHeight="1" x14ac:dyDescent="0.2">
      <c r="A67" s="31">
        <v>51</v>
      </c>
      <c r="B67" s="27">
        <v>24</v>
      </c>
      <c r="C67" s="28">
        <v>19</v>
      </c>
      <c r="D67" s="29">
        <v>43</v>
      </c>
    </row>
    <row r="68" spans="1:4" ht="18" customHeight="1" x14ac:dyDescent="0.2">
      <c r="A68" s="31">
        <v>52</v>
      </c>
      <c r="B68" s="27">
        <v>21</v>
      </c>
      <c r="C68" s="28">
        <v>20</v>
      </c>
      <c r="D68" s="29">
        <v>41</v>
      </c>
    </row>
    <row r="69" spans="1:4" ht="18" customHeight="1" x14ac:dyDescent="0.2">
      <c r="A69" s="31">
        <v>53</v>
      </c>
      <c r="B69" s="27">
        <v>16</v>
      </c>
      <c r="C69" s="28">
        <v>17</v>
      </c>
      <c r="D69" s="29">
        <v>33</v>
      </c>
    </row>
    <row r="70" spans="1:4" ht="18" customHeight="1" x14ac:dyDescent="0.2">
      <c r="A70" s="31">
        <v>54</v>
      </c>
      <c r="B70" s="27">
        <v>15</v>
      </c>
      <c r="C70" s="28">
        <v>17</v>
      </c>
      <c r="D70" s="29">
        <v>32</v>
      </c>
    </row>
    <row r="71" spans="1:4" ht="18" customHeight="1" x14ac:dyDescent="0.2">
      <c r="A71" s="31" t="s">
        <v>77</v>
      </c>
      <c r="B71" s="27">
        <v>94</v>
      </c>
      <c r="C71" s="28">
        <v>104</v>
      </c>
      <c r="D71" s="29">
        <v>198</v>
      </c>
    </row>
    <row r="72" spans="1:4" ht="18" customHeight="1" x14ac:dyDescent="0.2">
      <c r="A72" s="31">
        <v>55</v>
      </c>
      <c r="B72" s="27">
        <v>12</v>
      </c>
      <c r="C72" s="28">
        <v>22</v>
      </c>
      <c r="D72" s="29">
        <v>34</v>
      </c>
    </row>
    <row r="73" spans="1:4" ht="18" customHeight="1" x14ac:dyDescent="0.2">
      <c r="A73" s="31">
        <v>56</v>
      </c>
      <c r="B73" s="27">
        <v>21</v>
      </c>
      <c r="C73" s="28">
        <v>28</v>
      </c>
      <c r="D73" s="29">
        <v>49</v>
      </c>
    </row>
    <row r="74" spans="1:4" ht="18" customHeight="1" x14ac:dyDescent="0.2">
      <c r="A74" s="31">
        <v>57</v>
      </c>
      <c r="B74" s="27">
        <v>27</v>
      </c>
      <c r="C74" s="28">
        <v>23</v>
      </c>
      <c r="D74" s="29">
        <v>50</v>
      </c>
    </row>
    <row r="75" spans="1:4" ht="18" customHeight="1" x14ac:dyDescent="0.2">
      <c r="A75" s="31">
        <v>58</v>
      </c>
      <c r="B75" s="27">
        <v>33</v>
      </c>
      <c r="C75" s="28">
        <v>35</v>
      </c>
      <c r="D75" s="29">
        <v>68</v>
      </c>
    </row>
    <row r="76" spans="1:4" ht="18" customHeight="1" x14ac:dyDescent="0.2">
      <c r="A76" s="31">
        <v>59</v>
      </c>
      <c r="B76" s="27">
        <v>31</v>
      </c>
      <c r="C76" s="28">
        <v>34</v>
      </c>
      <c r="D76" s="29">
        <v>65</v>
      </c>
    </row>
    <row r="77" spans="1:4" ht="18" customHeight="1" x14ac:dyDescent="0.2">
      <c r="A77" s="31" t="s">
        <v>78</v>
      </c>
      <c r="B77" s="27">
        <v>124</v>
      </c>
      <c r="C77" s="28">
        <v>142</v>
      </c>
      <c r="D77" s="29">
        <v>266</v>
      </c>
    </row>
    <row r="78" spans="1:4" ht="18" customHeight="1" x14ac:dyDescent="0.2">
      <c r="A78" s="31">
        <v>60</v>
      </c>
      <c r="B78" s="27">
        <v>29</v>
      </c>
      <c r="C78" s="28">
        <v>39</v>
      </c>
      <c r="D78" s="29">
        <v>68</v>
      </c>
    </row>
    <row r="79" spans="1:4" ht="18" customHeight="1" x14ac:dyDescent="0.2">
      <c r="A79" s="31">
        <v>61</v>
      </c>
      <c r="B79" s="27">
        <v>37</v>
      </c>
      <c r="C79" s="28">
        <v>29</v>
      </c>
      <c r="D79" s="29">
        <v>66</v>
      </c>
    </row>
    <row r="80" spans="1:4" ht="18" customHeight="1" x14ac:dyDescent="0.2">
      <c r="A80" s="31">
        <v>62</v>
      </c>
      <c r="B80" s="27">
        <v>47</v>
      </c>
      <c r="C80" s="28">
        <v>34</v>
      </c>
      <c r="D80" s="29">
        <v>81</v>
      </c>
    </row>
    <row r="81" spans="1:4" ht="18" customHeight="1" x14ac:dyDescent="0.2">
      <c r="A81" s="31">
        <v>63</v>
      </c>
      <c r="B81" s="27">
        <v>13</v>
      </c>
      <c r="C81" s="28">
        <v>19</v>
      </c>
      <c r="D81" s="29">
        <v>32</v>
      </c>
    </row>
    <row r="82" spans="1:4" ht="18" customHeight="1" x14ac:dyDescent="0.2">
      <c r="A82" s="31">
        <v>64</v>
      </c>
      <c r="B82" s="27">
        <v>23</v>
      </c>
      <c r="C82" s="28">
        <v>24</v>
      </c>
      <c r="D82" s="29">
        <v>47</v>
      </c>
    </row>
    <row r="83" spans="1:4" ht="18" customHeight="1" x14ac:dyDescent="0.2">
      <c r="A83" s="31" t="s">
        <v>79</v>
      </c>
      <c r="B83" s="27">
        <v>149</v>
      </c>
      <c r="C83" s="28">
        <v>145</v>
      </c>
      <c r="D83" s="29">
        <v>294</v>
      </c>
    </row>
    <row r="84" spans="1:4" ht="18" customHeight="1" x14ac:dyDescent="0.2">
      <c r="A84" s="31" t="s">
        <v>80</v>
      </c>
      <c r="B84" s="27">
        <v>964</v>
      </c>
      <c r="C84" s="28">
        <v>961</v>
      </c>
      <c r="D84" s="29">
        <v>1925</v>
      </c>
    </row>
    <row r="85" spans="1:4" ht="18" customHeight="1" x14ac:dyDescent="0.2">
      <c r="A85" s="31">
        <v>65</v>
      </c>
      <c r="B85" s="27">
        <v>31</v>
      </c>
      <c r="C85" s="28">
        <v>43</v>
      </c>
      <c r="D85" s="29">
        <v>74</v>
      </c>
    </row>
    <row r="86" spans="1:4" ht="18" customHeight="1" x14ac:dyDescent="0.2">
      <c r="A86" s="31">
        <v>66</v>
      </c>
      <c r="B86" s="27">
        <v>22</v>
      </c>
      <c r="C86" s="28">
        <v>27</v>
      </c>
      <c r="D86" s="29">
        <v>49</v>
      </c>
    </row>
    <row r="87" spans="1:4" ht="18" customHeight="1" x14ac:dyDescent="0.2">
      <c r="A87" s="31">
        <v>67</v>
      </c>
      <c r="B87" s="27">
        <v>20</v>
      </c>
      <c r="C87" s="28">
        <v>25</v>
      </c>
      <c r="D87" s="29">
        <v>45</v>
      </c>
    </row>
    <row r="88" spans="1:4" ht="18" customHeight="1" x14ac:dyDescent="0.2">
      <c r="A88" s="31">
        <v>68</v>
      </c>
      <c r="B88" s="27">
        <v>21</v>
      </c>
      <c r="C88" s="28">
        <v>24</v>
      </c>
      <c r="D88" s="29">
        <v>45</v>
      </c>
    </row>
    <row r="89" spans="1:4" ht="18" customHeight="1" x14ac:dyDescent="0.2">
      <c r="A89" s="31">
        <v>69</v>
      </c>
      <c r="B89" s="27">
        <v>17</v>
      </c>
      <c r="C89" s="28">
        <v>23</v>
      </c>
      <c r="D89" s="29">
        <v>40</v>
      </c>
    </row>
    <row r="90" spans="1:4" ht="18" customHeight="1" x14ac:dyDescent="0.2">
      <c r="A90" s="31" t="s">
        <v>81</v>
      </c>
      <c r="B90" s="27">
        <v>111</v>
      </c>
      <c r="C90" s="28">
        <v>142</v>
      </c>
      <c r="D90" s="29">
        <v>253</v>
      </c>
    </row>
    <row r="91" spans="1:4" ht="18" customHeight="1" x14ac:dyDescent="0.2">
      <c r="A91" s="31">
        <v>70</v>
      </c>
      <c r="B91" s="27">
        <v>27</v>
      </c>
      <c r="C91" s="28">
        <v>19</v>
      </c>
      <c r="D91" s="29">
        <v>46</v>
      </c>
    </row>
    <row r="92" spans="1:4" ht="18" customHeight="1" x14ac:dyDescent="0.2">
      <c r="A92" s="31">
        <v>71</v>
      </c>
      <c r="B92" s="27">
        <v>14</v>
      </c>
      <c r="C92" s="28">
        <v>26</v>
      </c>
      <c r="D92" s="29">
        <v>40</v>
      </c>
    </row>
    <row r="93" spans="1:4" ht="18" customHeight="1" x14ac:dyDescent="0.2">
      <c r="A93" s="31">
        <v>72</v>
      </c>
      <c r="B93" s="27">
        <v>26</v>
      </c>
      <c r="C93" s="28">
        <v>33</v>
      </c>
      <c r="D93" s="29">
        <v>59</v>
      </c>
    </row>
    <row r="94" spans="1:4" ht="18" customHeight="1" x14ac:dyDescent="0.2">
      <c r="A94" s="31">
        <v>73</v>
      </c>
      <c r="B94" s="27">
        <v>24</v>
      </c>
      <c r="C94" s="28">
        <v>23</v>
      </c>
      <c r="D94" s="29">
        <v>47</v>
      </c>
    </row>
    <row r="95" spans="1:4" ht="18" customHeight="1" x14ac:dyDescent="0.2">
      <c r="A95" s="31">
        <v>74</v>
      </c>
      <c r="B95" s="27">
        <v>18</v>
      </c>
      <c r="C95" s="28">
        <v>26</v>
      </c>
      <c r="D95" s="29">
        <v>44</v>
      </c>
    </row>
    <row r="96" spans="1:4" ht="18" customHeight="1" x14ac:dyDescent="0.2">
      <c r="A96" s="31" t="s">
        <v>82</v>
      </c>
      <c r="B96" s="27">
        <v>109</v>
      </c>
      <c r="C96" s="28">
        <v>127</v>
      </c>
      <c r="D96" s="29">
        <v>236</v>
      </c>
    </row>
    <row r="97" spans="1:4" ht="18" customHeight="1" x14ac:dyDescent="0.2">
      <c r="A97" s="31">
        <v>75</v>
      </c>
      <c r="B97" s="27">
        <v>24</v>
      </c>
      <c r="C97" s="28">
        <v>31</v>
      </c>
      <c r="D97" s="29">
        <v>55</v>
      </c>
    </row>
    <row r="98" spans="1:4" ht="18" customHeight="1" x14ac:dyDescent="0.2">
      <c r="A98" s="31">
        <v>76</v>
      </c>
      <c r="B98" s="27">
        <v>24</v>
      </c>
      <c r="C98" s="28">
        <v>28</v>
      </c>
      <c r="D98" s="29">
        <v>52</v>
      </c>
    </row>
    <row r="99" spans="1:4" ht="18" customHeight="1" x14ac:dyDescent="0.2">
      <c r="A99" s="31">
        <v>77</v>
      </c>
      <c r="B99" s="27">
        <v>14</v>
      </c>
      <c r="C99" s="28">
        <v>27</v>
      </c>
      <c r="D99" s="29">
        <v>41</v>
      </c>
    </row>
    <row r="100" spans="1:4" ht="18" customHeight="1" x14ac:dyDescent="0.2">
      <c r="A100" s="31">
        <v>78</v>
      </c>
      <c r="B100" s="27">
        <v>22</v>
      </c>
      <c r="C100" s="28">
        <v>25</v>
      </c>
      <c r="D100" s="29">
        <v>47</v>
      </c>
    </row>
    <row r="101" spans="1:4" ht="18" customHeight="1" x14ac:dyDescent="0.2">
      <c r="A101" s="31">
        <v>79</v>
      </c>
      <c r="B101" s="27">
        <v>18</v>
      </c>
      <c r="C101" s="28">
        <v>17</v>
      </c>
      <c r="D101" s="29">
        <v>35</v>
      </c>
    </row>
    <row r="102" spans="1:4" ht="18" customHeight="1" x14ac:dyDescent="0.2">
      <c r="A102" s="31" t="s">
        <v>83</v>
      </c>
      <c r="B102" s="27">
        <v>102</v>
      </c>
      <c r="C102" s="28">
        <v>128</v>
      </c>
      <c r="D102" s="29">
        <v>230</v>
      </c>
    </row>
    <row r="103" spans="1:4" ht="18" customHeight="1" x14ac:dyDescent="0.2">
      <c r="A103" s="31">
        <v>80</v>
      </c>
      <c r="B103" s="27">
        <v>9</v>
      </c>
      <c r="C103" s="28">
        <v>13</v>
      </c>
      <c r="D103" s="29">
        <v>22</v>
      </c>
    </row>
    <row r="104" spans="1:4" ht="18" customHeight="1" x14ac:dyDescent="0.2">
      <c r="A104" s="31">
        <v>81</v>
      </c>
      <c r="B104" s="27">
        <v>8</v>
      </c>
      <c r="C104" s="28">
        <v>23</v>
      </c>
      <c r="D104" s="29">
        <v>31</v>
      </c>
    </row>
    <row r="105" spans="1:4" ht="18" customHeight="1" x14ac:dyDescent="0.2">
      <c r="A105" s="31">
        <v>82</v>
      </c>
      <c r="B105" s="27">
        <v>9</v>
      </c>
      <c r="C105" s="28">
        <v>19</v>
      </c>
      <c r="D105" s="29">
        <v>28</v>
      </c>
    </row>
    <row r="106" spans="1:4" ht="18" customHeight="1" x14ac:dyDescent="0.2">
      <c r="A106" s="31">
        <v>83</v>
      </c>
      <c r="B106" s="27">
        <v>7</v>
      </c>
      <c r="C106" s="28">
        <v>21</v>
      </c>
      <c r="D106" s="29">
        <v>28</v>
      </c>
    </row>
    <row r="107" spans="1:4" ht="18" customHeight="1" x14ac:dyDescent="0.2">
      <c r="A107" s="31">
        <v>84</v>
      </c>
      <c r="B107" s="27">
        <v>8</v>
      </c>
      <c r="C107" s="28">
        <v>17</v>
      </c>
      <c r="D107" s="29">
        <v>25</v>
      </c>
    </row>
    <row r="108" spans="1:4" ht="18" customHeight="1" x14ac:dyDescent="0.2">
      <c r="A108" s="31" t="s">
        <v>84</v>
      </c>
      <c r="B108" s="27">
        <v>41</v>
      </c>
      <c r="C108" s="28">
        <v>93</v>
      </c>
      <c r="D108" s="29">
        <v>134</v>
      </c>
    </row>
    <row r="109" spans="1:4" ht="18" customHeight="1" x14ac:dyDescent="0.2">
      <c r="A109" s="31">
        <v>85</v>
      </c>
      <c r="B109" s="27">
        <v>7</v>
      </c>
      <c r="C109" s="28">
        <v>17</v>
      </c>
      <c r="D109" s="29">
        <v>24</v>
      </c>
    </row>
    <row r="110" spans="1:4" ht="18" customHeight="1" x14ac:dyDescent="0.2">
      <c r="A110" s="31">
        <v>86</v>
      </c>
      <c r="B110" s="27">
        <v>4</v>
      </c>
      <c r="C110" s="28">
        <v>19</v>
      </c>
      <c r="D110" s="29">
        <v>23</v>
      </c>
    </row>
    <row r="111" spans="1:4" ht="18" customHeight="1" x14ac:dyDescent="0.2">
      <c r="A111" s="31">
        <v>87</v>
      </c>
      <c r="B111" s="27">
        <v>6</v>
      </c>
      <c r="C111" s="28">
        <v>14</v>
      </c>
      <c r="D111" s="29">
        <v>20</v>
      </c>
    </row>
    <row r="112" spans="1:4" ht="18" customHeight="1" x14ac:dyDescent="0.2">
      <c r="A112" s="31">
        <v>88</v>
      </c>
      <c r="B112" s="27">
        <v>2</v>
      </c>
      <c r="C112" s="28">
        <v>7</v>
      </c>
      <c r="D112" s="29">
        <v>9</v>
      </c>
    </row>
    <row r="113" spans="1:4" ht="18" customHeight="1" x14ac:dyDescent="0.2">
      <c r="A113" s="31">
        <v>89</v>
      </c>
      <c r="B113" s="27">
        <v>2</v>
      </c>
      <c r="C113" s="28">
        <v>7</v>
      </c>
      <c r="D113" s="29">
        <v>9</v>
      </c>
    </row>
    <row r="114" spans="1:4" ht="18" customHeight="1" x14ac:dyDescent="0.2">
      <c r="A114" s="31" t="s">
        <v>85</v>
      </c>
      <c r="B114" s="27">
        <v>21</v>
      </c>
      <c r="C114" s="28">
        <v>64</v>
      </c>
      <c r="D114" s="29">
        <v>85</v>
      </c>
    </row>
    <row r="115" spans="1:4" ht="18" customHeight="1" x14ac:dyDescent="0.2">
      <c r="A115" s="31">
        <v>90</v>
      </c>
      <c r="B115" s="27">
        <v>1</v>
      </c>
      <c r="C115" s="28">
        <v>8</v>
      </c>
      <c r="D115" s="29">
        <v>9</v>
      </c>
    </row>
    <row r="116" spans="1:4" ht="18" customHeight="1" x14ac:dyDescent="0.2">
      <c r="A116" s="31">
        <v>91</v>
      </c>
      <c r="B116" s="27">
        <v>3</v>
      </c>
      <c r="C116" s="28">
        <v>1</v>
      </c>
      <c r="D116" s="29">
        <v>4</v>
      </c>
    </row>
    <row r="117" spans="1:4" ht="18" customHeight="1" x14ac:dyDescent="0.2">
      <c r="A117" s="31">
        <v>92</v>
      </c>
      <c r="B117" s="27">
        <v>2</v>
      </c>
      <c r="C117" s="28">
        <v>12</v>
      </c>
      <c r="D117" s="29">
        <v>14</v>
      </c>
    </row>
    <row r="118" spans="1:4" ht="18" customHeight="1" x14ac:dyDescent="0.2">
      <c r="A118" s="31">
        <v>93</v>
      </c>
      <c r="B118" s="27">
        <v>0</v>
      </c>
      <c r="C118" s="28">
        <v>5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8</v>
      </c>
      <c r="D119" s="29">
        <v>8</v>
      </c>
    </row>
    <row r="120" spans="1:4" ht="18" customHeight="1" x14ac:dyDescent="0.2">
      <c r="A120" s="31" t="s">
        <v>86</v>
      </c>
      <c r="B120" s="27">
        <v>6</v>
      </c>
      <c r="C120" s="28">
        <v>34</v>
      </c>
      <c r="D120" s="29">
        <v>40</v>
      </c>
    </row>
    <row r="121" spans="1:4" ht="18" customHeight="1" x14ac:dyDescent="0.2">
      <c r="A121" s="31">
        <v>95</v>
      </c>
      <c r="B121" s="27">
        <v>1</v>
      </c>
      <c r="C121" s="28">
        <v>8</v>
      </c>
      <c r="D121" s="29">
        <v>9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2</v>
      </c>
      <c r="C126" s="28">
        <v>14</v>
      </c>
      <c r="D126" s="29">
        <v>1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392</v>
      </c>
      <c r="C130" s="5">
        <v>602</v>
      </c>
      <c r="D130" s="6">
        <v>994</v>
      </c>
    </row>
    <row r="131" spans="1:4" ht="18" customHeight="1" x14ac:dyDescent="0.2">
      <c r="A131" s="33" t="s">
        <v>65</v>
      </c>
      <c r="B131" s="7">
        <v>1558</v>
      </c>
      <c r="C131" s="8">
        <v>1768</v>
      </c>
      <c r="D131" s="9">
        <v>332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58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1</v>
      </c>
      <c r="C7" s="28">
        <v>4</v>
      </c>
      <c r="D7" s="29">
        <v>5</v>
      </c>
    </row>
    <row r="8" spans="1:4" ht="18" customHeight="1" x14ac:dyDescent="0.2">
      <c r="A8" s="31">
        <v>3</v>
      </c>
      <c r="B8" s="35">
        <v>2</v>
      </c>
      <c r="C8" s="28">
        <v>4</v>
      </c>
      <c r="D8" s="29">
        <v>6</v>
      </c>
    </row>
    <row r="9" spans="1:4" ht="18" customHeight="1" x14ac:dyDescent="0.2">
      <c r="A9" s="31">
        <v>4</v>
      </c>
      <c r="B9" s="36">
        <v>5</v>
      </c>
      <c r="C9" s="38">
        <v>2</v>
      </c>
      <c r="D9" s="40">
        <v>7</v>
      </c>
    </row>
    <row r="10" spans="1:4" ht="18" customHeight="1" x14ac:dyDescent="0.2">
      <c r="A10" s="31" t="s">
        <v>66</v>
      </c>
      <c r="B10" s="27">
        <v>10</v>
      </c>
      <c r="C10" s="28">
        <v>12</v>
      </c>
      <c r="D10" s="29">
        <v>22</v>
      </c>
    </row>
    <row r="11" spans="1:4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4" ht="18" customHeight="1" x14ac:dyDescent="0.2">
      <c r="A12" s="31">
        <v>6</v>
      </c>
      <c r="B12" s="35">
        <v>2</v>
      </c>
      <c r="C12" s="28">
        <v>4</v>
      </c>
      <c r="D12" s="29">
        <v>6</v>
      </c>
    </row>
    <row r="13" spans="1:4" ht="18" customHeight="1" x14ac:dyDescent="0.2">
      <c r="A13" s="31">
        <v>7</v>
      </c>
      <c r="B13" s="35">
        <v>5</v>
      </c>
      <c r="C13" s="28">
        <v>2</v>
      </c>
      <c r="D13" s="29">
        <v>7</v>
      </c>
    </row>
    <row r="14" spans="1:4" ht="18" customHeight="1" x14ac:dyDescent="0.2">
      <c r="A14" s="31">
        <v>8</v>
      </c>
      <c r="B14" s="35">
        <v>2</v>
      </c>
      <c r="C14" s="28">
        <v>1</v>
      </c>
      <c r="D14" s="29">
        <v>3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67</v>
      </c>
      <c r="B16" s="27">
        <v>10</v>
      </c>
      <c r="C16" s="28">
        <v>10</v>
      </c>
      <c r="D16" s="29">
        <v>20</v>
      </c>
    </row>
    <row r="17" spans="1:4" ht="18" customHeight="1" x14ac:dyDescent="0.2">
      <c r="A17" s="31">
        <v>10</v>
      </c>
      <c r="B17" s="27">
        <v>1</v>
      </c>
      <c r="C17" s="28">
        <v>2</v>
      </c>
      <c r="D17" s="29">
        <v>3</v>
      </c>
    </row>
    <row r="18" spans="1:4" ht="18" customHeight="1" x14ac:dyDescent="0.2">
      <c r="A18" s="31">
        <v>11</v>
      </c>
      <c r="B18" s="27">
        <v>2</v>
      </c>
      <c r="C18" s="28">
        <v>3</v>
      </c>
      <c r="D18" s="29">
        <v>5</v>
      </c>
    </row>
    <row r="19" spans="1:4" ht="18" customHeight="1" x14ac:dyDescent="0.2">
      <c r="A19" s="31">
        <v>12</v>
      </c>
      <c r="B19" s="27">
        <v>4</v>
      </c>
      <c r="C19" s="28">
        <v>1</v>
      </c>
      <c r="D19" s="29">
        <v>5</v>
      </c>
    </row>
    <row r="20" spans="1:4" ht="18" customHeight="1" x14ac:dyDescent="0.2">
      <c r="A20" s="31">
        <v>13</v>
      </c>
      <c r="B20" s="27">
        <v>6</v>
      </c>
      <c r="C20" s="28">
        <v>2</v>
      </c>
      <c r="D20" s="29">
        <v>8</v>
      </c>
    </row>
    <row r="21" spans="1:4" ht="18" customHeight="1" x14ac:dyDescent="0.2">
      <c r="A21" s="31">
        <v>14</v>
      </c>
      <c r="B21" s="27">
        <v>5</v>
      </c>
      <c r="C21" s="28">
        <v>3</v>
      </c>
      <c r="D21" s="29">
        <v>8</v>
      </c>
    </row>
    <row r="22" spans="1:4" ht="18" customHeight="1" x14ac:dyDescent="0.2">
      <c r="A22" s="31" t="s">
        <v>68</v>
      </c>
      <c r="B22" s="27">
        <v>18</v>
      </c>
      <c r="C22" s="28">
        <v>11</v>
      </c>
      <c r="D22" s="29">
        <v>29</v>
      </c>
    </row>
    <row r="23" spans="1:4" ht="18" customHeight="1" x14ac:dyDescent="0.2">
      <c r="A23" s="31" t="s">
        <v>69</v>
      </c>
      <c r="B23" s="27">
        <v>38</v>
      </c>
      <c r="C23" s="28">
        <v>33</v>
      </c>
      <c r="D23" s="29">
        <v>71</v>
      </c>
    </row>
    <row r="24" spans="1:4" ht="18" customHeight="1" x14ac:dyDescent="0.2">
      <c r="A24" s="31">
        <v>15</v>
      </c>
      <c r="B24" s="27">
        <v>3</v>
      </c>
      <c r="C24" s="28">
        <v>3</v>
      </c>
      <c r="D24" s="29">
        <v>6</v>
      </c>
    </row>
    <row r="25" spans="1:4" ht="18" customHeight="1" x14ac:dyDescent="0.2">
      <c r="A25" s="31">
        <v>16</v>
      </c>
      <c r="B25" s="27">
        <v>8</v>
      </c>
      <c r="C25" s="28">
        <v>6</v>
      </c>
      <c r="D25" s="29">
        <v>14</v>
      </c>
    </row>
    <row r="26" spans="1:4" ht="18" customHeight="1" x14ac:dyDescent="0.2">
      <c r="A26" s="31">
        <v>17</v>
      </c>
      <c r="B26" s="27">
        <v>2</v>
      </c>
      <c r="C26" s="28">
        <v>3</v>
      </c>
      <c r="D26" s="29">
        <v>5</v>
      </c>
    </row>
    <row r="27" spans="1:4" ht="18" customHeight="1" x14ac:dyDescent="0.2">
      <c r="A27" s="31">
        <v>18</v>
      </c>
      <c r="B27" s="27">
        <v>5</v>
      </c>
      <c r="C27" s="28">
        <v>3</v>
      </c>
      <c r="D27" s="29">
        <v>8</v>
      </c>
    </row>
    <row r="28" spans="1:4" ht="18" customHeight="1" x14ac:dyDescent="0.2">
      <c r="A28" s="31">
        <v>19</v>
      </c>
      <c r="B28" s="27">
        <v>4</v>
      </c>
      <c r="C28" s="28">
        <v>5</v>
      </c>
      <c r="D28" s="29">
        <v>9</v>
      </c>
    </row>
    <row r="29" spans="1:4" ht="18" customHeight="1" x14ac:dyDescent="0.2">
      <c r="A29" s="31" t="s">
        <v>70</v>
      </c>
      <c r="B29" s="27">
        <v>22</v>
      </c>
      <c r="C29" s="28">
        <v>20</v>
      </c>
      <c r="D29" s="29">
        <v>42</v>
      </c>
    </row>
    <row r="30" spans="1:4" ht="18" customHeight="1" x14ac:dyDescent="0.2">
      <c r="A30" s="31">
        <v>20</v>
      </c>
      <c r="B30" s="27">
        <v>3</v>
      </c>
      <c r="C30" s="28">
        <v>7</v>
      </c>
      <c r="D30" s="29">
        <v>10</v>
      </c>
    </row>
    <row r="31" spans="1:4" ht="18" customHeight="1" x14ac:dyDescent="0.2">
      <c r="A31" s="31">
        <v>21</v>
      </c>
      <c r="B31" s="27">
        <v>8</v>
      </c>
      <c r="C31" s="28">
        <v>5</v>
      </c>
      <c r="D31" s="29">
        <v>13</v>
      </c>
    </row>
    <row r="32" spans="1:4" ht="18" customHeight="1" x14ac:dyDescent="0.2">
      <c r="A32" s="31">
        <v>22</v>
      </c>
      <c r="B32" s="27">
        <v>4</v>
      </c>
      <c r="C32" s="28">
        <v>2</v>
      </c>
      <c r="D32" s="29">
        <v>6</v>
      </c>
    </row>
    <row r="33" spans="1:4" ht="18" customHeight="1" x14ac:dyDescent="0.2">
      <c r="A33" s="31">
        <v>23</v>
      </c>
      <c r="B33" s="27">
        <v>7</v>
      </c>
      <c r="C33" s="28">
        <v>8</v>
      </c>
      <c r="D33" s="29">
        <v>15</v>
      </c>
    </row>
    <row r="34" spans="1:4" ht="18" customHeight="1" x14ac:dyDescent="0.2">
      <c r="A34" s="31">
        <v>24</v>
      </c>
      <c r="B34" s="27">
        <v>5</v>
      </c>
      <c r="C34" s="28">
        <v>8</v>
      </c>
      <c r="D34" s="29">
        <v>13</v>
      </c>
    </row>
    <row r="35" spans="1:4" ht="18" customHeight="1" x14ac:dyDescent="0.2">
      <c r="A35" s="31" t="s">
        <v>71</v>
      </c>
      <c r="B35" s="27">
        <v>27</v>
      </c>
      <c r="C35" s="28">
        <v>30</v>
      </c>
      <c r="D35" s="29">
        <v>57</v>
      </c>
    </row>
    <row r="36" spans="1:4" ht="18" customHeight="1" x14ac:dyDescent="0.2">
      <c r="A36" s="31">
        <v>25</v>
      </c>
      <c r="B36" s="27">
        <v>10</v>
      </c>
      <c r="C36" s="28">
        <v>5</v>
      </c>
      <c r="D36" s="29">
        <v>15</v>
      </c>
    </row>
    <row r="37" spans="1:4" ht="18" customHeight="1" x14ac:dyDescent="0.2">
      <c r="A37" s="31">
        <v>26</v>
      </c>
      <c r="B37" s="27">
        <v>7</v>
      </c>
      <c r="C37" s="28">
        <v>8</v>
      </c>
      <c r="D37" s="29">
        <v>15</v>
      </c>
    </row>
    <row r="38" spans="1:4" ht="18" customHeight="1" x14ac:dyDescent="0.2">
      <c r="A38" s="31">
        <v>27</v>
      </c>
      <c r="B38" s="27">
        <v>2</v>
      </c>
      <c r="C38" s="28">
        <v>6</v>
      </c>
      <c r="D38" s="29">
        <v>8</v>
      </c>
    </row>
    <row r="39" spans="1:4" ht="18" customHeight="1" x14ac:dyDescent="0.2">
      <c r="A39" s="31">
        <v>28</v>
      </c>
      <c r="B39" s="27">
        <v>4</v>
      </c>
      <c r="C39" s="28">
        <v>1</v>
      </c>
      <c r="D39" s="29">
        <v>5</v>
      </c>
    </row>
    <row r="40" spans="1:4" ht="18" customHeight="1" x14ac:dyDescent="0.2">
      <c r="A40" s="31">
        <v>29</v>
      </c>
      <c r="B40" s="27">
        <v>4</v>
      </c>
      <c r="C40" s="28">
        <v>3</v>
      </c>
      <c r="D40" s="29">
        <v>7</v>
      </c>
    </row>
    <row r="41" spans="1:4" ht="18" customHeight="1" x14ac:dyDescent="0.2">
      <c r="A41" s="31" t="s">
        <v>72</v>
      </c>
      <c r="B41" s="27">
        <v>27</v>
      </c>
      <c r="C41" s="28">
        <v>23</v>
      </c>
      <c r="D41" s="29">
        <v>50</v>
      </c>
    </row>
    <row r="42" spans="1:4" ht="18" customHeight="1" x14ac:dyDescent="0.2">
      <c r="A42" s="31">
        <v>30</v>
      </c>
      <c r="B42" s="27">
        <v>2</v>
      </c>
      <c r="C42" s="28">
        <v>5</v>
      </c>
      <c r="D42" s="29">
        <v>7</v>
      </c>
    </row>
    <row r="43" spans="1:4" ht="18" customHeight="1" x14ac:dyDescent="0.2">
      <c r="A43" s="31">
        <v>31</v>
      </c>
      <c r="B43" s="27">
        <v>4</v>
      </c>
      <c r="C43" s="28">
        <v>7</v>
      </c>
      <c r="D43" s="29">
        <v>11</v>
      </c>
    </row>
    <row r="44" spans="1:4" ht="18" customHeight="1" x14ac:dyDescent="0.2">
      <c r="A44" s="31">
        <v>32</v>
      </c>
      <c r="B44" s="27">
        <v>6</v>
      </c>
      <c r="C44" s="28">
        <v>4</v>
      </c>
      <c r="D44" s="29">
        <v>10</v>
      </c>
    </row>
    <row r="45" spans="1:4" ht="18" customHeight="1" x14ac:dyDescent="0.2">
      <c r="A45" s="31">
        <v>33</v>
      </c>
      <c r="B45" s="27">
        <v>5</v>
      </c>
      <c r="C45" s="28">
        <v>3</v>
      </c>
      <c r="D45" s="29">
        <v>8</v>
      </c>
    </row>
    <row r="46" spans="1:4" ht="18" customHeight="1" x14ac:dyDescent="0.2">
      <c r="A46" s="31">
        <v>34</v>
      </c>
      <c r="B46" s="27">
        <v>10</v>
      </c>
      <c r="C46" s="28">
        <v>4</v>
      </c>
      <c r="D46" s="29">
        <v>14</v>
      </c>
    </row>
    <row r="47" spans="1:4" ht="18" customHeight="1" x14ac:dyDescent="0.2">
      <c r="A47" s="31" t="s">
        <v>73</v>
      </c>
      <c r="B47" s="27">
        <v>27</v>
      </c>
      <c r="C47" s="28">
        <v>23</v>
      </c>
      <c r="D47" s="29">
        <v>50</v>
      </c>
    </row>
    <row r="48" spans="1:4" ht="18" customHeight="1" x14ac:dyDescent="0.2">
      <c r="A48" s="31">
        <v>35</v>
      </c>
      <c r="B48" s="27">
        <v>2</v>
      </c>
      <c r="C48" s="28">
        <v>3</v>
      </c>
      <c r="D48" s="29">
        <v>5</v>
      </c>
    </row>
    <row r="49" spans="1:4" ht="18" customHeight="1" x14ac:dyDescent="0.2">
      <c r="A49" s="31">
        <v>36</v>
      </c>
      <c r="B49" s="27">
        <v>9</v>
      </c>
      <c r="C49" s="28">
        <v>5</v>
      </c>
      <c r="D49" s="29">
        <v>14</v>
      </c>
    </row>
    <row r="50" spans="1:4" ht="18" customHeight="1" x14ac:dyDescent="0.2">
      <c r="A50" s="31">
        <v>37</v>
      </c>
      <c r="B50" s="27">
        <v>5</v>
      </c>
      <c r="C50" s="28">
        <v>8</v>
      </c>
      <c r="D50" s="29">
        <v>13</v>
      </c>
    </row>
    <row r="51" spans="1:4" ht="18" customHeight="1" x14ac:dyDescent="0.2">
      <c r="A51" s="31">
        <v>38</v>
      </c>
      <c r="B51" s="27">
        <v>7</v>
      </c>
      <c r="C51" s="28">
        <v>1</v>
      </c>
      <c r="D51" s="29">
        <v>8</v>
      </c>
    </row>
    <row r="52" spans="1:4" ht="18" customHeight="1" x14ac:dyDescent="0.2">
      <c r="A52" s="31">
        <v>39</v>
      </c>
      <c r="B52" s="27">
        <v>7</v>
      </c>
      <c r="C52" s="28">
        <v>2</v>
      </c>
      <c r="D52" s="29">
        <v>9</v>
      </c>
    </row>
    <row r="53" spans="1:4" ht="18" customHeight="1" x14ac:dyDescent="0.2">
      <c r="A53" s="31" t="s">
        <v>74</v>
      </c>
      <c r="B53" s="27">
        <v>30</v>
      </c>
      <c r="C53" s="28">
        <v>19</v>
      </c>
      <c r="D53" s="29">
        <v>49</v>
      </c>
    </row>
    <row r="54" spans="1:4" ht="18" customHeight="1" x14ac:dyDescent="0.2">
      <c r="A54" s="31">
        <v>40</v>
      </c>
      <c r="B54" s="27">
        <v>7</v>
      </c>
      <c r="C54" s="28">
        <v>4</v>
      </c>
      <c r="D54" s="29">
        <v>11</v>
      </c>
    </row>
    <row r="55" spans="1:4" ht="18" customHeight="1" x14ac:dyDescent="0.2">
      <c r="A55" s="31">
        <v>41</v>
      </c>
      <c r="B55" s="27">
        <v>6</v>
      </c>
      <c r="C55" s="28">
        <v>9</v>
      </c>
      <c r="D55" s="29">
        <v>15</v>
      </c>
    </row>
    <row r="56" spans="1:4" ht="18" customHeight="1" x14ac:dyDescent="0.2">
      <c r="A56" s="31">
        <v>42</v>
      </c>
      <c r="B56" s="27">
        <v>4</v>
      </c>
      <c r="C56" s="28">
        <v>4</v>
      </c>
      <c r="D56" s="29">
        <v>8</v>
      </c>
    </row>
    <row r="57" spans="1:4" ht="18" customHeight="1" x14ac:dyDescent="0.2">
      <c r="A57" s="31">
        <v>43</v>
      </c>
      <c r="B57" s="27">
        <v>1</v>
      </c>
      <c r="C57" s="28">
        <v>4</v>
      </c>
      <c r="D57" s="29">
        <v>5</v>
      </c>
    </row>
    <row r="58" spans="1:4" ht="18" customHeight="1" x14ac:dyDescent="0.2">
      <c r="A58" s="31">
        <v>44</v>
      </c>
      <c r="B58" s="27">
        <v>2</v>
      </c>
      <c r="C58" s="28">
        <v>6</v>
      </c>
      <c r="D58" s="29">
        <v>8</v>
      </c>
    </row>
    <row r="59" spans="1:4" ht="18" customHeight="1" x14ac:dyDescent="0.2">
      <c r="A59" s="31" t="s">
        <v>75</v>
      </c>
      <c r="B59" s="27">
        <v>20</v>
      </c>
      <c r="C59" s="28">
        <v>27</v>
      </c>
      <c r="D59" s="29">
        <v>47</v>
      </c>
    </row>
    <row r="60" spans="1:4" ht="18" customHeight="1" x14ac:dyDescent="0.2">
      <c r="A60" s="31">
        <v>45</v>
      </c>
      <c r="B60" s="27">
        <v>2</v>
      </c>
      <c r="C60" s="28">
        <v>6</v>
      </c>
      <c r="D60" s="29">
        <v>8</v>
      </c>
    </row>
    <row r="61" spans="1:4" ht="18" customHeight="1" x14ac:dyDescent="0.2">
      <c r="A61" s="31">
        <v>46</v>
      </c>
      <c r="B61" s="27">
        <v>10</v>
      </c>
      <c r="C61" s="28">
        <v>5</v>
      </c>
      <c r="D61" s="29">
        <v>15</v>
      </c>
    </row>
    <row r="62" spans="1:4" ht="18" customHeight="1" x14ac:dyDescent="0.2">
      <c r="A62" s="31">
        <v>47</v>
      </c>
      <c r="B62" s="27">
        <v>6</v>
      </c>
      <c r="C62" s="28">
        <v>7</v>
      </c>
      <c r="D62" s="29">
        <v>13</v>
      </c>
    </row>
    <row r="63" spans="1:4" ht="18" customHeight="1" x14ac:dyDescent="0.2">
      <c r="A63" s="31">
        <v>48</v>
      </c>
      <c r="B63" s="27">
        <v>6</v>
      </c>
      <c r="C63" s="28">
        <v>8</v>
      </c>
      <c r="D63" s="29">
        <v>14</v>
      </c>
    </row>
    <row r="64" spans="1:4" ht="18" customHeight="1" x14ac:dyDescent="0.2">
      <c r="A64" s="31">
        <v>49</v>
      </c>
      <c r="B64" s="27">
        <v>7</v>
      </c>
      <c r="C64" s="28">
        <v>9</v>
      </c>
      <c r="D64" s="29">
        <v>16</v>
      </c>
    </row>
    <row r="65" spans="1:4" ht="18" customHeight="1" x14ac:dyDescent="0.2">
      <c r="A65" s="31" t="s">
        <v>76</v>
      </c>
      <c r="B65" s="27">
        <v>31</v>
      </c>
      <c r="C65" s="28">
        <v>35</v>
      </c>
      <c r="D65" s="29">
        <v>66</v>
      </c>
    </row>
    <row r="66" spans="1:4" ht="18" customHeight="1" x14ac:dyDescent="0.2">
      <c r="A66" s="31">
        <v>50</v>
      </c>
      <c r="B66" s="27">
        <v>9</v>
      </c>
      <c r="C66" s="28">
        <v>12</v>
      </c>
      <c r="D66" s="29">
        <v>21</v>
      </c>
    </row>
    <row r="67" spans="1:4" ht="18" customHeight="1" x14ac:dyDescent="0.2">
      <c r="A67" s="31">
        <v>51</v>
      </c>
      <c r="B67" s="27">
        <v>5</v>
      </c>
      <c r="C67" s="28">
        <v>4</v>
      </c>
      <c r="D67" s="29">
        <v>9</v>
      </c>
    </row>
    <row r="68" spans="1:4" ht="18" customHeight="1" x14ac:dyDescent="0.2">
      <c r="A68" s="31">
        <v>52</v>
      </c>
      <c r="B68" s="27">
        <v>9</v>
      </c>
      <c r="C68" s="28">
        <v>10</v>
      </c>
      <c r="D68" s="29">
        <v>19</v>
      </c>
    </row>
    <row r="69" spans="1:4" ht="18" customHeight="1" x14ac:dyDescent="0.2">
      <c r="A69" s="31">
        <v>53</v>
      </c>
      <c r="B69" s="27">
        <v>5</v>
      </c>
      <c r="C69" s="28">
        <v>10</v>
      </c>
      <c r="D69" s="29">
        <v>15</v>
      </c>
    </row>
    <row r="70" spans="1:4" ht="18" customHeight="1" x14ac:dyDescent="0.2">
      <c r="A70" s="31">
        <v>54</v>
      </c>
      <c r="B70" s="27">
        <v>9</v>
      </c>
      <c r="C70" s="28">
        <v>10</v>
      </c>
      <c r="D70" s="29">
        <v>19</v>
      </c>
    </row>
    <row r="71" spans="1:4" ht="18" customHeight="1" x14ac:dyDescent="0.2">
      <c r="A71" s="31" t="s">
        <v>77</v>
      </c>
      <c r="B71" s="27">
        <v>37</v>
      </c>
      <c r="C71" s="28">
        <v>46</v>
      </c>
      <c r="D71" s="29">
        <v>83</v>
      </c>
    </row>
    <row r="72" spans="1:4" ht="18" customHeight="1" x14ac:dyDescent="0.2">
      <c r="A72" s="31">
        <v>55</v>
      </c>
      <c r="B72" s="27">
        <v>13</v>
      </c>
      <c r="C72" s="28">
        <v>9</v>
      </c>
      <c r="D72" s="29">
        <v>22</v>
      </c>
    </row>
    <row r="73" spans="1:4" ht="18" customHeight="1" x14ac:dyDescent="0.2">
      <c r="A73" s="31">
        <v>56</v>
      </c>
      <c r="B73" s="27">
        <v>6</v>
      </c>
      <c r="C73" s="28">
        <v>7</v>
      </c>
      <c r="D73" s="29">
        <v>13</v>
      </c>
    </row>
    <row r="74" spans="1:4" ht="18" customHeight="1" x14ac:dyDescent="0.2">
      <c r="A74" s="31">
        <v>57</v>
      </c>
      <c r="B74" s="27">
        <v>1</v>
      </c>
      <c r="C74" s="28">
        <v>8</v>
      </c>
      <c r="D74" s="29">
        <v>9</v>
      </c>
    </row>
    <row r="75" spans="1:4" ht="18" customHeight="1" x14ac:dyDescent="0.2">
      <c r="A75" s="31">
        <v>58</v>
      </c>
      <c r="B75" s="27">
        <v>8</v>
      </c>
      <c r="C75" s="28">
        <v>12</v>
      </c>
      <c r="D75" s="29">
        <v>20</v>
      </c>
    </row>
    <row r="76" spans="1:4" ht="18" customHeight="1" x14ac:dyDescent="0.2">
      <c r="A76" s="31">
        <v>59</v>
      </c>
      <c r="B76" s="27">
        <v>10</v>
      </c>
      <c r="C76" s="28">
        <v>11</v>
      </c>
      <c r="D76" s="29">
        <v>21</v>
      </c>
    </row>
    <row r="77" spans="1:4" ht="18" customHeight="1" x14ac:dyDescent="0.2">
      <c r="A77" s="31" t="s">
        <v>78</v>
      </c>
      <c r="B77" s="27">
        <v>38</v>
      </c>
      <c r="C77" s="28">
        <v>47</v>
      </c>
      <c r="D77" s="29">
        <v>85</v>
      </c>
    </row>
    <row r="78" spans="1:4" ht="18" customHeight="1" x14ac:dyDescent="0.2">
      <c r="A78" s="31">
        <v>60</v>
      </c>
      <c r="B78" s="27">
        <v>14</v>
      </c>
      <c r="C78" s="28">
        <v>14</v>
      </c>
      <c r="D78" s="29">
        <v>28</v>
      </c>
    </row>
    <row r="79" spans="1:4" ht="18" customHeight="1" x14ac:dyDescent="0.2">
      <c r="A79" s="31">
        <v>61</v>
      </c>
      <c r="B79" s="27">
        <v>15</v>
      </c>
      <c r="C79" s="28">
        <v>12</v>
      </c>
      <c r="D79" s="29">
        <v>27</v>
      </c>
    </row>
    <row r="80" spans="1:4" ht="18" customHeight="1" x14ac:dyDescent="0.2">
      <c r="A80" s="31">
        <v>62</v>
      </c>
      <c r="B80" s="27">
        <v>13</v>
      </c>
      <c r="C80" s="28">
        <v>11</v>
      </c>
      <c r="D80" s="29">
        <v>24</v>
      </c>
    </row>
    <row r="81" spans="1:4" ht="18" customHeight="1" x14ac:dyDescent="0.2">
      <c r="A81" s="31">
        <v>63</v>
      </c>
      <c r="B81" s="27">
        <v>10</v>
      </c>
      <c r="C81" s="28">
        <v>11</v>
      </c>
      <c r="D81" s="29">
        <v>21</v>
      </c>
    </row>
    <row r="82" spans="1:4" ht="18" customHeight="1" x14ac:dyDescent="0.2">
      <c r="A82" s="31">
        <v>64</v>
      </c>
      <c r="B82" s="27">
        <v>7</v>
      </c>
      <c r="C82" s="28">
        <v>10</v>
      </c>
      <c r="D82" s="29">
        <v>17</v>
      </c>
    </row>
    <row r="83" spans="1:4" ht="18" customHeight="1" x14ac:dyDescent="0.2">
      <c r="A83" s="31" t="s">
        <v>79</v>
      </c>
      <c r="B83" s="27">
        <v>59</v>
      </c>
      <c r="C83" s="28">
        <v>58</v>
      </c>
      <c r="D83" s="29">
        <v>117</v>
      </c>
    </row>
    <row r="84" spans="1:4" ht="18" customHeight="1" x14ac:dyDescent="0.2">
      <c r="A84" s="31" t="s">
        <v>80</v>
      </c>
      <c r="B84" s="27">
        <v>318</v>
      </c>
      <c r="C84" s="28">
        <v>328</v>
      </c>
      <c r="D84" s="29">
        <v>646</v>
      </c>
    </row>
    <row r="85" spans="1:4" ht="18" customHeight="1" x14ac:dyDescent="0.2">
      <c r="A85" s="31">
        <v>65</v>
      </c>
      <c r="B85" s="27">
        <v>7</v>
      </c>
      <c r="C85" s="28">
        <v>11</v>
      </c>
      <c r="D85" s="29">
        <v>18</v>
      </c>
    </row>
    <row r="86" spans="1:4" ht="18" customHeight="1" x14ac:dyDescent="0.2">
      <c r="A86" s="31">
        <v>66</v>
      </c>
      <c r="B86" s="27">
        <v>8</v>
      </c>
      <c r="C86" s="28">
        <v>7</v>
      </c>
      <c r="D86" s="29">
        <v>15</v>
      </c>
    </row>
    <row r="87" spans="1:4" ht="18" customHeight="1" x14ac:dyDescent="0.2">
      <c r="A87" s="31">
        <v>67</v>
      </c>
      <c r="B87" s="27">
        <v>8</v>
      </c>
      <c r="C87" s="28">
        <v>16</v>
      </c>
      <c r="D87" s="29">
        <v>24</v>
      </c>
    </row>
    <row r="88" spans="1:4" ht="18" customHeight="1" x14ac:dyDescent="0.2">
      <c r="A88" s="31">
        <v>68</v>
      </c>
      <c r="B88" s="27">
        <v>9</v>
      </c>
      <c r="C88" s="28">
        <v>10</v>
      </c>
      <c r="D88" s="29">
        <v>19</v>
      </c>
    </row>
    <row r="89" spans="1:4" ht="18" customHeight="1" x14ac:dyDescent="0.2">
      <c r="A89" s="31">
        <v>69</v>
      </c>
      <c r="B89" s="27">
        <v>10</v>
      </c>
      <c r="C89" s="28">
        <v>12</v>
      </c>
      <c r="D89" s="29">
        <v>22</v>
      </c>
    </row>
    <row r="90" spans="1:4" ht="18" customHeight="1" x14ac:dyDescent="0.2">
      <c r="A90" s="31" t="s">
        <v>81</v>
      </c>
      <c r="B90" s="27">
        <v>42</v>
      </c>
      <c r="C90" s="28">
        <v>56</v>
      </c>
      <c r="D90" s="29">
        <v>98</v>
      </c>
    </row>
    <row r="91" spans="1:4" ht="18" customHeight="1" x14ac:dyDescent="0.2">
      <c r="A91" s="31">
        <v>70</v>
      </c>
      <c r="B91" s="27">
        <v>8</v>
      </c>
      <c r="C91" s="28">
        <v>9</v>
      </c>
      <c r="D91" s="29">
        <v>17</v>
      </c>
    </row>
    <row r="92" spans="1:4" ht="18" customHeight="1" x14ac:dyDescent="0.2">
      <c r="A92" s="31">
        <v>71</v>
      </c>
      <c r="B92" s="27">
        <v>12</v>
      </c>
      <c r="C92" s="28">
        <v>13</v>
      </c>
      <c r="D92" s="29">
        <v>25</v>
      </c>
    </row>
    <row r="93" spans="1:4" ht="18" customHeight="1" x14ac:dyDescent="0.2">
      <c r="A93" s="31">
        <v>72</v>
      </c>
      <c r="B93" s="27">
        <v>12</v>
      </c>
      <c r="C93" s="28">
        <v>10</v>
      </c>
      <c r="D93" s="29">
        <v>22</v>
      </c>
    </row>
    <row r="94" spans="1:4" ht="18" customHeight="1" x14ac:dyDescent="0.2">
      <c r="A94" s="31">
        <v>73</v>
      </c>
      <c r="B94" s="27">
        <v>7</v>
      </c>
      <c r="C94" s="28">
        <v>12</v>
      </c>
      <c r="D94" s="29">
        <v>19</v>
      </c>
    </row>
    <row r="95" spans="1:4" ht="18" customHeight="1" x14ac:dyDescent="0.2">
      <c r="A95" s="31">
        <v>74</v>
      </c>
      <c r="B95" s="27">
        <v>11</v>
      </c>
      <c r="C95" s="28">
        <v>11</v>
      </c>
      <c r="D95" s="29">
        <v>22</v>
      </c>
    </row>
    <row r="96" spans="1:4" ht="18" customHeight="1" x14ac:dyDescent="0.2">
      <c r="A96" s="31" t="s">
        <v>82</v>
      </c>
      <c r="B96" s="27">
        <v>50</v>
      </c>
      <c r="C96" s="28">
        <v>55</v>
      </c>
      <c r="D96" s="29">
        <v>105</v>
      </c>
    </row>
    <row r="97" spans="1:4" ht="18" customHeight="1" x14ac:dyDescent="0.2">
      <c r="A97" s="31">
        <v>75</v>
      </c>
      <c r="B97" s="27">
        <v>16</v>
      </c>
      <c r="C97" s="28">
        <v>18</v>
      </c>
      <c r="D97" s="29">
        <v>34</v>
      </c>
    </row>
    <row r="98" spans="1:4" ht="18" customHeight="1" x14ac:dyDescent="0.2">
      <c r="A98" s="31">
        <v>76</v>
      </c>
      <c r="B98" s="27">
        <v>8</v>
      </c>
      <c r="C98" s="28">
        <v>14</v>
      </c>
      <c r="D98" s="29">
        <v>22</v>
      </c>
    </row>
    <row r="99" spans="1:4" ht="18" customHeight="1" x14ac:dyDescent="0.2">
      <c r="A99" s="31">
        <v>77</v>
      </c>
      <c r="B99" s="27">
        <v>12</v>
      </c>
      <c r="C99" s="28">
        <v>13</v>
      </c>
      <c r="D99" s="29">
        <v>25</v>
      </c>
    </row>
    <row r="100" spans="1:4" ht="18" customHeight="1" x14ac:dyDescent="0.2">
      <c r="A100" s="31">
        <v>78</v>
      </c>
      <c r="B100" s="27">
        <v>12</v>
      </c>
      <c r="C100" s="28">
        <v>12</v>
      </c>
      <c r="D100" s="29">
        <v>24</v>
      </c>
    </row>
    <row r="101" spans="1:4" ht="18" customHeight="1" x14ac:dyDescent="0.2">
      <c r="A101" s="31">
        <v>79</v>
      </c>
      <c r="B101" s="27">
        <v>13</v>
      </c>
      <c r="C101" s="28">
        <v>9</v>
      </c>
      <c r="D101" s="29">
        <v>22</v>
      </c>
    </row>
    <row r="102" spans="1:4" ht="18" customHeight="1" x14ac:dyDescent="0.2">
      <c r="A102" s="31" t="s">
        <v>83</v>
      </c>
      <c r="B102" s="27">
        <v>61</v>
      </c>
      <c r="C102" s="28">
        <v>66</v>
      </c>
      <c r="D102" s="29">
        <v>127</v>
      </c>
    </row>
    <row r="103" spans="1:4" ht="18" customHeight="1" x14ac:dyDescent="0.2">
      <c r="A103" s="31">
        <v>80</v>
      </c>
      <c r="B103" s="27">
        <v>12</v>
      </c>
      <c r="C103" s="28">
        <v>13</v>
      </c>
      <c r="D103" s="29">
        <v>25</v>
      </c>
    </row>
    <row r="104" spans="1:4" ht="18" customHeight="1" x14ac:dyDescent="0.2">
      <c r="A104" s="31">
        <v>81</v>
      </c>
      <c r="B104" s="27">
        <v>9</v>
      </c>
      <c r="C104" s="28">
        <v>9</v>
      </c>
      <c r="D104" s="29">
        <v>18</v>
      </c>
    </row>
    <row r="105" spans="1:4" ht="18" customHeight="1" x14ac:dyDescent="0.2">
      <c r="A105" s="31">
        <v>82</v>
      </c>
      <c r="B105" s="27">
        <v>6</v>
      </c>
      <c r="C105" s="28">
        <v>6</v>
      </c>
      <c r="D105" s="29">
        <v>12</v>
      </c>
    </row>
    <row r="106" spans="1:4" ht="18" customHeight="1" x14ac:dyDescent="0.2">
      <c r="A106" s="31">
        <v>83</v>
      </c>
      <c r="B106" s="27">
        <v>6</v>
      </c>
      <c r="C106" s="28">
        <v>10</v>
      </c>
      <c r="D106" s="29">
        <v>16</v>
      </c>
    </row>
    <row r="107" spans="1:4" ht="18" customHeight="1" x14ac:dyDescent="0.2">
      <c r="A107" s="31">
        <v>84</v>
      </c>
      <c r="B107" s="27">
        <v>4</v>
      </c>
      <c r="C107" s="28">
        <v>6</v>
      </c>
      <c r="D107" s="29">
        <v>10</v>
      </c>
    </row>
    <row r="108" spans="1:4" ht="18" customHeight="1" x14ac:dyDescent="0.2">
      <c r="A108" s="31" t="s">
        <v>84</v>
      </c>
      <c r="B108" s="27">
        <v>37</v>
      </c>
      <c r="C108" s="28">
        <v>44</v>
      </c>
      <c r="D108" s="29">
        <v>81</v>
      </c>
    </row>
    <row r="109" spans="1:4" ht="18" customHeight="1" x14ac:dyDescent="0.2">
      <c r="A109" s="31">
        <v>85</v>
      </c>
      <c r="B109" s="27">
        <v>0</v>
      </c>
      <c r="C109" s="28">
        <v>3</v>
      </c>
      <c r="D109" s="29">
        <v>3</v>
      </c>
    </row>
    <row r="110" spans="1:4" ht="18" customHeight="1" x14ac:dyDescent="0.2">
      <c r="A110" s="31">
        <v>86</v>
      </c>
      <c r="B110" s="27">
        <v>3</v>
      </c>
      <c r="C110" s="28">
        <v>5</v>
      </c>
      <c r="D110" s="29">
        <v>8</v>
      </c>
    </row>
    <row r="111" spans="1:4" ht="18" customHeight="1" x14ac:dyDescent="0.2">
      <c r="A111" s="31">
        <v>87</v>
      </c>
      <c r="B111" s="27">
        <v>2</v>
      </c>
      <c r="C111" s="28">
        <v>10</v>
      </c>
      <c r="D111" s="29">
        <v>12</v>
      </c>
    </row>
    <row r="112" spans="1:4" ht="18" customHeight="1" x14ac:dyDescent="0.2">
      <c r="A112" s="31">
        <v>88</v>
      </c>
      <c r="B112" s="27">
        <v>3</v>
      </c>
      <c r="C112" s="28">
        <v>4</v>
      </c>
      <c r="D112" s="29">
        <v>7</v>
      </c>
    </row>
    <row r="113" spans="1:4" ht="18" customHeight="1" x14ac:dyDescent="0.2">
      <c r="A113" s="31">
        <v>89</v>
      </c>
      <c r="B113" s="27">
        <v>1</v>
      </c>
      <c r="C113" s="28">
        <v>6</v>
      </c>
      <c r="D113" s="29">
        <v>7</v>
      </c>
    </row>
    <row r="114" spans="1:4" ht="18" customHeight="1" x14ac:dyDescent="0.2">
      <c r="A114" s="31" t="s">
        <v>85</v>
      </c>
      <c r="B114" s="27">
        <v>9</v>
      </c>
      <c r="C114" s="28">
        <v>28</v>
      </c>
      <c r="D114" s="29">
        <v>37</v>
      </c>
    </row>
    <row r="115" spans="1:4" ht="18" customHeight="1" x14ac:dyDescent="0.2">
      <c r="A115" s="31">
        <v>90</v>
      </c>
      <c r="B115" s="27">
        <v>0</v>
      </c>
      <c r="C115" s="28">
        <v>4</v>
      </c>
      <c r="D115" s="29">
        <v>4</v>
      </c>
    </row>
    <row r="116" spans="1:4" ht="18" customHeight="1" x14ac:dyDescent="0.2">
      <c r="A116" s="31">
        <v>91</v>
      </c>
      <c r="B116" s="27">
        <v>2</v>
      </c>
      <c r="C116" s="28">
        <v>5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3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86</v>
      </c>
      <c r="B120" s="27">
        <v>3</v>
      </c>
      <c r="C120" s="28">
        <v>13</v>
      </c>
      <c r="D120" s="29">
        <v>16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4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203</v>
      </c>
      <c r="C130" s="5">
        <v>267</v>
      </c>
      <c r="D130" s="6">
        <v>470</v>
      </c>
    </row>
    <row r="131" spans="1:4" ht="18" customHeight="1" x14ac:dyDescent="0.2">
      <c r="A131" s="33" t="s">
        <v>65</v>
      </c>
      <c r="B131" s="7">
        <v>559</v>
      </c>
      <c r="C131" s="8">
        <v>628</v>
      </c>
      <c r="D131" s="9">
        <v>118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5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1</v>
      </c>
      <c r="C5" s="12">
        <v>8</v>
      </c>
      <c r="D5" s="13">
        <v>19</v>
      </c>
    </row>
    <row r="6" spans="1:4" ht="18" customHeight="1" x14ac:dyDescent="0.2">
      <c r="A6" s="14">
        <v>1</v>
      </c>
      <c r="B6" s="15">
        <v>10</v>
      </c>
      <c r="C6" s="16">
        <v>12</v>
      </c>
      <c r="D6" s="17">
        <v>22</v>
      </c>
    </row>
    <row r="7" spans="1:4" ht="18" customHeight="1" x14ac:dyDescent="0.2">
      <c r="A7" s="14">
        <v>2</v>
      </c>
      <c r="B7" s="15">
        <v>10</v>
      </c>
      <c r="C7" s="16">
        <v>8</v>
      </c>
      <c r="D7" s="17">
        <v>18</v>
      </c>
    </row>
    <row r="8" spans="1:4" ht="18" customHeight="1" x14ac:dyDescent="0.2">
      <c r="A8" s="14">
        <v>3</v>
      </c>
      <c r="B8" s="15">
        <v>12</v>
      </c>
      <c r="C8" s="16">
        <v>14</v>
      </c>
      <c r="D8" s="17">
        <v>26</v>
      </c>
    </row>
    <row r="9" spans="1:4" ht="18" customHeight="1" x14ac:dyDescent="0.2">
      <c r="A9" s="14">
        <v>4</v>
      </c>
      <c r="B9" s="15">
        <v>4</v>
      </c>
      <c r="C9" s="16">
        <v>10</v>
      </c>
      <c r="D9" s="17">
        <v>14</v>
      </c>
    </row>
    <row r="10" spans="1:4" ht="18" customHeight="1" x14ac:dyDescent="0.2">
      <c r="A10" s="18" t="s">
        <v>66</v>
      </c>
      <c r="B10" s="15">
        <v>47</v>
      </c>
      <c r="C10" s="16">
        <v>52</v>
      </c>
      <c r="D10" s="17">
        <v>99</v>
      </c>
    </row>
    <row r="11" spans="1:4" ht="18" customHeight="1" x14ac:dyDescent="0.2">
      <c r="A11" s="14">
        <v>5</v>
      </c>
      <c r="B11" s="15">
        <v>8</v>
      </c>
      <c r="C11" s="16">
        <v>8</v>
      </c>
      <c r="D11" s="17">
        <v>16</v>
      </c>
    </row>
    <row r="12" spans="1:4" ht="18" customHeight="1" x14ac:dyDescent="0.2">
      <c r="A12" s="14">
        <v>6</v>
      </c>
      <c r="B12" s="15">
        <v>10</v>
      </c>
      <c r="C12" s="16">
        <v>15</v>
      </c>
      <c r="D12" s="17">
        <v>25</v>
      </c>
    </row>
    <row r="13" spans="1:4" ht="18" customHeight="1" x14ac:dyDescent="0.2">
      <c r="A13" s="14">
        <v>7</v>
      </c>
      <c r="B13" s="15">
        <v>11</v>
      </c>
      <c r="C13" s="16">
        <v>12</v>
      </c>
      <c r="D13" s="17">
        <v>23</v>
      </c>
    </row>
    <row r="14" spans="1:4" ht="18" customHeight="1" x14ac:dyDescent="0.2">
      <c r="A14" s="14">
        <v>8</v>
      </c>
      <c r="B14" s="15">
        <v>15</v>
      </c>
      <c r="C14" s="16">
        <v>12</v>
      </c>
      <c r="D14" s="17">
        <v>27</v>
      </c>
    </row>
    <row r="15" spans="1:4" ht="18" customHeight="1" x14ac:dyDescent="0.2">
      <c r="A15" s="14">
        <v>9</v>
      </c>
      <c r="B15" s="15">
        <v>5</v>
      </c>
      <c r="C15" s="16">
        <v>9</v>
      </c>
      <c r="D15" s="17">
        <v>14</v>
      </c>
    </row>
    <row r="16" spans="1:4" ht="18" customHeight="1" x14ac:dyDescent="0.2">
      <c r="A16" s="18" t="s">
        <v>67</v>
      </c>
      <c r="B16" s="15">
        <v>49</v>
      </c>
      <c r="C16" s="16">
        <v>56</v>
      </c>
      <c r="D16" s="17">
        <v>105</v>
      </c>
    </row>
    <row r="17" spans="1:4" ht="18" customHeight="1" x14ac:dyDescent="0.2">
      <c r="A17" s="14">
        <v>10</v>
      </c>
      <c r="B17" s="15">
        <v>6</v>
      </c>
      <c r="C17" s="16">
        <v>9</v>
      </c>
      <c r="D17" s="17">
        <v>15</v>
      </c>
    </row>
    <row r="18" spans="1:4" ht="18" customHeight="1" x14ac:dyDescent="0.2">
      <c r="A18" s="14">
        <v>11</v>
      </c>
      <c r="B18" s="15">
        <v>6</v>
      </c>
      <c r="C18" s="16">
        <v>14</v>
      </c>
      <c r="D18" s="17">
        <v>20</v>
      </c>
    </row>
    <row r="19" spans="1:4" ht="18" customHeight="1" x14ac:dyDescent="0.2">
      <c r="A19" s="14">
        <v>12</v>
      </c>
      <c r="B19" s="15">
        <v>13</v>
      </c>
      <c r="C19" s="16">
        <v>11</v>
      </c>
      <c r="D19" s="17">
        <v>24</v>
      </c>
    </row>
    <row r="20" spans="1:4" ht="18" customHeight="1" x14ac:dyDescent="0.2">
      <c r="A20" s="14">
        <v>13</v>
      </c>
      <c r="B20" s="15">
        <v>9</v>
      </c>
      <c r="C20" s="16">
        <v>9</v>
      </c>
      <c r="D20" s="17">
        <v>18</v>
      </c>
    </row>
    <row r="21" spans="1:4" ht="18" customHeight="1" x14ac:dyDescent="0.2">
      <c r="A21" s="14">
        <v>14</v>
      </c>
      <c r="B21" s="15">
        <v>11</v>
      </c>
      <c r="C21" s="16">
        <v>12</v>
      </c>
      <c r="D21" s="17">
        <v>23</v>
      </c>
    </row>
    <row r="22" spans="1:4" ht="18" customHeight="1" x14ac:dyDescent="0.2">
      <c r="A22" s="18" t="s">
        <v>68</v>
      </c>
      <c r="B22" s="15">
        <v>45</v>
      </c>
      <c r="C22" s="16">
        <v>55</v>
      </c>
      <c r="D22" s="17">
        <v>100</v>
      </c>
    </row>
    <row r="23" spans="1:4" ht="18" customHeight="1" x14ac:dyDescent="0.2">
      <c r="A23" s="18" t="s">
        <v>69</v>
      </c>
      <c r="B23" s="15">
        <v>141</v>
      </c>
      <c r="C23" s="16">
        <v>163</v>
      </c>
      <c r="D23" s="17">
        <v>304</v>
      </c>
    </row>
    <row r="24" spans="1:4" ht="18" customHeight="1" x14ac:dyDescent="0.2">
      <c r="A24" s="14">
        <v>15</v>
      </c>
      <c r="B24" s="15">
        <v>18</v>
      </c>
      <c r="C24" s="16">
        <v>8</v>
      </c>
      <c r="D24" s="17">
        <v>26</v>
      </c>
    </row>
    <row r="25" spans="1:4" ht="18" customHeight="1" x14ac:dyDescent="0.2">
      <c r="A25" s="14">
        <v>16</v>
      </c>
      <c r="B25" s="15">
        <v>11</v>
      </c>
      <c r="C25" s="16">
        <v>15</v>
      </c>
      <c r="D25" s="17">
        <v>26</v>
      </c>
    </row>
    <row r="26" spans="1:4" ht="18" customHeight="1" x14ac:dyDescent="0.2">
      <c r="A26" s="14">
        <v>17</v>
      </c>
      <c r="B26" s="15">
        <v>12</v>
      </c>
      <c r="C26" s="16">
        <v>12</v>
      </c>
      <c r="D26" s="17">
        <v>24</v>
      </c>
    </row>
    <row r="27" spans="1:4" ht="18" customHeight="1" x14ac:dyDescent="0.2">
      <c r="A27" s="14">
        <v>18</v>
      </c>
      <c r="B27" s="15">
        <v>9</v>
      </c>
      <c r="C27" s="16">
        <v>7</v>
      </c>
      <c r="D27" s="17">
        <v>16</v>
      </c>
    </row>
    <row r="28" spans="1:4" ht="18" customHeight="1" x14ac:dyDescent="0.2">
      <c r="A28" s="14">
        <v>19</v>
      </c>
      <c r="B28" s="15">
        <v>9</v>
      </c>
      <c r="C28" s="16">
        <v>6</v>
      </c>
      <c r="D28" s="17">
        <v>15</v>
      </c>
    </row>
    <row r="29" spans="1:4" ht="18" customHeight="1" x14ac:dyDescent="0.2">
      <c r="A29" s="18" t="s">
        <v>70</v>
      </c>
      <c r="B29" s="15">
        <v>59</v>
      </c>
      <c r="C29" s="16">
        <v>48</v>
      </c>
      <c r="D29" s="17">
        <v>107</v>
      </c>
    </row>
    <row r="30" spans="1:4" ht="18" customHeight="1" x14ac:dyDescent="0.2">
      <c r="A30" s="14">
        <v>20</v>
      </c>
      <c r="B30" s="15">
        <v>12</v>
      </c>
      <c r="C30" s="16">
        <v>12</v>
      </c>
      <c r="D30" s="17">
        <v>24</v>
      </c>
    </row>
    <row r="31" spans="1:4" ht="18" customHeight="1" x14ac:dyDescent="0.2">
      <c r="A31" s="14">
        <v>21</v>
      </c>
      <c r="B31" s="15">
        <v>7</v>
      </c>
      <c r="C31" s="16">
        <v>12</v>
      </c>
      <c r="D31" s="17">
        <v>19</v>
      </c>
    </row>
    <row r="32" spans="1:4" ht="18" customHeight="1" x14ac:dyDescent="0.2">
      <c r="A32" s="14">
        <v>22</v>
      </c>
      <c r="B32" s="15">
        <v>11</v>
      </c>
      <c r="C32" s="16">
        <v>10</v>
      </c>
      <c r="D32" s="17">
        <v>21</v>
      </c>
    </row>
    <row r="33" spans="1:4" ht="18" customHeight="1" x14ac:dyDescent="0.2">
      <c r="A33" s="14">
        <v>23</v>
      </c>
      <c r="B33" s="15">
        <v>13</v>
      </c>
      <c r="C33" s="16">
        <v>18</v>
      </c>
      <c r="D33" s="17">
        <v>31</v>
      </c>
    </row>
    <row r="34" spans="1:4" ht="18" customHeight="1" x14ac:dyDescent="0.2">
      <c r="A34" s="14">
        <v>24</v>
      </c>
      <c r="B34" s="15">
        <v>15</v>
      </c>
      <c r="C34" s="16">
        <v>10</v>
      </c>
      <c r="D34" s="17">
        <v>25</v>
      </c>
    </row>
    <row r="35" spans="1:4" ht="18" customHeight="1" x14ac:dyDescent="0.2">
      <c r="A35" s="18" t="s">
        <v>71</v>
      </c>
      <c r="B35" s="15">
        <v>58</v>
      </c>
      <c r="C35" s="16">
        <v>62</v>
      </c>
      <c r="D35" s="17">
        <v>120</v>
      </c>
    </row>
    <row r="36" spans="1:4" ht="18" customHeight="1" x14ac:dyDescent="0.2">
      <c r="A36" s="14">
        <v>25</v>
      </c>
      <c r="B36" s="15">
        <v>15</v>
      </c>
      <c r="C36" s="16">
        <v>12</v>
      </c>
      <c r="D36" s="17">
        <v>27</v>
      </c>
    </row>
    <row r="37" spans="1:4" ht="18" customHeight="1" x14ac:dyDescent="0.2">
      <c r="A37" s="14">
        <v>26</v>
      </c>
      <c r="B37" s="15">
        <v>20</v>
      </c>
      <c r="C37" s="16">
        <v>11</v>
      </c>
      <c r="D37" s="17">
        <v>31</v>
      </c>
    </row>
    <row r="38" spans="1:4" ht="18" customHeight="1" x14ac:dyDescent="0.2">
      <c r="A38" s="14">
        <v>27</v>
      </c>
      <c r="B38" s="15">
        <v>13</v>
      </c>
      <c r="C38" s="16">
        <v>10</v>
      </c>
      <c r="D38" s="17">
        <v>23</v>
      </c>
    </row>
    <row r="39" spans="1:4" ht="18" customHeight="1" x14ac:dyDescent="0.2">
      <c r="A39" s="14">
        <v>28</v>
      </c>
      <c r="B39" s="15">
        <v>13</v>
      </c>
      <c r="C39" s="16">
        <v>13</v>
      </c>
      <c r="D39" s="17">
        <v>26</v>
      </c>
    </row>
    <row r="40" spans="1:4" ht="18" customHeight="1" x14ac:dyDescent="0.2">
      <c r="A40" s="14">
        <v>29</v>
      </c>
      <c r="B40" s="15">
        <v>16</v>
      </c>
      <c r="C40" s="16">
        <v>8</v>
      </c>
      <c r="D40" s="17">
        <v>24</v>
      </c>
    </row>
    <row r="41" spans="1:4" ht="18" customHeight="1" x14ac:dyDescent="0.2">
      <c r="A41" s="18" t="s">
        <v>72</v>
      </c>
      <c r="B41" s="15">
        <v>77</v>
      </c>
      <c r="C41" s="16">
        <v>54</v>
      </c>
      <c r="D41" s="17">
        <v>131</v>
      </c>
    </row>
    <row r="42" spans="1:4" ht="18" customHeight="1" x14ac:dyDescent="0.2">
      <c r="A42" s="14">
        <v>30</v>
      </c>
      <c r="B42" s="15">
        <v>18</v>
      </c>
      <c r="C42" s="16">
        <v>14</v>
      </c>
      <c r="D42" s="17">
        <v>32</v>
      </c>
    </row>
    <row r="43" spans="1:4" ht="18" customHeight="1" x14ac:dyDescent="0.2">
      <c r="A43" s="14">
        <v>31</v>
      </c>
      <c r="B43" s="15">
        <v>19</v>
      </c>
      <c r="C43" s="16">
        <v>19</v>
      </c>
      <c r="D43" s="17">
        <v>38</v>
      </c>
    </row>
    <row r="44" spans="1:4" ht="18" customHeight="1" x14ac:dyDescent="0.2">
      <c r="A44" s="14">
        <v>32</v>
      </c>
      <c r="B44" s="15">
        <v>11</v>
      </c>
      <c r="C44" s="16">
        <v>21</v>
      </c>
      <c r="D44" s="17">
        <v>32</v>
      </c>
    </row>
    <row r="45" spans="1:4" ht="18" customHeight="1" x14ac:dyDescent="0.2">
      <c r="A45" s="14">
        <v>33</v>
      </c>
      <c r="B45" s="15">
        <v>26</v>
      </c>
      <c r="C45" s="16">
        <v>12</v>
      </c>
      <c r="D45" s="17">
        <v>38</v>
      </c>
    </row>
    <row r="46" spans="1:4" ht="18" customHeight="1" x14ac:dyDescent="0.2">
      <c r="A46" s="14">
        <v>34</v>
      </c>
      <c r="B46" s="15">
        <v>19</v>
      </c>
      <c r="C46" s="16">
        <v>21</v>
      </c>
      <c r="D46" s="17">
        <v>40</v>
      </c>
    </row>
    <row r="47" spans="1:4" ht="18" customHeight="1" x14ac:dyDescent="0.2">
      <c r="A47" s="18" t="s">
        <v>73</v>
      </c>
      <c r="B47" s="15">
        <v>93</v>
      </c>
      <c r="C47" s="16">
        <v>87</v>
      </c>
      <c r="D47" s="17">
        <v>180</v>
      </c>
    </row>
    <row r="48" spans="1:4" ht="18" customHeight="1" x14ac:dyDescent="0.2">
      <c r="A48" s="14">
        <v>35</v>
      </c>
      <c r="B48" s="15">
        <v>24</v>
      </c>
      <c r="C48" s="16">
        <v>31</v>
      </c>
      <c r="D48" s="17">
        <v>55</v>
      </c>
    </row>
    <row r="49" spans="1:4" ht="18" customHeight="1" x14ac:dyDescent="0.2">
      <c r="A49" s="14">
        <v>36</v>
      </c>
      <c r="B49" s="15">
        <v>23</v>
      </c>
      <c r="C49" s="16">
        <v>12</v>
      </c>
      <c r="D49" s="17">
        <v>35</v>
      </c>
    </row>
    <row r="50" spans="1:4" ht="18" customHeight="1" x14ac:dyDescent="0.2">
      <c r="A50" s="14">
        <v>37</v>
      </c>
      <c r="B50" s="15">
        <v>21</v>
      </c>
      <c r="C50" s="16">
        <v>28</v>
      </c>
      <c r="D50" s="17">
        <v>49</v>
      </c>
    </row>
    <row r="51" spans="1:4" ht="18" customHeight="1" x14ac:dyDescent="0.2">
      <c r="A51" s="14">
        <v>38</v>
      </c>
      <c r="B51" s="15">
        <v>19</v>
      </c>
      <c r="C51" s="16">
        <v>17</v>
      </c>
      <c r="D51" s="17">
        <v>36</v>
      </c>
    </row>
    <row r="52" spans="1:4" ht="18" customHeight="1" x14ac:dyDescent="0.2">
      <c r="A52" s="14">
        <v>39</v>
      </c>
      <c r="B52" s="15">
        <v>17</v>
      </c>
      <c r="C52" s="16">
        <v>20</v>
      </c>
      <c r="D52" s="17">
        <v>37</v>
      </c>
    </row>
    <row r="53" spans="1:4" ht="18" customHeight="1" x14ac:dyDescent="0.2">
      <c r="A53" s="18" t="s">
        <v>74</v>
      </c>
      <c r="B53" s="15">
        <v>104</v>
      </c>
      <c r="C53" s="16">
        <v>108</v>
      </c>
      <c r="D53" s="17">
        <v>212</v>
      </c>
    </row>
    <row r="54" spans="1:4" ht="18" customHeight="1" x14ac:dyDescent="0.2">
      <c r="A54" s="14">
        <v>40</v>
      </c>
      <c r="B54" s="15">
        <v>28</v>
      </c>
      <c r="C54" s="16">
        <v>22</v>
      </c>
      <c r="D54" s="17">
        <v>50</v>
      </c>
    </row>
    <row r="55" spans="1:4" ht="18" customHeight="1" x14ac:dyDescent="0.2">
      <c r="A55" s="14">
        <v>41</v>
      </c>
      <c r="B55" s="15">
        <v>23</v>
      </c>
      <c r="C55" s="16">
        <v>18</v>
      </c>
      <c r="D55" s="17">
        <v>41</v>
      </c>
    </row>
    <row r="56" spans="1:4" ht="18" customHeight="1" x14ac:dyDescent="0.2">
      <c r="A56" s="14">
        <v>42</v>
      </c>
      <c r="B56" s="15">
        <v>27</v>
      </c>
      <c r="C56" s="16">
        <v>28</v>
      </c>
      <c r="D56" s="17">
        <v>55</v>
      </c>
    </row>
    <row r="57" spans="1:4" ht="18" customHeight="1" x14ac:dyDescent="0.2">
      <c r="A57" s="14">
        <v>43</v>
      </c>
      <c r="B57" s="15">
        <v>15</v>
      </c>
      <c r="C57" s="16">
        <v>18</v>
      </c>
      <c r="D57" s="17">
        <v>33</v>
      </c>
    </row>
    <row r="58" spans="1:4" ht="18" customHeight="1" x14ac:dyDescent="0.2">
      <c r="A58" s="14">
        <v>44</v>
      </c>
      <c r="B58" s="15">
        <v>19</v>
      </c>
      <c r="C58" s="16">
        <v>29</v>
      </c>
      <c r="D58" s="17">
        <v>48</v>
      </c>
    </row>
    <row r="59" spans="1:4" ht="18" customHeight="1" x14ac:dyDescent="0.2">
      <c r="A59" s="18" t="s">
        <v>75</v>
      </c>
      <c r="B59" s="15">
        <v>112</v>
      </c>
      <c r="C59" s="16">
        <v>115</v>
      </c>
      <c r="D59" s="17">
        <v>227</v>
      </c>
    </row>
    <row r="60" spans="1:4" ht="18" customHeight="1" x14ac:dyDescent="0.2">
      <c r="A60" s="14">
        <v>45</v>
      </c>
      <c r="B60" s="15">
        <v>27</v>
      </c>
      <c r="C60" s="16">
        <v>19</v>
      </c>
      <c r="D60" s="17">
        <v>46</v>
      </c>
    </row>
    <row r="61" spans="1:4" ht="18" customHeight="1" x14ac:dyDescent="0.2">
      <c r="A61" s="14">
        <v>46</v>
      </c>
      <c r="B61" s="15">
        <v>15</v>
      </c>
      <c r="C61" s="16">
        <v>18</v>
      </c>
      <c r="D61" s="17">
        <v>33</v>
      </c>
    </row>
    <row r="62" spans="1:4" ht="18" customHeight="1" x14ac:dyDescent="0.2">
      <c r="A62" s="14">
        <v>47</v>
      </c>
      <c r="B62" s="15">
        <v>18</v>
      </c>
      <c r="C62" s="16">
        <v>14</v>
      </c>
      <c r="D62" s="17">
        <v>32</v>
      </c>
    </row>
    <row r="63" spans="1:4" ht="18" customHeight="1" x14ac:dyDescent="0.2">
      <c r="A63" s="14">
        <v>48</v>
      </c>
      <c r="B63" s="15">
        <v>16</v>
      </c>
      <c r="C63" s="16">
        <v>14</v>
      </c>
      <c r="D63" s="17">
        <v>30</v>
      </c>
    </row>
    <row r="64" spans="1:4" ht="18" customHeight="1" x14ac:dyDescent="0.2">
      <c r="A64" s="14">
        <v>49</v>
      </c>
      <c r="B64" s="15">
        <v>20</v>
      </c>
      <c r="C64" s="16">
        <v>18</v>
      </c>
      <c r="D64" s="17">
        <v>38</v>
      </c>
    </row>
    <row r="65" spans="1:4" ht="18" customHeight="1" x14ac:dyDescent="0.2">
      <c r="A65" s="18" t="s">
        <v>76</v>
      </c>
      <c r="B65" s="15">
        <v>96</v>
      </c>
      <c r="C65" s="16">
        <v>83</v>
      </c>
      <c r="D65" s="17">
        <v>179</v>
      </c>
    </row>
    <row r="66" spans="1:4" ht="18" customHeight="1" x14ac:dyDescent="0.2">
      <c r="A66" s="14">
        <v>50</v>
      </c>
      <c r="B66" s="15">
        <v>23</v>
      </c>
      <c r="C66" s="16">
        <v>20</v>
      </c>
      <c r="D66" s="17">
        <v>43</v>
      </c>
    </row>
    <row r="67" spans="1:4" ht="18" customHeight="1" x14ac:dyDescent="0.2">
      <c r="A67" s="14">
        <v>51</v>
      </c>
      <c r="B67" s="15">
        <v>23</v>
      </c>
      <c r="C67" s="16">
        <v>26</v>
      </c>
      <c r="D67" s="17">
        <v>49</v>
      </c>
    </row>
    <row r="68" spans="1:4" ht="18" customHeight="1" x14ac:dyDescent="0.2">
      <c r="A68" s="14">
        <v>52</v>
      </c>
      <c r="B68" s="15">
        <v>15</v>
      </c>
      <c r="C68" s="16">
        <v>15</v>
      </c>
      <c r="D68" s="17">
        <v>30</v>
      </c>
    </row>
    <row r="69" spans="1:4" ht="18" customHeight="1" x14ac:dyDescent="0.2">
      <c r="A69" s="14">
        <v>53</v>
      </c>
      <c r="B69" s="15">
        <v>20</v>
      </c>
      <c r="C69" s="16">
        <v>20</v>
      </c>
      <c r="D69" s="17">
        <v>40</v>
      </c>
    </row>
    <row r="70" spans="1:4" ht="18" customHeight="1" x14ac:dyDescent="0.2">
      <c r="A70" s="14">
        <v>54</v>
      </c>
      <c r="B70" s="15">
        <v>18</v>
      </c>
      <c r="C70" s="16">
        <v>20</v>
      </c>
      <c r="D70" s="17">
        <v>38</v>
      </c>
    </row>
    <row r="71" spans="1:4" ht="18" customHeight="1" x14ac:dyDescent="0.2">
      <c r="A71" s="18" t="s">
        <v>77</v>
      </c>
      <c r="B71" s="15">
        <v>99</v>
      </c>
      <c r="C71" s="16">
        <v>101</v>
      </c>
      <c r="D71" s="17">
        <v>200</v>
      </c>
    </row>
    <row r="72" spans="1:4" ht="18" customHeight="1" x14ac:dyDescent="0.2">
      <c r="A72" s="14">
        <v>55</v>
      </c>
      <c r="B72" s="15">
        <v>23</v>
      </c>
      <c r="C72" s="16">
        <v>21</v>
      </c>
      <c r="D72" s="17">
        <v>44</v>
      </c>
    </row>
    <row r="73" spans="1:4" ht="18" customHeight="1" x14ac:dyDescent="0.2">
      <c r="A73" s="14">
        <v>56</v>
      </c>
      <c r="B73" s="15">
        <v>18</v>
      </c>
      <c r="C73" s="16">
        <v>17</v>
      </c>
      <c r="D73" s="17">
        <v>35</v>
      </c>
    </row>
    <row r="74" spans="1:4" ht="18" customHeight="1" x14ac:dyDescent="0.2">
      <c r="A74" s="14">
        <v>57</v>
      </c>
      <c r="B74" s="15">
        <v>24</v>
      </c>
      <c r="C74" s="16">
        <v>23</v>
      </c>
      <c r="D74" s="17">
        <v>47</v>
      </c>
    </row>
    <row r="75" spans="1:4" ht="18" customHeight="1" x14ac:dyDescent="0.2">
      <c r="A75" s="14">
        <v>58</v>
      </c>
      <c r="B75" s="15">
        <v>20</v>
      </c>
      <c r="C75" s="16">
        <v>26</v>
      </c>
      <c r="D75" s="17">
        <v>46</v>
      </c>
    </row>
    <row r="76" spans="1:4" ht="18" customHeight="1" x14ac:dyDescent="0.2">
      <c r="A76" s="14">
        <v>59</v>
      </c>
      <c r="B76" s="15">
        <v>20</v>
      </c>
      <c r="C76" s="16">
        <v>29</v>
      </c>
      <c r="D76" s="17">
        <v>49</v>
      </c>
    </row>
    <row r="77" spans="1:4" ht="18" customHeight="1" x14ac:dyDescent="0.2">
      <c r="A77" s="18" t="s">
        <v>78</v>
      </c>
      <c r="B77" s="15">
        <v>105</v>
      </c>
      <c r="C77" s="16">
        <v>116</v>
      </c>
      <c r="D77" s="17">
        <v>221</v>
      </c>
    </row>
    <row r="78" spans="1:4" ht="18" customHeight="1" x14ac:dyDescent="0.2">
      <c r="A78" s="14">
        <v>60</v>
      </c>
      <c r="B78" s="15">
        <v>36</v>
      </c>
      <c r="C78" s="16">
        <v>29</v>
      </c>
      <c r="D78" s="17">
        <v>65</v>
      </c>
    </row>
    <row r="79" spans="1:4" ht="18" customHeight="1" x14ac:dyDescent="0.2">
      <c r="A79" s="14">
        <v>61</v>
      </c>
      <c r="B79" s="15">
        <v>29</v>
      </c>
      <c r="C79" s="16">
        <v>40</v>
      </c>
      <c r="D79" s="17">
        <v>69</v>
      </c>
    </row>
    <row r="80" spans="1:4" ht="18" customHeight="1" x14ac:dyDescent="0.2">
      <c r="A80" s="14">
        <v>62</v>
      </c>
      <c r="B80" s="15">
        <v>22</v>
      </c>
      <c r="C80" s="16">
        <v>34</v>
      </c>
      <c r="D80" s="17">
        <v>56</v>
      </c>
    </row>
    <row r="81" spans="1:4" ht="18" customHeight="1" x14ac:dyDescent="0.2">
      <c r="A81" s="14">
        <v>63</v>
      </c>
      <c r="B81" s="15">
        <v>14</v>
      </c>
      <c r="C81" s="16">
        <v>27</v>
      </c>
      <c r="D81" s="17">
        <v>41</v>
      </c>
    </row>
    <row r="82" spans="1:4" ht="18" customHeight="1" x14ac:dyDescent="0.2">
      <c r="A82" s="14">
        <v>64</v>
      </c>
      <c r="B82" s="15">
        <v>18</v>
      </c>
      <c r="C82" s="16">
        <v>16</v>
      </c>
      <c r="D82" s="17">
        <v>34</v>
      </c>
    </row>
    <row r="83" spans="1:4" ht="18" customHeight="1" x14ac:dyDescent="0.2">
      <c r="A83" s="18" t="s">
        <v>79</v>
      </c>
      <c r="B83" s="15">
        <v>119</v>
      </c>
      <c r="C83" s="16">
        <v>146</v>
      </c>
      <c r="D83" s="17">
        <v>265</v>
      </c>
    </row>
    <row r="84" spans="1:4" ht="18" customHeight="1" x14ac:dyDescent="0.2">
      <c r="A84" s="18" t="s">
        <v>80</v>
      </c>
      <c r="B84" s="15">
        <v>922</v>
      </c>
      <c r="C84" s="16">
        <v>920</v>
      </c>
      <c r="D84" s="17">
        <v>1842</v>
      </c>
    </row>
    <row r="85" spans="1:4" ht="18" customHeight="1" x14ac:dyDescent="0.2">
      <c r="A85" s="14">
        <v>65</v>
      </c>
      <c r="B85" s="15">
        <v>31</v>
      </c>
      <c r="C85" s="16">
        <v>17</v>
      </c>
      <c r="D85" s="17">
        <v>48</v>
      </c>
    </row>
    <row r="86" spans="1:4" ht="18" customHeight="1" x14ac:dyDescent="0.2">
      <c r="A86" s="14">
        <v>66</v>
      </c>
      <c r="B86" s="15">
        <v>19</v>
      </c>
      <c r="C86" s="16">
        <v>26</v>
      </c>
      <c r="D86" s="17">
        <v>45</v>
      </c>
    </row>
    <row r="87" spans="1:4" ht="18" customHeight="1" x14ac:dyDescent="0.2">
      <c r="A87" s="14">
        <v>67</v>
      </c>
      <c r="B87" s="15">
        <v>27</v>
      </c>
      <c r="C87" s="16">
        <v>31</v>
      </c>
      <c r="D87" s="17">
        <v>58</v>
      </c>
    </row>
    <row r="88" spans="1:4" ht="18" customHeight="1" x14ac:dyDescent="0.2">
      <c r="A88" s="14">
        <v>68</v>
      </c>
      <c r="B88" s="15">
        <v>21</v>
      </c>
      <c r="C88" s="16">
        <v>32</v>
      </c>
      <c r="D88" s="17">
        <v>53</v>
      </c>
    </row>
    <row r="89" spans="1:4" ht="18" customHeight="1" x14ac:dyDescent="0.2">
      <c r="A89" s="14">
        <v>69</v>
      </c>
      <c r="B89" s="15">
        <v>20</v>
      </c>
      <c r="C89" s="16">
        <v>33</v>
      </c>
      <c r="D89" s="17">
        <v>53</v>
      </c>
    </row>
    <row r="90" spans="1:4" ht="18" customHeight="1" x14ac:dyDescent="0.2">
      <c r="A90" s="18" t="s">
        <v>81</v>
      </c>
      <c r="B90" s="15">
        <v>118</v>
      </c>
      <c r="C90" s="16">
        <v>139</v>
      </c>
      <c r="D90" s="17">
        <v>257</v>
      </c>
    </row>
    <row r="91" spans="1:4" ht="18" customHeight="1" x14ac:dyDescent="0.2">
      <c r="A91" s="14">
        <v>70</v>
      </c>
      <c r="B91" s="15">
        <v>16</v>
      </c>
      <c r="C91" s="16">
        <v>31</v>
      </c>
      <c r="D91" s="17">
        <v>47</v>
      </c>
    </row>
    <row r="92" spans="1:4" ht="18" customHeight="1" x14ac:dyDescent="0.2">
      <c r="A92" s="14">
        <v>71</v>
      </c>
      <c r="B92" s="15">
        <v>20</v>
      </c>
      <c r="C92" s="16">
        <v>18</v>
      </c>
      <c r="D92" s="17">
        <v>38</v>
      </c>
    </row>
    <row r="93" spans="1:4" ht="18" customHeight="1" x14ac:dyDescent="0.2">
      <c r="A93" s="14">
        <v>72</v>
      </c>
      <c r="B93" s="15">
        <v>22</v>
      </c>
      <c r="C93" s="16">
        <v>26</v>
      </c>
      <c r="D93" s="17">
        <v>48</v>
      </c>
    </row>
    <row r="94" spans="1:4" ht="18" customHeight="1" x14ac:dyDescent="0.2">
      <c r="A94" s="14">
        <v>73</v>
      </c>
      <c r="B94" s="15">
        <v>29</v>
      </c>
      <c r="C94" s="16">
        <v>20</v>
      </c>
      <c r="D94" s="17">
        <v>49</v>
      </c>
    </row>
    <row r="95" spans="1:4" ht="18" customHeight="1" x14ac:dyDescent="0.2">
      <c r="A95" s="14">
        <v>74</v>
      </c>
      <c r="B95" s="15">
        <v>15</v>
      </c>
      <c r="C95" s="16">
        <v>36</v>
      </c>
      <c r="D95" s="17">
        <v>51</v>
      </c>
    </row>
    <row r="96" spans="1:4" ht="18" customHeight="1" x14ac:dyDescent="0.2">
      <c r="A96" s="18" t="s">
        <v>82</v>
      </c>
      <c r="B96" s="15">
        <v>102</v>
      </c>
      <c r="C96" s="16">
        <v>131</v>
      </c>
      <c r="D96" s="17">
        <v>233</v>
      </c>
    </row>
    <row r="97" spans="1:4" ht="18" customHeight="1" x14ac:dyDescent="0.2">
      <c r="A97" s="14">
        <v>75</v>
      </c>
      <c r="B97" s="15">
        <v>15</v>
      </c>
      <c r="C97" s="16">
        <v>27</v>
      </c>
      <c r="D97" s="17">
        <v>42</v>
      </c>
    </row>
    <row r="98" spans="1:4" ht="18" customHeight="1" x14ac:dyDescent="0.2">
      <c r="A98" s="14">
        <v>76</v>
      </c>
      <c r="B98" s="15">
        <v>29</v>
      </c>
      <c r="C98" s="16">
        <v>29</v>
      </c>
      <c r="D98" s="17">
        <v>58</v>
      </c>
    </row>
    <row r="99" spans="1:4" ht="18" customHeight="1" x14ac:dyDescent="0.2">
      <c r="A99" s="14">
        <v>77</v>
      </c>
      <c r="B99" s="15">
        <v>12</v>
      </c>
      <c r="C99" s="16">
        <v>32</v>
      </c>
      <c r="D99" s="17">
        <v>44</v>
      </c>
    </row>
    <row r="100" spans="1:4" ht="18" customHeight="1" x14ac:dyDescent="0.2">
      <c r="A100" s="14">
        <v>78</v>
      </c>
      <c r="B100" s="15">
        <v>14</v>
      </c>
      <c r="C100" s="16">
        <v>30</v>
      </c>
      <c r="D100" s="17">
        <v>44</v>
      </c>
    </row>
    <row r="101" spans="1:4" ht="18" customHeight="1" x14ac:dyDescent="0.2">
      <c r="A101" s="14">
        <v>79</v>
      </c>
      <c r="B101" s="15">
        <v>23</v>
      </c>
      <c r="C101" s="16">
        <v>26</v>
      </c>
      <c r="D101" s="17">
        <v>49</v>
      </c>
    </row>
    <row r="102" spans="1:4" ht="18" customHeight="1" x14ac:dyDescent="0.2">
      <c r="A102" s="18" t="s">
        <v>83</v>
      </c>
      <c r="B102" s="15">
        <v>93</v>
      </c>
      <c r="C102" s="16">
        <v>144</v>
      </c>
      <c r="D102" s="17">
        <v>237</v>
      </c>
    </row>
    <row r="103" spans="1:4" ht="18" customHeight="1" x14ac:dyDescent="0.2">
      <c r="A103" s="14">
        <v>80</v>
      </c>
      <c r="B103" s="15">
        <v>17</v>
      </c>
      <c r="C103" s="16">
        <v>29</v>
      </c>
      <c r="D103" s="17">
        <v>46</v>
      </c>
    </row>
    <row r="104" spans="1:4" ht="18" customHeight="1" x14ac:dyDescent="0.2">
      <c r="A104" s="14">
        <v>81</v>
      </c>
      <c r="B104" s="15">
        <v>16</v>
      </c>
      <c r="C104" s="16">
        <v>25</v>
      </c>
      <c r="D104" s="17">
        <v>41</v>
      </c>
    </row>
    <row r="105" spans="1:4" ht="18" customHeight="1" x14ac:dyDescent="0.2">
      <c r="A105" s="14">
        <v>82</v>
      </c>
      <c r="B105" s="15">
        <v>17</v>
      </c>
      <c r="C105" s="16">
        <v>23</v>
      </c>
      <c r="D105" s="17">
        <v>40</v>
      </c>
    </row>
    <row r="106" spans="1:4" ht="18" customHeight="1" x14ac:dyDescent="0.2">
      <c r="A106" s="14">
        <v>83</v>
      </c>
      <c r="B106" s="15">
        <v>13</v>
      </c>
      <c r="C106" s="16">
        <v>28</v>
      </c>
      <c r="D106" s="17">
        <v>41</v>
      </c>
    </row>
    <row r="107" spans="1:4" ht="18" customHeight="1" x14ac:dyDescent="0.2">
      <c r="A107" s="14">
        <v>84</v>
      </c>
      <c r="B107" s="15">
        <v>12</v>
      </c>
      <c r="C107" s="16">
        <v>26</v>
      </c>
      <c r="D107" s="17">
        <v>38</v>
      </c>
    </row>
    <row r="108" spans="1:4" ht="18" customHeight="1" x14ac:dyDescent="0.2">
      <c r="A108" s="18" t="s">
        <v>84</v>
      </c>
      <c r="B108" s="15">
        <v>75</v>
      </c>
      <c r="C108" s="16">
        <v>131</v>
      </c>
      <c r="D108" s="17">
        <v>206</v>
      </c>
    </row>
    <row r="109" spans="1:4" ht="18" customHeight="1" x14ac:dyDescent="0.2">
      <c r="A109" s="14">
        <v>85</v>
      </c>
      <c r="B109" s="15">
        <v>11</v>
      </c>
      <c r="C109" s="16">
        <v>17</v>
      </c>
      <c r="D109" s="17">
        <v>28</v>
      </c>
    </row>
    <row r="110" spans="1:4" ht="18" customHeight="1" x14ac:dyDescent="0.2">
      <c r="A110" s="14">
        <v>86</v>
      </c>
      <c r="B110" s="15">
        <v>6</v>
      </c>
      <c r="C110" s="16">
        <v>10</v>
      </c>
      <c r="D110" s="17">
        <v>16</v>
      </c>
    </row>
    <row r="111" spans="1:4" ht="18" customHeight="1" x14ac:dyDescent="0.2">
      <c r="A111" s="14">
        <v>87</v>
      </c>
      <c r="B111" s="15">
        <v>5</v>
      </c>
      <c r="C111" s="16">
        <v>17</v>
      </c>
      <c r="D111" s="17">
        <v>22</v>
      </c>
    </row>
    <row r="112" spans="1:4" ht="18" customHeight="1" x14ac:dyDescent="0.2">
      <c r="A112" s="14">
        <v>88</v>
      </c>
      <c r="B112" s="15">
        <v>1</v>
      </c>
      <c r="C112" s="16">
        <v>18</v>
      </c>
      <c r="D112" s="17">
        <v>19</v>
      </c>
    </row>
    <row r="113" spans="1:4" ht="18" customHeight="1" x14ac:dyDescent="0.2">
      <c r="A113" s="14">
        <v>89</v>
      </c>
      <c r="B113" s="15">
        <v>6</v>
      </c>
      <c r="C113" s="16">
        <v>13</v>
      </c>
      <c r="D113" s="17">
        <v>19</v>
      </c>
    </row>
    <row r="114" spans="1:4" ht="18" customHeight="1" x14ac:dyDescent="0.2">
      <c r="A114" s="18" t="s">
        <v>85</v>
      </c>
      <c r="B114" s="15">
        <v>29</v>
      </c>
      <c r="C114" s="16">
        <v>75</v>
      </c>
      <c r="D114" s="17">
        <v>104</v>
      </c>
    </row>
    <row r="115" spans="1:4" ht="18" customHeight="1" x14ac:dyDescent="0.2">
      <c r="A115" s="14">
        <v>90</v>
      </c>
      <c r="B115" s="15">
        <v>4</v>
      </c>
      <c r="C115" s="16">
        <v>6</v>
      </c>
      <c r="D115" s="17">
        <v>10</v>
      </c>
    </row>
    <row r="116" spans="1:4" ht="18" customHeight="1" x14ac:dyDescent="0.2">
      <c r="A116" s="14">
        <v>91</v>
      </c>
      <c r="B116" s="15">
        <v>6</v>
      </c>
      <c r="C116" s="16">
        <v>7</v>
      </c>
      <c r="D116" s="17">
        <v>13</v>
      </c>
    </row>
    <row r="117" spans="1:4" ht="18" customHeight="1" x14ac:dyDescent="0.2">
      <c r="A117" s="14">
        <v>92</v>
      </c>
      <c r="B117" s="15">
        <v>2</v>
      </c>
      <c r="C117" s="16">
        <v>9</v>
      </c>
      <c r="D117" s="17">
        <v>11</v>
      </c>
    </row>
    <row r="118" spans="1:4" ht="18" customHeight="1" x14ac:dyDescent="0.2">
      <c r="A118" s="14">
        <v>93</v>
      </c>
      <c r="B118" s="15">
        <v>4</v>
      </c>
      <c r="C118" s="16">
        <v>4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86</v>
      </c>
      <c r="B120" s="15">
        <v>17</v>
      </c>
      <c r="C120" s="16">
        <v>29</v>
      </c>
      <c r="D120" s="17">
        <v>46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17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436</v>
      </c>
      <c r="C130" s="5">
        <v>669</v>
      </c>
      <c r="D130" s="6">
        <v>1105</v>
      </c>
    </row>
    <row r="131" spans="1:4" ht="18" customHeight="1" x14ac:dyDescent="0.2">
      <c r="A131" s="20" t="s">
        <v>65</v>
      </c>
      <c r="B131" s="7">
        <v>1499</v>
      </c>
      <c r="C131" s="8">
        <v>1752</v>
      </c>
      <c r="D131" s="9">
        <v>325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59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6</v>
      </c>
      <c r="C5" s="37">
        <v>19</v>
      </c>
      <c r="D5" s="39">
        <v>45</v>
      </c>
    </row>
    <row r="6" spans="1:4" ht="18" customHeight="1" x14ac:dyDescent="0.2">
      <c r="A6" s="31">
        <v>1</v>
      </c>
      <c r="B6" s="35">
        <v>22</v>
      </c>
      <c r="C6" s="28">
        <v>25</v>
      </c>
      <c r="D6" s="29">
        <v>47</v>
      </c>
    </row>
    <row r="7" spans="1:4" ht="18" customHeight="1" x14ac:dyDescent="0.2">
      <c r="A7" s="31">
        <v>2</v>
      </c>
      <c r="B7" s="35">
        <v>23</v>
      </c>
      <c r="C7" s="28">
        <v>25</v>
      </c>
      <c r="D7" s="29">
        <v>48</v>
      </c>
    </row>
    <row r="8" spans="1:4" ht="18" customHeight="1" x14ac:dyDescent="0.2">
      <c r="A8" s="31">
        <v>3</v>
      </c>
      <c r="B8" s="35">
        <v>20</v>
      </c>
      <c r="C8" s="28">
        <v>23</v>
      </c>
      <c r="D8" s="29">
        <v>43</v>
      </c>
    </row>
    <row r="9" spans="1:4" ht="18" customHeight="1" x14ac:dyDescent="0.2">
      <c r="A9" s="31">
        <v>4</v>
      </c>
      <c r="B9" s="36">
        <v>32</v>
      </c>
      <c r="C9" s="38">
        <v>28</v>
      </c>
      <c r="D9" s="40">
        <v>60</v>
      </c>
    </row>
    <row r="10" spans="1:4" ht="18" customHeight="1" x14ac:dyDescent="0.2">
      <c r="A10" s="31" t="s">
        <v>66</v>
      </c>
      <c r="B10" s="27">
        <v>123</v>
      </c>
      <c r="C10" s="28">
        <v>120</v>
      </c>
      <c r="D10" s="29">
        <v>243</v>
      </c>
    </row>
    <row r="11" spans="1:4" ht="18" customHeight="1" x14ac:dyDescent="0.2">
      <c r="A11" s="31">
        <v>5</v>
      </c>
      <c r="B11" s="35">
        <v>31</v>
      </c>
      <c r="C11" s="28">
        <v>35</v>
      </c>
      <c r="D11" s="29">
        <v>66</v>
      </c>
    </row>
    <row r="12" spans="1:4" ht="18" customHeight="1" x14ac:dyDescent="0.2">
      <c r="A12" s="31">
        <v>6</v>
      </c>
      <c r="B12" s="35">
        <v>34</v>
      </c>
      <c r="C12" s="28">
        <v>26</v>
      </c>
      <c r="D12" s="29">
        <v>60</v>
      </c>
    </row>
    <row r="13" spans="1:4" ht="18" customHeight="1" x14ac:dyDescent="0.2">
      <c r="A13" s="31">
        <v>7</v>
      </c>
      <c r="B13" s="35">
        <v>39</v>
      </c>
      <c r="C13" s="28">
        <v>45</v>
      </c>
      <c r="D13" s="29">
        <v>84</v>
      </c>
    </row>
    <row r="14" spans="1:4" ht="18" customHeight="1" x14ac:dyDescent="0.2">
      <c r="A14" s="31">
        <v>8</v>
      </c>
      <c r="B14" s="35">
        <v>28</v>
      </c>
      <c r="C14" s="28">
        <v>29</v>
      </c>
      <c r="D14" s="29">
        <v>57</v>
      </c>
    </row>
    <row r="15" spans="1:4" ht="18" customHeight="1" x14ac:dyDescent="0.2">
      <c r="A15" s="31">
        <v>9</v>
      </c>
      <c r="B15" s="35">
        <v>31</v>
      </c>
      <c r="C15" s="28">
        <v>20</v>
      </c>
      <c r="D15" s="29">
        <v>51</v>
      </c>
    </row>
    <row r="16" spans="1:4" ht="18" customHeight="1" x14ac:dyDescent="0.2">
      <c r="A16" s="31" t="s">
        <v>67</v>
      </c>
      <c r="B16" s="27">
        <v>163</v>
      </c>
      <c r="C16" s="28">
        <v>155</v>
      </c>
      <c r="D16" s="29">
        <v>318</v>
      </c>
    </row>
    <row r="17" spans="1:4" ht="18" customHeight="1" x14ac:dyDescent="0.2">
      <c r="A17" s="31">
        <v>10</v>
      </c>
      <c r="B17" s="27">
        <v>33</v>
      </c>
      <c r="C17" s="28">
        <v>38</v>
      </c>
      <c r="D17" s="29">
        <v>71</v>
      </c>
    </row>
    <row r="18" spans="1:4" ht="18" customHeight="1" x14ac:dyDescent="0.2">
      <c r="A18" s="31">
        <v>11</v>
      </c>
      <c r="B18" s="27">
        <v>35</v>
      </c>
      <c r="C18" s="28">
        <v>36</v>
      </c>
      <c r="D18" s="29">
        <v>71</v>
      </c>
    </row>
    <row r="19" spans="1:4" ht="18" customHeight="1" x14ac:dyDescent="0.2">
      <c r="A19" s="31">
        <v>12</v>
      </c>
      <c r="B19" s="27">
        <v>39</v>
      </c>
      <c r="C19" s="28">
        <v>37</v>
      </c>
      <c r="D19" s="29">
        <v>76</v>
      </c>
    </row>
    <row r="20" spans="1:4" ht="18" customHeight="1" x14ac:dyDescent="0.2">
      <c r="A20" s="31">
        <v>13</v>
      </c>
      <c r="B20" s="27">
        <v>41</v>
      </c>
      <c r="C20" s="28">
        <v>32</v>
      </c>
      <c r="D20" s="29">
        <v>73</v>
      </c>
    </row>
    <row r="21" spans="1:4" ht="18" customHeight="1" x14ac:dyDescent="0.2">
      <c r="A21" s="31">
        <v>14</v>
      </c>
      <c r="B21" s="27">
        <v>40</v>
      </c>
      <c r="C21" s="28">
        <v>37</v>
      </c>
      <c r="D21" s="29">
        <v>77</v>
      </c>
    </row>
    <row r="22" spans="1:4" ht="18" customHeight="1" x14ac:dyDescent="0.2">
      <c r="A22" s="31" t="s">
        <v>68</v>
      </c>
      <c r="B22" s="27">
        <v>188</v>
      </c>
      <c r="C22" s="28">
        <v>180</v>
      </c>
      <c r="D22" s="29">
        <v>368</v>
      </c>
    </row>
    <row r="23" spans="1:4" ht="18" customHeight="1" x14ac:dyDescent="0.2">
      <c r="A23" s="31" t="s">
        <v>69</v>
      </c>
      <c r="B23" s="27">
        <v>474</v>
      </c>
      <c r="C23" s="28">
        <v>455</v>
      </c>
      <c r="D23" s="29">
        <v>929</v>
      </c>
    </row>
    <row r="24" spans="1:4" ht="18" customHeight="1" x14ac:dyDescent="0.2">
      <c r="A24" s="31">
        <v>15</v>
      </c>
      <c r="B24" s="27">
        <v>36</v>
      </c>
      <c r="C24" s="28">
        <v>26</v>
      </c>
      <c r="D24" s="29">
        <v>62</v>
      </c>
    </row>
    <row r="25" spans="1:4" ht="18" customHeight="1" x14ac:dyDescent="0.2">
      <c r="A25" s="31">
        <v>16</v>
      </c>
      <c r="B25" s="27">
        <v>37</v>
      </c>
      <c r="C25" s="28">
        <v>29</v>
      </c>
      <c r="D25" s="29">
        <v>66</v>
      </c>
    </row>
    <row r="26" spans="1:4" ht="18" customHeight="1" x14ac:dyDescent="0.2">
      <c r="A26" s="31">
        <v>17</v>
      </c>
      <c r="B26" s="27">
        <v>22</v>
      </c>
      <c r="C26" s="28">
        <v>29</v>
      </c>
      <c r="D26" s="29">
        <v>51</v>
      </c>
    </row>
    <row r="27" spans="1:4" ht="18" customHeight="1" x14ac:dyDescent="0.2">
      <c r="A27" s="31">
        <v>18</v>
      </c>
      <c r="B27" s="27">
        <v>24</v>
      </c>
      <c r="C27" s="28">
        <v>33</v>
      </c>
      <c r="D27" s="29">
        <v>57</v>
      </c>
    </row>
    <row r="28" spans="1:4" ht="18" customHeight="1" x14ac:dyDescent="0.2">
      <c r="A28" s="31">
        <v>19</v>
      </c>
      <c r="B28" s="27">
        <v>24</v>
      </c>
      <c r="C28" s="28">
        <v>24</v>
      </c>
      <c r="D28" s="29">
        <v>48</v>
      </c>
    </row>
    <row r="29" spans="1:4" ht="18" customHeight="1" x14ac:dyDescent="0.2">
      <c r="A29" s="31" t="s">
        <v>70</v>
      </c>
      <c r="B29" s="27">
        <v>143</v>
      </c>
      <c r="C29" s="28">
        <v>141</v>
      </c>
      <c r="D29" s="29">
        <v>284</v>
      </c>
    </row>
    <row r="30" spans="1:4" ht="18" customHeight="1" x14ac:dyDescent="0.2">
      <c r="A30" s="31">
        <v>20</v>
      </c>
      <c r="B30" s="27">
        <v>33</v>
      </c>
      <c r="C30" s="28">
        <v>32</v>
      </c>
      <c r="D30" s="29">
        <v>65</v>
      </c>
    </row>
    <row r="31" spans="1:4" ht="18" customHeight="1" x14ac:dyDescent="0.2">
      <c r="A31" s="31">
        <v>21</v>
      </c>
      <c r="B31" s="27">
        <v>22</v>
      </c>
      <c r="C31" s="28">
        <v>23</v>
      </c>
      <c r="D31" s="29">
        <v>45</v>
      </c>
    </row>
    <row r="32" spans="1:4" ht="18" customHeight="1" x14ac:dyDescent="0.2">
      <c r="A32" s="31">
        <v>22</v>
      </c>
      <c r="B32" s="27">
        <v>23</v>
      </c>
      <c r="C32" s="28">
        <v>21</v>
      </c>
      <c r="D32" s="29">
        <v>44</v>
      </c>
    </row>
    <row r="33" spans="1:4" ht="18" customHeight="1" x14ac:dyDescent="0.2">
      <c r="A33" s="31">
        <v>23</v>
      </c>
      <c r="B33" s="27">
        <v>16</v>
      </c>
      <c r="C33" s="28">
        <v>23</v>
      </c>
      <c r="D33" s="29">
        <v>39</v>
      </c>
    </row>
    <row r="34" spans="1:4" ht="18" customHeight="1" x14ac:dyDescent="0.2">
      <c r="A34" s="31">
        <v>24</v>
      </c>
      <c r="B34" s="27">
        <v>22</v>
      </c>
      <c r="C34" s="28">
        <v>21</v>
      </c>
      <c r="D34" s="29">
        <v>43</v>
      </c>
    </row>
    <row r="35" spans="1:4" ht="18" customHeight="1" x14ac:dyDescent="0.2">
      <c r="A35" s="31" t="s">
        <v>71</v>
      </c>
      <c r="B35" s="27">
        <v>116</v>
      </c>
      <c r="C35" s="28">
        <v>120</v>
      </c>
      <c r="D35" s="29">
        <v>236</v>
      </c>
    </row>
    <row r="36" spans="1:4" ht="18" customHeight="1" x14ac:dyDescent="0.2">
      <c r="A36" s="31">
        <v>25</v>
      </c>
      <c r="B36" s="27">
        <v>24</v>
      </c>
      <c r="C36" s="28">
        <v>17</v>
      </c>
      <c r="D36" s="29">
        <v>41</v>
      </c>
    </row>
    <row r="37" spans="1:4" ht="18" customHeight="1" x14ac:dyDescent="0.2">
      <c r="A37" s="31">
        <v>26</v>
      </c>
      <c r="B37" s="27">
        <v>23</v>
      </c>
      <c r="C37" s="28">
        <v>22</v>
      </c>
      <c r="D37" s="29">
        <v>45</v>
      </c>
    </row>
    <row r="38" spans="1:4" ht="18" customHeight="1" x14ac:dyDescent="0.2">
      <c r="A38" s="31">
        <v>27</v>
      </c>
      <c r="B38" s="27">
        <v>23</v>
      </c>
      <c r="C38" s="28">
        <v>27</v>
      </c>
      <c r="D38" s="29">
        <v>50</v>
      </c>
    </row>
    <row r="39" spans="1:4" ht="18" customHeight="1" x14ac:dyDescent="0.2">
      <c r="A39" s="31">
        <v>28</v>
      </c>
      <c r="B39" s="27">
        <v>30</v>
      </c>
      <c r="C39" s="28">
        <v>27</v>
      </c>
      <c r="D39" s="29">
        <v>57</v>
      </c>
    </row>
    <row r="40" spans="1:4" ht="18" customHeight="1" x14ac:dyDescent="0.2">
      <c r="A40" s="31">
        <v>29</v>
      </c>
      <c r="B40" s="27">
        <v>36</v>
      </c>
      <c r="C40" s="28">
        <v>27</v>
      </c>
      <c r="D40" s="29">
        <v>63</v>
      </c>
    </row>
    <row r="41" spans="1:4" ht="18" customHeight="1" x14ac:dyDescent="0.2">
      <c r="A41" s="31" t="s">
        <v>72</v>
      </c>
      <c r="B41" s="27">
        <v>136</v>
      </c>
      <c r="C41" s="28">
        <v>120</v>
      </c>
      <c r="D41" s="29">
        <v>256</v>
      </c>
    </row>
    <row r="42" spans="1:4" ht="18" customHeight="1" x14ac:dyDescent="0.2">
      <c r="A42" s="31">
        <v>30</v>
      </c>
      <c r="B42" s="27">
        <v>20</v>
      </c>
      <c r="C42" s="28">
        <v>27</v>
      </c>
      <c r="D42" s="29">
        <v>47</v>
      </c>
    </row>
    <row r="43" spans="1:4" ht="18" customHeight="1" x14ac:dyDescent="0.2">
      <c r="A43" s="31">
        <v>31</v>
      </c>
      <c r="B43" s="27">
        <v>32</v>
      </c>
      <c r="C43" s="28">
        <v>26</v>
      </c>
      <c r="D43" s="29">
        <v>58</v>
      </c>
    </row>
    <row r="44" spans="1:4" ht="18" customHeight="1" x14ac:dyDescent="0.2">
      <c r="A44" s="31">
        <v>32</v>
      </c>
      <c r="B44" s="27">
        <v>30</v>
      </c>
      <c r="C44" s="28">
        <v>36</v>
      </c>
      <c r="D44" s="29">
        <v>66</v>
      </c>
    </row>
    <row r="45" spans="1:4" ht="18" customHeight="1" x14ac:dyDescent="0.2">
      <c r="A45" s="31">
        <v>33</v>
      </c>
      <c r="B45" s="27">
        <v>41</v>
      </c>
      <c r="C45" s="28">
        <v>34</v>
      </c>
      <c r="D45" s="29">
        <v>75</v>
      </c>
    </row>
    <row r="46" spans="1:4" ht="18" customHeight="1" x14ac:dyDescent="0.2">
      <c r="A46" s="31">
        <v>34</v>
      </c>
      <c r="B46" s="27">
        <v>47</v>
      </c>
      <c r="C46" s="28">
        <v>45</v>
      </c>
      <c r="D46" s="29">
        <v>92</v>
      </c>
    </row>
    <row r="47" spans="1:4" ht="18" customHeight="1" x14ac:dyDescent="0.2">
      <c r="A47" s="31" t="s">
        <v>73</v>
      </c>
      <c r="B47" s="27">
        <v>170</v>
      </c>
      <c r="C47" s="28">
        <v>168</v>
      </c>
      <c r="D47" s="29">
        <v>338</v>
      </c>
    </row>
    <row r="48" spans="1:4" ht="18" customHeight="1" x14ac:dyDescent="0.2">
      <c r="A48" s="31">
        <v>35</v>
      </c>
      <c r="B48" s="27">
        <v>57</v>
      </c>
      <c r="C48" s="28">
        <v>48</v>
      </c>
      <c r="D48" s="29">
        <v>105</v>
      </c>
    </row>
    <row r="49" spans="1:4" ht="18" customHeight="1" x14ac:dyDescent="0.2">
      <c r="A49" s="31">
        <v>36</v>
      </c>
      <c r="B49" s="27">
        <v>50</v>
      </c>
      <c r="C49" s="28">
        <v>53</v>
      </c>
      <c r="D49" s="29">
        <v>103</v>
      </c>
    </row>
    <row r="50" spans="1:4" ht="18" customHeight="1" x14ac:dyDescent="0.2">
      <c r="A50" s="31">
        <v>37</v>
      </c>
      <c r="B50" s="27">
        <v>55</v>
      </c>
      <c r="C50" s="28">
        <v>65</v>
      </c>
      <c r="D50" s="29">
        <v>120</v>
      </c>
    </row>
    <row r="51" spans="1:4" ht="18" customHeight="1" x14ac:dyDescent="0.2">
      <c r="A51" s="31">
        <v>38</v>
      </c>
      <c r="B51" s="27">
        <v>59</v>
      </c>
      <c r="C51" s="28">
        <v>57</v>
      </c>
      <c r="D51" s="29">
        <v>116</v>
      </c>
    </row>
    <row r="52" spans="1:4" ht="18" customHeight="1" x14ac:dyDescent="0.2">
      <c r="A52" s="31">
        <v>39</v>
      </c>
      <c r="B52" s="27">
        <v>44</v>
      </c>
      <c r="C52" s="28">
        <v>52</v>
      </c>
      <c r="D52" s="29">
        <v>96</v>
      </c>
    </row>
    <row r="53" spans="1:4" ht="18" customHeight="1" x14ac:dyDescent="0.2">
      <c r="A53" s="31" t="s">
        <v>74</v>
      </c>
      <c r="B53" s="27">
        <v>265</v>
      </c>
      <c r="C53" s="28">
        <v>275</v>
      </c>
      <c r="D53" s="29">
        <v>540</v>
      </c>
    </row>
    <row r="54" spans="1:4" ht="18" customHeight="1" x14ac:dyDescent="0.2">
      <c r="A54" s="31">
        <v>40</v>
      </c>
      <c r="B54" s="27">
        <v>50</v>
      </c>
      <c r="C54" s="28">
        <v>37</v>
      </c>
      <c r="D54" s="29">
        <v>87</v>
      </c>
    </row>
    <row r="55" spans="1:4" ht="18" customHeight="1" x14ac:dyDescent="0.2">
      <c r="A55" s="31">
        <v>41</v>
      </c>
      <c r="B55" s="27">
        <v>48</v>
      </c>
      <c r="C55" s="28">
        <v>49</v>
      </c>
      <c r="D55" s="29">
        <v>97</v>
      </c>
    </row>
    <row r="56" spans="1:4" ht="18" customHeight="1" x14ac:dyDescent="0.2">
      <c r="A56" s="31">
        <v>42</v>
      </c>
      <c r="B56" s="27">
        <v>44</v>
      </c>
      <c r="C56" s="28">
        <v>32</v>
      </c>
      <c r="D56" s="29">
        <v>76</v>
      </c>
    </row>
    <row r="57" spans="1:4" ht="18" customHeight="1" x14ac:dyDescent="0.2">
      <c r="A57" s="31">
        <v>43</v>
      </c>
      <c r="B57" s="27">
        <v>39</v>
      </c>
      <c r="C57" s="28">
        <v>33</v>
      </c>
      <c r="D57" s="29">
        <v>72</v>
      </c>
    </row>
    <row r="58" spans="1:4" ht="18" customHeight="1" x14ac:dyDescent="0.2">
      <c r="A58" s="31">
        <v>44</v>
      </c>
      <c r="B58" s="27">
        <v>32</v>
      </c>
      <c r="C58" s="28">
        <v>31</v>
      </c>
      <c r="D58" s="29">
        <v>63</v>
      </c>
    </row>
    <row r="59" spans="1:4" ht="18" customHeight="1" x14ac:dyDescent="0.2">
      <c r="A59" s="31" t="s">
        <v>75</v>
      </c>
      <c r="B59" s="27">
        <v>213</v>
      </c>
      <c r="C59" s="28">
        <v>182</v>
      </c>
      <c r="D59" s="29">
        <v>395</v>
      </c>
    </row>
    <row r="60" spans="1:4" ht="18" customHeight="1" x14ac:dyDescent="0.2">
      <c r="A60" s="31">
        <v>45</v>
      </c>
      <c r="B60" s="27">
        <v>30</v>
      </c>
      <c r="C60" s="28">
        <v>32</v>
      </c>
      <c r="D60" s="29">
        <v>62</v>
      </c>
    </row>
    <row r="61" spans="1:4" ht="18" customHeight="1" x14ac:dyDescent="0.2">
      <c r="A61" s="31">
        <v>46</v>
      </c>
      <c r="B61" s="27">
        <v>37</v>
      </c>
      <c r="C61" s="28">
        <v>37</v>
      </c>
      <c r="D61" s="29">
        <v>74</v>
      </c>
    </row>
    <row r="62" spans="1:4" ht="18" customHeight="1" x14ac:dyDescent="0.2">
      <c r="A62" s="31">
        <v>47</v>
      </c>
      <c r="B62" s="27">
        <v>36</v>
      </c>
      <c r="C62" s="28">
        <v>31</v>
      </c>
      <c r="D62" s="29">
        <v>67</v>
      </c>
    </row>
    <row r="63" spans="1:4" ht="18" customHeight="1" x14ac:dyDescent="0.2">
      <c r="A63" s="31">
        <v>48</v>
      </c>
      <c r="B63" s="27">
        <v>30</v>
      </c>
      <c r="C63" s="28">
        <v>32</v>
      </c>
      <c r="D63" s="29">
        <v>62</v>
      </c>
    </row>
    <row r="64" spans="1:4" ht="18" customHeight="1" x14ac:dyDescent="0.2">
      <c r="A64" s="31">
        <v>49</v>
      </c>
      <c r="B64" s="27">
        <v>29</v>
      </c>
      <c r="C64" s="28">
        <v>33</v>
      </c>
      <c r="D64" s="29">
        <v>62</v>
      </c>
    </row>
    <row r="65" spans="1:4" ht="18" customHeight="1" x14ac:dyDescent="0.2">
      <c r="A65" s="31" t="s">
        <v>76</v>
      </c>
      <c r="B65" s="27">
        <v>162</v>
      </c>
      <c r="C65" s="28">
        <v>165</v>
      </c>
      <c r="D65" s="29">
        <v>327</v>
      </c>
    </row>
    <row r="66" spans="1:4" ht="18" customHeight="1" x14ac:dyDescent="0.2">
      <c r="A66" s="31">
        <v>50</v>
      </c>
      <c r="B66" s="27">
        <v>33</v>
      </c>
      <c r="C66" s="28">
        <v>32</v>
      </c>
      <c r="D66" s="29">
        <v>65</v>
      </c>
    </row>
    <row r="67" spans="1:4" ht="18" customHeight="1" x14ac:dyDescent="0.2">
      <c r="A67" s="31">
        <v>51</v>
      </c>
      <c r="B67" s="27">
        <v>33</v>
      </c>
      <c r="C67" s="28">
        <v>29</v>
      </c>
      <c r="D67" s="29">
        <v>62</v>
      </c>
    </row>
    <row r="68" spans="1:4" ht="18" customHeight="1" x14ac:dyDescent="0.2">
      <c r="A68" s="31">
        <v>52</v>
      </c>
      <c r="B68" s="27">
        <v>30</v>
      </c>
      <c r="C68" s="28">
        <v>26</v>
      </c>
      <c r="D68" s="29">
        <v>56</v>
      </c>
    </row>
    <row r="69" spans="1:4" ht="18" customHeight="1" x14ac:dyDescent="0.2">
      <c r="A69" s="31">
        <v>53</v>
      </c>
      <c r="B69" s="27">
        <v>34</v>
      </c>
      <c r="C69" s="28">
        <v>27</v>
      </c>
      <c r="D69" s="29">
        <v>61</v>
      </c>
    </row>
    <row r="70" spans="1:4" ht="18" customHeight="1" x14ac:dyDescent="0.2">
      <c r="A70" s="31">
        <v>54</v>
      </c>
      <c r="B70" s="27">
        <v>37</v>
      </c>
      <c r="C70" s="28">
        <v>33</v>
      </c>
      <c r="D70" s="29">
        <v>70</v>
      </c>
    </row>
    <row r="71" spans="1:4" ht="18" customHeight="1" x14ac:dyDescent="0.2">
      <c r="A71" s="31" t="s">
        <v>77</v>
      </c>
      <c r="B71" s="27">
        <v>167</v>
      </c>
      <c r="C71" s="28">
        <v>147</v>
      </c>
      <c r="D71" s="29">
        <v>314</v>
      </c>
    </row>
    <row r="72" spans="1:4" ht="18" customHeight="1" x14ac:dyDescent="0.2">
      <c r="A72" s="31">
        <v>55</v>
      </c>
      <c r="B72" s="27">
        <v>38</v>
      </c>
      <c r="C72" s="28">
        <v>38</v>
      </c>
      <c r="D72" s="29">
        <v>76</v>
      </c>
    </row>
    <row r="73" spans="1:4" ht="18" customHeight="1" x14ac:dyDescent="0.2">
      <c r="A73" s="31">
        <v>56</v>
      </c>
      <c r="B73" s="27">
        <v>31</v>
      </c>
      <c r="C73" s="28">
        <v>36</v>
      </c>
      <c r="D73" s="29">
        <v>67</v>
      </c>
    </row>
    <row r="74" spans="1:4" ht="18" customHeight="1" x14ac:dyDescent="0.2">
      <c r="A74" s="31">
        <v>57</v>
      </c>
      <c r="B74" s="27">
        <v>38</v>
      </c>
      <c r="C74" s="28">
        <v>36</v>
      </c>
      <c r="D74" s="29">
        <v>74</v>
      </c>
    </row>
    <row r="75" spans="1:4" ht="18" customHeight="1" x14ac:dyDescent="0.2">
      <c r="A75" s="31">
        <v>58</v>
      </c>
      <c r="B75" s="27">
        <v>32</v>
      </c>
      <c r="C75" s="28">
        <v>36</v>
      </c>
      <c r="D75" s="29">
        <v>68</v>
      </c>
    </row>
    <row r="76" spans="1:4" ht="18" customHeight="1" x14ac:dyDescent="0.2">
      <c r="A76" s="31">
        <v>59</v>
      </c>
      <c r="B76" s="27">
        <v>35</v>
      </c>
      <c r="C76" s="28">
        <v>43</v>
      </c>
      <c r="D76" s="29">
        <v>78</v>
      </c>
    </row>
    <row r="77" spans="1:4" ht="18" customHeight="1" x14ac:dyDescent="0.2">
      <c r="A77" s="31" t="s">
        <v>78</v>
      </c>
      <c r="B77" s="27">
        <v>174</v>
      </c>
      <c r="C77" s="28">
        <v>189</v>
      </c>
      <c r="D77" s="29">
        <v>363</v>
      </c>
    </row>
    <row r="78" spans="1:4" ht="18" customHeight="1" x14ac:dyDescent="0.2">
      <c r="A78" s="31">
        <v>60</v>
      </c>
      <c r="B78" s="27">
        <v>49</v>
      </c>
      <c r="C78" s="28">
        <v>52</v>
      </c>
      <c r="D78" s="29">
        <v>101</v>
      </c>
    </row>
    <row r="79" spans="1:4" ht="18" customHeight="1" x14ac:dyDescent="0.2">
      <c r="A79" s="31">
        <v>61</v>
      </c>
      <c r="B79" s="27">
        <v>50</v>
      </c>
      <c r="C79" s="28">
        <v>49</v>
      </c>
      <c r="D79" s="29">
        <v>99</v>
      </c>
    </row>
    <row r="80" spans="1:4" ht="18" customHeight="1" x14ac:dyDescent="0.2">
      <c r="A80" s="31">
        <v>62</v>
      </c>
      <c r="B80" s="27">
        <v>59</v>
      </c>
      <c r="C80" s="28">
        <v>61</v>
      </c>
      <c r="D80" s="29">
        <v>120</v>
      </c>
    </row>
    <row r="81" spans="1:4" ht="18" customHeight="1" x14ac:dyDescent="0.2">
      <c r="A81" s="31">
        <v>63</v>
      </c>
      <c r="B81" s="27">
        <v>30</v>
      </c>
      <c r="C81" s="28">
        <v>26</v>
      </c>
      <c r="D81" s="29">
        <v>56</v>
      </c>
    </row>
    <row r="82" spans="1:4" ht="18" customHeight="1" x14ac:dyDescent="0.2">
      <c r="A82" s="31">
        <v>64</v>
      </c>
      <c r="B82" s="27">
        <v>25</v>
      </c>
      <c r="C82" s="28">
        <v>27</v>
      </c>
      <c r="D82" s="29">
        <v>52</v>
      </c>
    </row>
    <row r="83" spans="1:4" ht="18" customHeight="1" x14ac:dyDescent="0.2">
      <c r="A83" s="31" t="s">
        <v>79</v>
      </c>
      <c r="B83" s="27">
        <v>213</v>
      </c>
      <c r="C83" s="28">
        <v>215</v>
      </c>
      <c r="D83" s="29">
        <v>428</v>
      </c>
    </row>
    <row r="84" spans="1:4" ht="18" customHeight="1" x14ac:dyDescent="0.2">
      <c r="A84" s="31" t="s">
        <v>80</v>
      </c>
      <c r="B84" s="27">
        <v>1759</v>
      </c>
      <c r="C84" s="28">
        <v>1722</v>
      </c>
      <c r="D84" s="29">
        <v>3481</v>
      </c>
    </row>
    <row r="85" spans="1:4" ht="18" customHeight="1" x14ac:dyDescent="0.2">
      <c r="A85" s="31">
        <v>65</v>
      </c>
      <c r="B85" s="27">
        <v>26</v>
      </c>
      <c r="C85" s="28">
        <v>41</v>
      </c>
      <c r="D85" s="29">
        <v>67</v>
      </c>
    </row>
    <row r="86" spans="1:4" ht="18" customHeight="1" x14ac:dyDescent="0.2">
      <c r="A86" s="31">
        <v>66</v>
      </c>
      <c r="B86" s="27">
        <v>32</v>
      </c>
      <c r="C86" s="28">
        <v>28</v>
      </c>
      <c r="D86" s="29">
        <v>60</v>
      </c>
    </row>
    <row r="87" spans="1:4" ht="18" customHeight="1" x14ac:dyDescent="0.2">
      <c r="A87" s="31">
        <v>67</v>
      </c>
      <c r="B87" s="27">
        <v>35</v>
      </c>
      <c r="C87" s="28">
        <v>26</v>
      </c>
      <c r="D87" s="29">
        <v>61</v>
      </c>
    </row>
    <row r="88" spans="1:4" ht="18" customHeight="1" x14ac:dyDescent="0.2">
      <c r="A88" s="31">
        <v>68</v>
      </c>
      <c r="B88" s="27">
        <v>18</v>
      </c>
      <c r="C88" s="28">
        <v>29</v>
      </c>
      <c r="D88" s="29">
        <v>47</v>
      </c>
    </row>
    <row r="89" spans="1:4" ht="18" customHeight="1" x14ac:dyDescent="0.2">
      <c r="A89" s="31">
        <v>69</v>
      </c>
      <c r="B89" s="27">
        <v>33</v>
      </c>
      <c r="C89" s="28">
        <v>28</v>
      </c>
      <c r="D89" s="29">
        <v>61</v>
      </c>
    </row>
    <row r="90" spans="1:4" ht="18" customHeight="1" x14ac:dyDescent="0.2">
      <c r="A90" s="31" t="s">
        <v>81</v>
      </c>
      <c r="B90" s="27">
        <v>144</v>
      </c>
      <c r="C90" s="28">
        <v>152</v>
      </c>
      <c r="D90" s="29">
        <v>296</v>
      </c>
    </row>
    <row r="91" spans="1:4" ht="18" customHeight="1" x14ac:dyDescent="0.2">
      <c r="A91" s="31">
        <v>70</v>
      </c>
      <c r="B91" s="27">
        <v>20</v>
      </c>
      <c r="C91" s="28">
        <v>27</v>
      </c>
      <c r="D91" s="29">
        <v>47</v>
      </c>
    </row>
    <row r="92" spans="1:4" ht="18" customHeight="1" x14ac:dyDescent="0.2">
      <c r="A92" s="31">
        <v>71</v>
      </c>
      <c r="B92" s="27">
        <v>22</v>
      </c>
      <c r="C92" s="28">
        <v>23</v>
      </c>
      <c r="D92" s="29">
        <v>45</v>
      </c>
    </row>
    <row r="93" spans="1:4" ht="18" customHeight="1" x14ac:dyDescent="0.2">
      <c r="A93" s="31">
        <v>72</v>
      </c>
      <c r="B93" s="27">
        <v>22</v>
      </c>
      <c r="C93" s="28">
        <v>20</v>
      </c>
      <c r="D93" s="29">
        <v>42</v>
      </c>
    </row>
    <row r="94" spans="1:4" ht="18" customHeight="1" x14ac:dyDescent="0.2">
      <c r="A94" s="31">
        <v>73</v>
      </c>
      <c r="B94" s="27">
        <v>24</v>
      </c>
      <c r="C94" s="28">
        <v>31</v>
      </c>
      <c r="D94" s="29">
        <v>55</v>
      </c>
    </row>
    <row r="95" spans="1:4" ht="18" customHeight="1" x14ac:dyDescent="0.2">
      <c r="A95" s="31">
        <v>74</v>
      </c>
      <c r="B95" s="27">
        <v>21</v>
      </c>
      <c r="C95" s="28">
        <v>25</v>
      </c>
      <c r="D95" s="29">
        <v>46</v>
      </c>
    </row>
    <row r="96" spans="1:4" ht="18" customHeight="1" x14ac:dyDescent="0.2">
      <c r="A96" s="31" t="s">
        <v>82</v>
      </c>
      <c r="B96" s="27">
        <v>109</v>
      </c>
      <c r="C96" s="28">
        <v>126</v>
      </c>
      <c r="D96" s="29">
        <v>235</v>
      </c>
    </row>
    <row r="97" spans="1:4" ht="18" customHeight="1" x14ac:dyDescent="0.2">
      <c r="A97" s="31">
        <v>75</v>
      </c>
      <c r="B97" s="27">
        <v>13</v>
      </c>
      <c r="C97" s="28">
        <v>30</v>
      </c>
      <c r="D97" s="29">
        <v>43</v>
      </c>
    </row>
    <row r="98" spans="1:4" ht="18" customHeight="1" x14ac:dyDescent="0.2">
      <c r="A98" s="31">
        <v>76</v>
      </c>
      <c r="B98" s="27">
        <v>14</v>
      </c>
      <c r="C98" s="28">
        <v>24</v>
      </c>
      <c r="D98" s="29">
        <v>38</v>
      </c>
    </row>
    <row r="99" spans="1:4" ht="18" customHeight="1" x14ac:dyDescent="0.2">
      <c r="A99" s="31">
        <v>77</v>
      </c>
      <c r="B99" s="27">
        <v>16</v>
      </c>
      <c r="C99" s="28">
        <v>25</v>
      </c>
      <c r="D99" s="29">
        <v>41</v>
      </c>
    </row>
    <row r="100" spans="1:4" ht="18" customHeight="1" x14ac:dyDescent="0.2">
      <c r="A100" s="31">
        <v>78</v>
      </c>
      <c r="B100" s="27">
        <v>20</v>
      </c>
      <c r="C100" s="28">
        <v>11</v>
      </c>
      <c r="D100" s="29">
        <v>31</v>
      </c>
    </row>
    <row r="101" spans="1:4" ht="18" customHeight="1" x14ac:dyDescent="0.2">
      <c r="A101" s="31">
        <v>79</v>
      </c>
      <c r="B101" s="27">
        <v>13</v>
      </c>
      <c r="C101" s="28">
        <v>18</v>
      </c>
      <c r="D101" s="29">
        <v>31</v>
      </c>
    </row>
    <row r="102" spans="1:4" ht="18" customHeight="1" x14ac:dyDescent="0.2">
      <c r="A102" s="31" t="s">
        <v>83</v>
      </c>
      <c r="B102" s="27">
        <v>76</v>
      </c>
      <c r="C102" s="28">
        <v>108</v>
      </c>
      <c r="D102" s="29">
        <v>184</v>
      </c>
    </row>
    <row r="103" spans="1:4" ht="18" customHeight="1" x14ac:dyDescent="0.2">
      <c r="A103" s="31">
        <v>80</v>
      </c>
      <c r="B103" s="27">
        <v>8</v>
      </c>
      <c r="C103" s="28">
        <v>23</v>
      </c>
      <c r="D103" s="29">
        <v>31</v>
      </c>
    </row>
    <row r="104" spans="1:4" ht="18" customHeight="1" x14ac:dyDescent="0.2">
      <c r="A104" s="31">
        <v>81</v>
      </c>
      <c r="B104" s="27">
        <v>9</v>
      </c>
      <c r="C104" s="28">
        <v>17</v>
      </c>
      <c r="D104" s="29">
        <v>26</v>
      </c>
    </row>
    <row r="105" spans="1:4" ht="18" customHeight="1" x14ac:dyDescent="0.2">
      <c r="A105" s="31">
        <v>82</v>
      </c>
      <c r="B105" s="27">
        <v>11</v>
      </c>
      <c r="C105" s="28">
        <v>18</v>
      </c>
      <c r="D105" s="29">
        <v>29</v>
      </c>
    </row>
    <row r="106" spans="1:4" ht="18" customHeight="1" x14ac:dyDescent="0.2">
      <c r="A106" s="31">
        <v>83</v>
      </c>
      <c r="B106" s="27">
        <v>9</v>
      </c>
      <c r="C106" s="28">
        <v>18</v>
      </c>
      <c r="D106" s="29">
        <v>27</v>
      </c>
    </row>
    <row r="107" spans="1:4" ht="18" customHeight="1" x14ac:dyDescent="0.2">
      <c r="A107" s="31">
        <v>84</v>
      </c>
      <c r="B107" s="27">
        <v>13</v>
      </c>
      <c r="C107" s="28">
        <v>24</v>
      </c>
      <c r="D107" s="29">
        <v>37</v>
      </c>
    </row>
    <row r="108" spans="1:4" ht="18" customHeight="1" x14ac:dyDescent="0.2">
      <c r="A108" s="31" t="s">
        <v>84</v>
      </c>
      <c r="B108" s="27">
        <v>50</v>
      </c>
      <c r="C108" s="28">
        <v>100</v>
      </c>
      <c r="D108" s="29">
        <v>150</v>
      </c>
    </row>
    <row r="109" spans="1:4" ht="18" customHeight="1" x14ac:dyDescent="0.2">
      <c r="A109" s="31">
        <v>85</v>
      </c>
      <c r="B109" s="27">
        <v>4</v>
      </c>
      <c r="C109" s="28">
        <v>12</v>
      </c>
      <c r="D109" s="29">
        <v>16</v>
      </c>
    </row>
    <row r="110" spans="1:4" ht="18" customHeight="1" x14ac:dyDescent="0.2">
      <c r="A110" s="31">
        <v>86</v>
      </c>
      <c r="B110" s="27">
        <v>6</v>
      </c>
      <c r="C110" s="28">
        <v>12</v>
      </c>
      <c r="D110" s="29">
        <v>18</v>
      </c>
    </row>
    <row r="111" spans="1:4" ht="18" customHeight="1" x14ac:dyDescent="0.2">
      <c r="A111" s="31">
        <v>87</v>
      </c>
      <c r="B111" s="27">
        <v>6</v>
      </c>
      <c r="C111" s="28">
        <v>17</v>
      </c>
      <c r="D111" s="29">
        <v>23</v>
      </c>
    </row>
    <row r="112" spans="1:4" ht="18" customHeight="1" x14ac:dyDescent="0.2">
      <c r="A112" s="31">
        <v>88</v>
      </c>
      <c r="B112" s="27">
        <v>3</v>
      </c>
      <c r="C112" s="28">
        <v>7</v>
      </c>
      <c r="D112" s="29">
        <v>10</v>
      </c>
    </row>
    <row r="113" spans="1:4" ht="18" customHeight="1" x14ac:dyDescent="0.2">
      <c r="A113" s="31">
        <v>89</v>
      </c>
      <c r="B113" s="27">
        <v>4</v>
      </c>
      <c r="C113" s="28">
        <v>6</v>
      </c>
      <c r="D113" s="29">
        <v>10</v>
      </c>
    </row>
    <row r="114" spans="1:4" ht="18" customHeight="1" x14ac:dyDescent="0.2">
      <c r="A114" s="31" t="s">
        <v>85</v>
      </c>
      <c r="B114" s="27">
        <v>23</v>
      </c>
      <c r="C114" s="28">
        <v>54</v>
      </c>
      <c r="D114" s="29">
        <v>77</v>
      </c>
    </row>
    <row r="115" spans="1:4" ht="18" customHeight="1" x14ac:dyDescent="0.2">
      <c r="A115" s="31">
        <v>90</v>
      </c>
      <c r="B115" s="27">
        <v>2</v>
      </c>
      <c r="C115" s="28">
        <v>10</v>
      </c>
      <c r="D115" s="29">
        <v>12</v>
      </c>
    </row>
    <row r="116" spans="1:4" ht="18" customHeight="1" x14ac:dyDescent="0.2">
      <c r="A116" s="31">
        <v>91</v>
      </c>
      <c r="B116" s="27">
        <v>2</v>
      </c>
      <c r="C116" s="28">
        <v>11</v>
      </c>
      <c r="D116" s="29">
        <v>13</v>
      </c>
    </row>
    <row r="117" spans="1:4" ht="18" customHeight="1" x14ac:dyDescent="0.2">
      <c r="A117" s="31">
        <v>92</v>
      </c>
      <c r="B117" s="27">
        <v>3</v>
      </c>
      <c r="C117" s="28">
        <v>9</v>
      </c>
      <c r="D117" s="29">
        <v>12</v>
      </c>
    </row>
    <row r="118" spans="1:4" ht="18" customHeight="1" x14ac:dyDescent="0.2">
      <c r="A118" s="31">
        <v>93</v>
      </c>
      <c r="B118" s="27">
        <v>2</v>
      </c>
      <c r="C118" s="28">
        <v>6</v>
      </c>
      <c r="D118" s="29">
        <v>8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86</v>
      </c>
      <c r="B120" s="27">
        <v>9</v>
      </c>
      <c r="C120" s="28">
        <v>39</v>
      </c>
      <c r="D120" s="29">
        <v>48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3</v>
      </c>
      <c r="C126" s="28">
        <v>12</v>
      </c>
      <c r="D126" s="29">
        <v>15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414</v>
      </c>
      <c r="C130" s="5">
        <v>592</v>
      </c>
      <c r="D130" s="6">
        <v>1006</v>
      </c>
    </row>
    <row r="131" spans="1:4" ht="18" customHeight="1" x14ac:dyDescent="0.2">
      <c r="A131" s="33" t="s">
        <v>65</v>
      </c>
      <c r="B131" s="7">
        <v>2647</v>
      </c>
      <c r="C131" s="8">
        <v>2769</v>
      </c>
      <c r="D131" s="9">
        <v>541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60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5</v>
      </c>
      <c r="C5" s="37">
        <v>4</v>
      </c>
      <c r="D5" s="39">
        <v>9</v>
      </c>
    </row>
    <row r="6" spans="1:4" ht="18" customHeight="1" x14ac:dyDescent="0.2">
      <c r="A6" s="31">
        <v>1</v>
      </c>
      <c r="B6" s="35">
        <v>4</v>
      </c>
      <c r="C6" s="28">
        <v>3</v>
      </c>
      <c r="D6" s="29">
        <v>7</v>
      </c>
    </row>
    <row r="7" spans="1:4" ht="18" customHeight="1" x14ac:dyDescent="0.2">
      <c r="A7" s="31">
        <v>2</v>
      </c>
      <c r="B7" s="35">
        <v>2</v>
      </c>
      <c r="C7" s="28">
        <v>2</v>
      </c>
      <c r="D7" s="29">
        <v>4</v>
      </c>
    </row>
    <row r="8" spans="1:4" ht="18" customHeight="1" x14ac:dyDescent="0.2">
      <c r="A8" s="31">
        <v>3</v>
      </c>
      <c r="B8" s="35">
        <v>3</v>
      </c>
      <c r="C8" s="28">
        <v>2</v>
      </c>
      <c r="D8" s="29">
        <v>5</v>
      </c>
    </row>
    <row r="9" spans="1:4" ht="18" customHeight="1" x14ac:dyDescent="0.2">
      <c r="A9" s="31">
        <v>4</v>
      </c>
      <c r="B9" s="36">
        <v>7</v>
      </c>
      <c r="C9" s="38">
        <v>1</v>
      </c>
      <c r="D9" s="40">
        <v>8</v>
      </c>
    </row>
    <row r="10" spans="1:4" ht="18" customHeight="1" x14ac:dyDescent="0.2">
      <c r="A10" s="31" t="s">
        <v>66</v>
      </c>
      <c r="B10" s="27">
        <v>21</v>
      </c>
      <c r="C10" s="28">
        <v>12</v>
      </c>
      <c r="D10" s="29">
        <v>33</v>
      </c>
    </row>
    <row r="11" spans="1:4" ht="18" customHeight="1" x14ac:dyDescent="0.2">
      <c r="A11" s="31">
        <v>5</v>
      </c>
      <c r="B11" s="35">
        <v>5</v>
      </c>
      <c r="C11" s="28">
        <v>5</v>
      </c>
      <c r="D11" s="29">
        <v>10</v>
      </c>
    </row>
    <row r="12" spans="1:4" ht="18" customHeight="1" x14ac:dyDescent="0.2">
      <c r="A12" s="31">
        <v>6</v>
      </c>
      <c r="B12" s="35">
        <v>1</v>
      </c>
      <c r="C12" s="28">
        <v>4</v>
      </c>
      <c r="D12" s="29">
        <v>5</v>
      </c>
    </row>
    <row r="13" spans="1:4" ht="18" customHeight="1" x14ac:dyDescent="0.2">
      <c r="A13" s="31">
        <v>7</v>
      </c>
      <c r="B13" s="35">
        <v>1</v>
      </c>
      <c r="C13" s="28">
        <v>4</v>
      </c>
      <c r="D13" s="29">
        <v>5</v>
      </c>
    </row>
    <row r="14" spans="1:4" ht="18" customHeight="1" x14ac:dyDescent="0.2">
      <c r="A14" s="31">
        <v>8</v>
      </c>
      <c r="B14" s="35">
        <v>3</v>
      </c>
      <c r="C14" s="28">
        <v>4</v>
      </c>
      <c r="D14" s="29">
        <v>7</v>
      </c>
    </row>
    <row r="15" spans="1:4" ht="18" customHeight="1" x14ac:dyDescent="0.2">
      <c r="A15" s="31">
        <v>9</v>
      </c>
      <c r="B15" s="35">
        <v>5</v>
      </c>
      <c r="C15" s="28">
        <v>6</v>
      </c>
      <c r="D15" s="29">
        <v>11</v>
      </c>
    </row>
    <row r="16" spans="1:4" ht="18" customHeight="1" x14ac:dyDescent="0.2">
      <c r="A16" s="31" t="s">
        <v>67</v>
      </c>
      <c r="B16" s="27">
        <v>15</v>
      </c>
      <c r="C16" s="28">
        <v>23</v>
      </c>
      <c r="D16" s="29">
        <v>38</v>
      </c>
    </row>
    <row r="17" spans="1:4" ht="18" customHeight="1" x14ac:dyDescent="0.2">
      <c r="A17" s="31">
        <v>10</v>
      </c>
      <c r="B17" s="27">
        <v>9</v>
      </c>
      <c r="C17" s="28">
        <v>4</v>
      </c>
      <c r="D17" s="29">
        <v>13</v>
      </c>
    </row>
    <row r="18" spans="1:4" ht="18" customHeight="1" x14ac:dyDescent="0.2">
      <c r="A18" s="31">
        <v>11</v>
      </c>
      <c r="B18" s="27">
        <v>6</v>
      </c>
      <c r="C18" s="28">
        <v>5</v>
      </c>
      <c r="D18" s="29">
        <v>11</v>
      </c>
    </row>
    <row r="19" spans="1:4" ht="18" customHeight="1" x14ac:dyDescent="0.2">
      <c r="A19" s="31">
        <v>12</v>
      </c>
      <c r="B19" s="27">
        <v>2</v>
      </c>
      <c r="C19" s="28">
        <v>8</v>
      </c>
      <c r="D19" s="29">
        <v>10</v>
      </c>
    </row>
    <row r="20" spans="1:4" ht="18" customHeight="1" x14ac:dyDescent="0.2">
      <c r="A20" s="31">
        <v>13</v>
      </c>
      <c r="B20" s="27">
        <v>3</v>
      </c>
      <c r="C20" s="28">
        <v>4</v>
      </c>
      <c r="D20" s="29">
        <v>7</v>
      </c>
    </row>
    <row r="21" spans="1:4" ht="18" customHeight="1" x14ac:dyDescent="0.2">
      <c r="A21" s="31">
        <v>14</v>
      </c>
      <c r="B21" s="27">
        <v>4</v>
      </c>
      <c r="C21" s="28">
        <v>9</v>
      </c>
      <c r="D21" s="29">
        <v>13</v>
      </c>
    </row>
    <row r="22" spans="1:4" ht="18" customHeight="1" x14ac:dyDescent="0.2">
      <c r="A22" s="31" t="s">
        <v>68</v>
      </c>
      <c r="B22" s="27">
        <v>24</v>
      </c>
      <c r="C22" s="28">
        <v>30</v>
      </c>
      <c r="D22" s="29">
        <v>54</v>
      </c>
    </row>
    <row r="23" spans="1:4" ht="18" customHeight="1" x14ac:dyDescent="0.2">
      <c r="A23" s="31" t="s">
        <v>69</v>
      </c>
      <c r="B23" s="27">
        <v>60</v>
      </c>
      <c r="C23" s="28">
        <v>65</v>
      </c>
      <c r="D23" s="29">
        <v>125</v>
      </c>
    </row>
    <row r="24" spans="1:4" ht="18" customHeight="1" x14ac:dyDescent="0.2">
      <c r="A24" s="31">
        <v>15</v>
      </c>
      <c r="B24" s="27">
        <v>6</v>
      </c>
      <c r="C24" s="28">
        <v>5</v>
      </c>
      <c r="D24" s="29">
        <v>11</v>
      </c>
    </row>
    <row r="25" spans="1:4" ht="18" customHeight="1" x14ac:dyDescent="0.2">
      <c r="A25" s="31">
        <v>16</v>
      </c>
      <c r="B25" s="27">
        <v>8</v>
      </c>
      <c r="C25" s="28">
        <v>3</v>
      </c>
      <c r="D25" s="29">
        <v>11</v>
      </c>
    </row>
    <row r="26" spans="1:4" ht="18" customHeight="1" x14ac:dyDescent="0.2">
      <c r="A26" s="31">
        <v>17</v>
      </c>
      <c r="B26" s="27">
        <v>8</v>
      </c>
      <c r="C26" s="28">
        <v>8</v>
      </c>
      <c r="D26" s="29">
        <v>16</v>
      </c>
    </row>
    <row r="27" spans="1:4" ht="18" customHeight="1" x14ac:dyDescent="0.2">
      <c r="A27" s="31">
        <v>18</v>
      </c>
      <c r="B27" s="27">
        <v>2</v>
      </c>
      <c r="C27" s="28">
        <v>4</v>
      </c>
      <c r="D27" s="29">
        <v>6</v>
      </c>
    </row>
    <row r="28" spans="1:4" ht="18" customHeight="1" x14ac:dyDescent="0.2">
      <c r="A28" s="31">
        <v>19</v>
      </c>
      <c r="B28" s="27">
        <v>5</v>
      </c>
      <c r="C28" s="28">
        <v>4</v>
      </c>
      <c r="D28" s="29">
        <v>9</v>
      </c>
    </row>
    <row r="29" spans="1:4" ht="18" customHeight="1" x14ac:dyDescent="0.2">
      <c r="A29" s="31" t="s">
        <v>70</v>
      </c>
      <c r="B29" s="27">
        <v>29</v>
      </c>
      <c r="C29" s="28">
        <v>24</v>
      </c>
      <c r="D29" s="29">
        <v>53</v>
      </c>
    </row>
    <row r="30" spans="1:4" ht="18" customHeight="1" x14ac:dyDescent="0.2">
      <c r="A30" s="31">
        <v>20</v>
      </c>
      <c r="B30" s="27">
        <v>6</v>
      </c>
      <c r="C30" s="28">
        <v>9</v>
      </c>
      <c r="D30" s="29">
        <v>15</v>
      </c>
    </row>
    <row r="31" spans="1:4" ht="18" customHeight="1" x14ac:dyDescent="0.2">
      <c r="A31" s="31">
        <v>21</v>
      </c>
      <c r="B31" s="27">
        <v>7</v>
      </c>
      <c r="C31" s="28">
        <v>6</v>
      </c>
      <c r="D31" s="29">
        <v>13</v>
      </c>
    </row>
    <row r="32" spans="1:4" ht="18" customHeight="1" x14ac:dyDescent="0.2">
      <c r="A32" s="31">
        <v>22</v>
      </c>
      <c r="B32" s="27">
        <v>12</v>
      </c>
      <c r="C32" s="28">
        <v>8</v>
      </c>
      <c r="D32" s="29">
        <v>20</v>
      </c>
    </row>
    <row r="33" spans="1:4" ht="18" customHeight="1" x14ac:dyDescent="0.2">
      <c r="A33" s="31">
        <v>23</v>
      </c>
      <c r="B33" s="27">
        <v>3</v>
      </c>
      <c r="C33" s="28">
        <v>7</v>
      </c>
      <c r="D33" s="29">
        <v>10</v>
      </c>
    </row>
    <row r="34" spans="1:4" ht="18" customHeight="1" x14ac:dyDescent="0.2">
      <c r="A34" s="31">
        <v>24</v>
      </c>
      <c r="B34" s="27">
        <v>2</v>
      </c>
      <c r="C34" s="28">
        <v>9</v>
      </c>
      <c r="D34" s="29">
        <v>11</v>
      </c>
    </row>
    <row r="35" spans="1:4" ht="18" customHeight="1" x14ac:dyDescent="0.2">
      <c r="A35" s="31" t="s">
        <v>71</v>
      </c>
      <c r="B35" s="27">
        <v>30</v>
      </c>
      <c r="C35" s="28">
        <v>39</v>
      </c>
      <c r="D35" s="29">
        <v>69</v>
      </c>
    </row>
    <row r="36" spans="1:4" ht="18" customHeight="1" x14ac:dyDescent="0.2">
      <c r="A36" s="31">
        <v>25</v>
      </c>
      <c r="B36" s="27">
        <v>3</v>
      </c>
      <c r="C36" s="28">
        <v>4</v>
      </c>
      <c r="D36" s="29">
        <v>7</v>
      </c>
    </row>
    <row r="37" spans="1:4" ht="18" customHeight="1" x14ac:dyDescent="0.2">
      <c r="A37" s="31">
        <v>26</v>
      </c>
      <c r="B37" s="27">
        <v>6</v>
      </c>
      <c r="C37" s="28">
        <v>6</v>
      </c>
      <c r="D37" s="29">
        <v>12</v>
      </c>
    </row>
    <row r="38" spans="1:4" ht="18" customHeight="1" x14ac:dyDescent="0.2">
      <c r="A38" s="31">
        <v>27</v>
      </c>
      <c r="B38" s="27">
        <v>7</v>
      </c>
      <c r="C38" s="28">
        <v>4</v>
      </c>
      <c r="D38" s="29">
        <v>11</v>
      </c>
    </row>
    <row r="39" spans="1:4" ht="18" customHeight="1" x14ac:dyDescent="0.2">
      <c r="A39" s="31">
        <v>28</v>
      </c>
      <c r="B39" s="27">
        <v>3</v>
      </c>
      <c r="C39" s="28">
        <v>9</v>
      </c>
      <c r="D39" s="29">
        <v>12</v>
      </c>
    </row>
    <row r="40" spans="1:4" ht="18" customHeight="1" x14ac:dyDescent="0.2">
      <c r="A40" s="31">
        <v>29</v>
      </c>
      <c r="B40" s="27">
        <v>4</v>
      </c>
      <c r="C40" s="28">
        <v>6</v>
      </c>
      <c r="D40" s="29">
        <v>10</v>
      </c>
    </row>
    <row r="41" spans="1:4" ht="18" customHeight="1" x14ac:dyDescent="0.2">
      <c r="A41" s="31" t="s">
        <v>72</v>
      </c>
      <c r="B41" s="27">
        <v>23</v>
      </c>
      <c r="C41" s="28">
        <v>29</v>
      </c>
      <c r="D41" s="29">
        <v>52</v>
      </c>
    </row>
    <row r="42" spans="1:4" ht="18" customHeight="1" x14ac:dyDescent="0.2">
      <c r="A42" s="31">
        <v>30</v>
      </c>
      <c r="B42" s="27">
        <v>6</v>
      </c>
      <c r="C42" s="28">
        <v>4</v>
      </c>
      <c r="D42" s="29">
        <v>10</v>
      </c>
    </row>
    <row r="43" spans="1:4" ht="18" customHeight="1" x14ac:dyDescent="0.2">
      <c r="A43" s="31">
        <v>31</v>
      </c>
      <c r="B43" s="27">
        <v>9</v>
      </c>
      <c r="C43" s="28">
        <v>5</v>
      </c>
      <c r="D43" s="29">
        <v>14</v>
      </c>
    </row>
    <row r="44" spans="1:4" ht="18" customHeight="1" x14ac:dyDescent="0.2">
      <c r="A44" s="31">
        <v>32</v>
      </c>
      <c r="B44" s="27">
        <v>5</v>
      </c>
      <c r="C44" s="28">
        <v>3</v>
      </c>
      <c r="D44" s="29">
        <v>8</v>
      </c>
    </row>
    <row r="45" spans="1:4" ht="18" customHeight="1" x14ac:dyDescent="0.2">
      <c r="A45" s="31">
        <v>33</v>
      </c>
      <c r="B45" s="27">
        <v>8</v>
      </c>
      <c r="C45" s="28">
        <v>10</v>
      </c>
      <c r="D45" s="29">
        <v>18</v>
      </c>
    </row>
    <row r="46" spans="1:4" ht="18" customHeight="1" x14ac:dyDescent="0.2">
      <c r="A46" s="31">
        <v>34</v>
      </c>
      <c r="B46" s="27">
        <v>5</v>
      </c>
      <c r="C46" s="28">
        <v>2</v>
      </c>
      <c r="D46" s="29">
        <v>7</v>
      </c>
    </row>
    <row r="47" spans="1:4" ht="18" customHeight="1" x14ac:dyDescent="0.2">
      <c r="A47" s="31" t="s">
        <v>73</v>
      </c>
      <c r="B47" s="27">
        <v>33</v>
      </c>
      <c r="C47" s="28">
        <v>24</v>
      </c>
      <c r="D47" s="29">
        <v>57</v>
      </c>
    </row>
    <row r="48" spans="1:4" ht="18" customHeight="1" x14ac:dyDescent="0.2">
      <c r="A48" s="31">
        <v>35</v>
      </c>
      <c r="B48" s="27">
        <v>7</v>
      </c>
      <c r="C48" s="28">
        <v>6</v>
      </c>
      <c r="D48" s="29">
        <v>13</v>
      </c>
    </row>
    <row r="49" spans="1:4" ht="18" customHeight="1" x14ac:dyDescent="0.2">
      <c r="A49" s="31">
        <v>36</v>
      </c>
      <c r="B49" s="27">
        <v>3</v>
      </c>
      <c r="C49" s="28">
        <v>5</v>
      </c>
      <c r="D49" s="29">
        <v>8</v>
      </c>
    </row>
    <row r="50" spans="1:4" ht="18" customHeight="1" x14ac:dyDescent="0.2">
      <c r="A50" s="31">
        <v>37</v>
      </c>
      <c r="B50" s="27">
        <v>6</v>
      </c>
      <c r="C50" s="28">
        <v>6</v>
      </c>
      <c r="D50" s="29">
        <v>12</v>
      </c>
    </row>
    <row r="51" spans="1:4" ht="18" customHeight="1" x14ac:dyDescent="0.2">
      <c r="A51" s="31">
        <v>38</v>
      </c>
      <c r="B51" s="27">
        <v>2</v>
      </c>
      <c r="C51" s="28">
        <v>3</v>
      </c>
      <c r="D51" s="29">
        <v>5</v>
      </c>
    </row>
    <row r="52" spans="1:4" ht="18" customHeight="1" x14ac:dyDescent="0.2">
      <c r="A52" s="31">
        <v>39</v>
      </c>
      <c r="B52" s="27">
        <v>4</v>
      </c>
      <c r="C52" s="28">
        <v>3</v>
      </c>
      <c r="D52" s="29">
        <v>7</v>
      </c>
    </row>
    <row r="53" spans="1:4" ht="18" customHeight="1" x14ac:dyDescent="0.2">
      <c r="A53" s="31" t="s">
        <v>74</v>
      </c>
      <c r="B53" s="27">
        <v>22</v>
      </c>
      <c r="C53" s="28">
        <v>23</v>
      </c>
      <c r="D53" s="29">
        <v>45</v>
      </c>
    </row>
    <row r="54" spans="1:4" ht="18" customHeight="1" x14ac:dyDescent="0.2">
      <c r="A54" s="31">
        <v>40</v>
      </c>
      <c r="B54" s="27">
        <v>9</v>
      </c>
      <c r="C54" s="28">
        <v>5</v>
      </c>
      <c r="D54" s="29">
        <v>14</v>
      </c>
    </row>
    <row r="55" spans="1:4" ht="18" customHeight="1" x14ac:dyDescent="0.2">
      <c r="A55" s="31">
        <v>41</v>
      </c>
      <c r="B55" s="27">
        <v>9</v>
      </c>
      <c r="C55" s="28">
        <v>11</v>
      </c>
      <c r="D55" s="29">
        <v>20</v>
      </c>
    </row>
    <row r="56" spans="1:4" ht="18" customHeight="1" x14ac:dyDescent="0.2">
      <c r="A56" s="31">
        <v>42</v>
      </c>
      <c r="B56" s="27">
        <v>6</v>
      </c>
      <c r="C56" s="28">
        <v>6</v>
      </c>
      <c r="D56" s="29">
        <v>12</v>
      </c>
    </row>
    <row r="57" spans="1:4" ht="18" customHeight="1" x14ac:dyDescent="0.2">
      <c r="A57" s="31">
        <v>43</v>
      </c>
      <c r="B57" s="27">
        <v>3</v>
      </c>
      <c r="C57" s="28">
        <v>6</v>
      </c>
      <c r="D57" s="29">
        <v>9</v>
      </c>
    </row>
    <row r="58" spans="1:4" ht="18" customHeight="1" x14ac:dyDescent="0.2">
      <c r="A58" s="31">
        <v>44</v>
      </c>
      <c r="B58" s="27">
        <v>11</v>
      </c>
      <c r="C58" s="28">
        <v>7</v>
      </c>
      <c r="D58" s="29">
        <v>18</v>
      </c>
    </row>
    <row r="59" spans="1:4" ht="18" customHeight="1" x14ac:dyDescent="0.2">
      <c r="A59" s="31" t="s">
        <v>75</v>
      </c>
      <c r="B59" s="27">
        <v>38</v>
      </c>
      <c r="C59" s="28">
        <v>35</v>
      </c>
      <c r="D59" s="29">
        <v>73</v>
      </c>
    </row>
    <row r="60" spans="1:4" ht="18" customHeight="1" x14ac:dyDescent="0.2">
      <c r="A60" s="31">
        <v>45</v>
      </c>
      <c r="B60" s="27">
        <v>4</v>
      </c>
      <c r="C60" s="28">
        <v>7</v>
      </c>
      <c r="D60" s="29">
        <v>11</v>
      </c>
    </row>
    <row r="61" spans="1:4" ht="18" customHeight="1" x14ac:dyDescent="0.2">
      <c r="A61" s="31">
        <v>46</v>
      </c>
      <c r="B61" s="27">
        <v>6</v>
      </c>
      <c r="C61" s="28">
        <v>7</v>
      </c>
      <c r="D61" s="29">
        <v>13</v>
      </c>
    </row>
    <row r="62" spans="1:4" ht="18" customHeight="1" x14ac:dyDescent="0.2">
      <c r="A62" s="31">
        <v>47</v>
      </c>
      <c r="B62" s="27">
        <v>11</v>
      </c>
      <c r="C62" s="28">
        <v>5</v>
      </c>
      <c r="D62" s="29">
        <v>16</v>
      </c>
    </row>
    <row r="63" spans="1:4" ht="18" customHeight="1" x14ac:dyDescent="0.2">
      <c r="A63" s="31">
        <v>48</v>
      </c>
      <c r="B63" s="27">
        <v>7</v>
      </c>
      <c r="C63" s="28">
        <v>11</v>
      </c>
      <c r="D63" s="29">
        <v>18</v>
      </c>
    </row>
    <row r="64" spans="1:4" ht="18" customHeight="1" x14ac:dyDescent="0.2">
      <c r="A64" s="31">
        <v>49</v>
      </c>
      <c r="B64" s="27">
        <v>7</v>
      </c>
      <c r="C64" s="28">
        <v>6</v>
      </c>
      <c r="D64" s="29">
        <v>13</v>
      </c>
    </row>
    <row r="65" spans="1:4" ht="18" customHeight="1" x14ac:dyDescent="0.2">
      <c r="A65" s="31" t="s">
        <v>76</v>
      </c>
      <c r="B65" s="27">
        <v>35</v>
      </c>
      <c r="C65" s="28">
        <v>36</v>
      </c>
      <c r="D65" s="29">
        <v>71</v>
      </c>
    </row>
    <row r="66" spans="1:4" ht="18" customHeight="1" x14ac:dyDescent="0.2">
      <c r="A66" s="31">
        <v>50</v>
      </c>
      <c r="B66" s="27">
        <v>12</v>
      </c>
      <c r="C66" s="28">
        <v>5</v>
      </c>
      <c r="D66" s="29">
        <v>17</v>
      </c>
    </row>
    <row r="67" spans="1:4" ht="18" customHeight="1" x14ac:dyDescent="0.2">
      <c r="A67" s="31">
        <v>51</v>
      </c>
      <c r="B67" s="27">
        <v>5</v>
      </c>
      <c r="C67" s="28">
        <v>5</v>
      </c>
      <c r="D67" s="29">
        <v>10</v>
      </c>
    </row>
    <row r="68" spans="1:4" ht="18" customHeight="1" x14ac:dyDescent="0.2">
      <c r="A68" s="31">
        <v>52</v>
      </c>
      <c r="B68" s="27">
        <v>9</v>
      </c>
      <c r="C68" s="28">
        <v>9</v>
      </c>
      <c r="D68" s="29">
        <v>18</v>
      </c>
    </row>
    <row r="69" spans="1:4" ht="18" customHeight="1" x14ac:dyDescent="0.2">
      <c r="A69" s="31">
        <v>53</v>
      </c>
      <c r="B69" s="27">
        <v>8</v>
      </c>
      <c r="C69" s="28">
        <v>3</v>
      </c>
      <c r="D69" s="29">
        <v>11</v>
      </c>
    </row>
    <row r="70" spans="1:4" ht="18" customHeight="1" x14ac:dyDescent="0.2">
      <c r="A70" s="31">
        <v>54</v>
      </c>
      <c r="B70" s="27">
        <v>7</v>
      </c>
      <c r="C70" s="28">
        <v>3</v>
      </c>
      <c r="D70" s="29">
        <v>10</v>
      </c>
    </row>
    <row r="71" spans="1:4" ht="18" customHeight="1" x14ac:dyDescent="0.2">
      <c r="A71" s="31" t="s">
        <v>77</v>
      </c>
      <c r="B71" s="27">
        <v>41</v>
      </c>
      <c r="C71" s="28">
        <v>25</v>
      </c>
      <c r="D71" s="29">
        <v>66</v>
      </c>
    </row>
    <row r="72" spans="1:4" ht="18" customHeight="1" x14ac:dyDescent="0.2">
      <c r="A72" s="31">
        <v>55</v>
      </c>
      <c r="B72" s="27">
        <v>8</v>
      </c>
      <c r="C72" s="28">
        <v>7</v>
      </c>
      <c r="D72" s="29">
        <v>15</v>
      </c>
    </row>
    <row r="73" spans="1:4" ht="18" customHeight="1" x14ac:dyDescent="0.2">
      <c r="A73" s="31">
        <v>56</v>
      </c>
      <c r="B73" s="27">
        <v>6</v>
      </c>
      <c r="C73" s="28">
        <v>8</v>
      </c>
      <c r="D73" s="29">
        <v>14</v>
      </c>
    </row>
    <row r="74" spans="1:4" ht="18" customHeight="1" x14ac:dyDescent="0.2">
      <c r="A74" s="31">
        <v>57</v>
      </c>
      <c r="B74" s="27">
        <v>10</v>
      </c>
      <c r="C74" s="28">
        <v>3</v>
      </c>
      <c r="D74" s="29">
        <v>13</v>
      </c>
    </row>
    <row r="75" spans="1:4" ht="18" customHeight="1" x14ac:dyDescent="0.2">
      <c r="A75" s="31">
        <v>58</v>
      </c>
      <c r="B75" s="27">
        <v>9</v>
      </c>
      <c r="C75" s="28">
        <v>9</v>
      </c>
      <c r="D75" s="29">
        <v>18</v>
      </c>
    </row>
    <row r="76" spans="1:4" ht="18" customHeight="1" x14ac:dyDescent="0.2">
      <c r="A76" s="31">
        <v>59</v>
      </c>
      <c r="B76" s="27">
        <v>11</v>
      </c>
      <c r="C76" s="28">
        <v>14</v>
      </c>
      <c r="D76" s="29">
        <v>25</v>
      </c>
    </row>
    <row r="77" spans="1:4" ht="18" customHeight="1" x14ac:dyDescent="0.2">
      <c r="A77" s="31" t="s">
        <v>78</v>
      </c>
      <c r="B77" s="27">
        <v>44</v>
      </c>
      <c r="C77" s="28">
        <v>41</v>
      </c>
      <c r="D77" s="29">
        <v>85</v>
      </c>
    </row>
    <row r="78" spans="1:4" ht="18" customHeight="1" x14ac:dyDescent="0.2">
      <c r="A78" s="31">
        <v>60</v>
      </c>
      <c r="B78" s="27">
        <v>13</v>
      </c>
      <c r="C78" s="28">
        <v>8</v>
      </c>
      <c r="D78" s="29">
        <v>21</v>
      </c>
    </row>
    <row r="79" spans="1:4" ht="18" customHeight="1" x14ac:dyDescent="0.2">
      <c r="A79" s="31">
        <v>61</v>
      </c>
      <c r="B79" s="27">
        <v>6</v>
      </c>
      <c r="C79" s="28">
        <v>10</v>
      </c>
      <c r="D79" s="29">
        <v>16</v>
      </c>
    </row>
    <row r="80" spans="1:4" ht="18" customHeight="1" x14ac:dyDescent="0.2">
      <c r="A80" s="31">
        <v>62</v>
      </c>
      <c r="B80" s="27">
        <v>11</v>
      </c>
      <c r="C80" s="28">
        <v>16</v>
      </c>
      <c r="D80" s="29">
        <v>27</v>
      </c>
    </row>
    <row r="81" spans="1:4" ht="18" customHeight="1" x14ac:dyDescent="0.2">
      <c r="A81" s="31">
        <v>63</v>
      </c>
      <c r="B81" s="27">
        <v>7</v>
      </c>
      <c r="C81" s="28">
        <v>5</v>
      </c>
      <c r="D81" s="29">
        <v>12</v>
      </c>
    </row>
    <row r="82" spans="1:4" ht="18" customHeight="1" x14ac:dyDescent="0.2">
      <c r="A82" s="31">
        <v>64</v>
      </c>
      <c r="B82" s="27">
        <v>5</v>
      </c>
      <c r="C82" s="28">
        <v>9</v>
      </c>
      <c r="D82" s="29">
        <v>14</v>
      </c>
    </row>
    <row r="83" spans="1:4" ht="18" customHeight="1" x14ac:dyDescent="0.2">
      <c r="A83" s="31" t="s">
        <v>79</v>
      </c>
      <c r="B83" s="27">
        <v>42</v>
      </c>
      <c r="C83" s="28">
        <v>48</v>
      </c>
      <c r="D83" s="29">
        <v>90</v>
      </c>
    </row>
    <row r="84" spans="1:4" ht="18" customHeight="1" x14ac:dyDescent="0.2">
      <c r="A84" s="31" t="s">
        <v>80</v>
      </c>
      <c r="B84" s="27">
        <v>337</v>
      </c>
      <c r="C84" s="28">
        <v>324</v>
      </c>
      <c r="D84" s="29">
        <v>661</v>
      </c>
    </row>
    <row r="85" spans="1:4" ht="18" customHeight="1" x14ac:dyDescent="0.2">
      <c r="A85" s="31">
        <v>65</v>
      </c>
      <c r="B85" s="27">
        <v>8</v>
      </c>
      <c r="C85" s="28">
        <v>5</v>
      </c>
      <c r="D85" s="29">
        <v>13</v>
      </c>
    </row>
    <row r="86" spans="1:4" ht="18" customHeight="1" x14ac:dyDescent="0.2">
      <c r="A86" s="31">
        <v>66</v>
      </c>
      <c r="B86" s="27">
        <v>10</v>
      </c>
      <c r="C86" s="28">
        <v>8</v>
      </c>
      <c r="D86" s="29">
        <v>18</v>
      </c>
    </row>
    <row r="87" spans="1:4" ht="18" customHeight="1" x14ac:dyDescent="0.2">
      <c r="A87" s="31">
        <v>67</v>
      </c>
      <c r="B87" s="27">
        <v>8</v>
      </c>
      <c r="C87" s="28">
        <v>8</v>
      </c>
      <c r="D87" s="29">
        <v>16</v>
      </c>
    </row>
    <row r="88" spans="1:4" ht="18" customHeight="1" x14ac:dyDescent="0.2">
      <c r="A88" s="31">
        <v>68</v>
      </c>
      <c r="B88" s="27">
        <v>9</v>
      </c>
      <c r="C88" s="28">
        <v>8</v>
      </c>
      <c r="D88" s="29">
        <v>17</v>
      </c>
    </row>
    <row r="89" spans="1:4" ht="18" customHeight="1" x14ac:dyDescent="0.2">
      <c r="A89" s="31">
        <v>69</v>
      </c>
      <c r="B89" s="27">
        <v>5</v>
      </c>
      <c r="C89" s="28">
        <v>5</v>
      </c>
      <c r="D89" s="29">
        <v>10</v>
      </c>
    </row>
    <row r="90" spans="1:4" ht="18" customHeight="1" x14ac:dyDescent="0.2">
      <c r="A90" s="31" t="s">
        <v>81</v>
      </c>
      <c r="B90" s="27">
        <v>40</v>
      </c>
      <c r="C90" s="28">
        <v>34</v>
      </c>
      <c r="D90" s="29">
        <v>74</v>
      </c>
    </row>
    <row r="91" spans="1:4" ht="18" customHeight="1" x14ac:dyDescent="0.2">
      <c r="A91" s="31">
        <v>70</v>
      </c>
      <c r="B91" s="27">
        <v>5</v>
      </c>
      <c r="C91" s="28">
        <v>10</v>
      </c>
      <c r="D91" s="29">
        <v>15</v>
      </c>
    </row>
    <row r="92" spans="1:4" ht="18" customHeight="1" x14ac:dyDescent="0.2">
      <c r="A92" s="31">
        <v>71</v>
      </c>
      <c r="B92" s="27">
        <v>10</v>
      </c>
      <c r="C92" s="28">
        <v>14</v>
      </c>
      <c r="D92" s="29">
        <v>24</v>
      </c>
    </row>
    <row r="93" spans="1:4" ht="18" customHeight="1" x14ac:dyDescent="0.2">
      <c r="A93" s="31">
        <v>72</v>
      </c>
      <c r="B93" s="27">
        <v>4</v>
      </c>
      <c r="C93" s="28">
        <v>10</v>
      </c>
      <c r="D93" s="29">
        <v>14</v>
      </c>
    </row>
    <row r="94" spans="1:4" ht="18" customHeight="1" x14ac:dyDescent="0.2">
      <c r="A94" s="31">
        <v>73</v>
      </c>
      <c r="B94" s="27">
        <v>5</v>
      </c>
      <c r="C94" s="28">
        <v>15</v>
      </c>
      <c r="D94" s="29">
        <v>20</v>
      </c>
    </row>
    <row r="95" spans="1:4" ht="18" customHeight="1" x14ac:dyDescent="0.2">
      <c r="A95" s="31">
        <v>74</v>
      </c>
      <c r="B95" s="27">
        <v>9</v>
      </c>
      <c r="C95" s="28">
        <v>6</v>
      </c>
      <c r="D95" s="29">
        <v>15</v>
      </c>
    </row>
    <row r="96" spans="1:4" ht="18" customHeight="1" x14ac:dyDescent="0.2">
      <c r="A96" s="31" t="s">
        <v>82</v>
      </c>
      <c r="B96" s="27">
        <v>33</v>
      </c>
      <c r="C96" s="28">
        <v>55</v>
      </c>
      <c r="D96" s="29">
        <v>88</v>
      </c>
    </row>
    <row r="97" spans="1:4" ht="18" customHeight="1" x14ac:dyDescent="0.2">
      <c r="A97" s="31">
        <v>75</v>
      </c>
      <c r="B97" s="27">
        <v>4</v>
      </c>
      <c r="C97" s="28">
        <v>5</v>
      </c>
      <c r="D97" s="29">
        <v>9</v>
      </c>
    </row>
    <row r="98" spans="1:4" ht="18" customHeight="1" x14ac:dyDescent="0.2">
      <c r="A98" s="31">
        <v>76</v>
      </c>
      <c r="B98" s="27">
        <v>8</v>
      </c>
      <c r="C98" s="28">
        <v>6</v>
      </c>
      <c r="D98" s="29">
        <v>14</v>
      </c>
    </row>
    <row r="99" spans="1:4" ht="18" customHeight="1" x14ac:dyDescent="0.2">
      <c r="A99" s="31">
        <v>77</v>
      </c>
      <c r="B99" s="27">
        <v>5</v>
      </c>
      <c r="C99" s="28">
        <v>7</v>
      </c>
      <c r="D99" s="29">
        <v>12</v>
      </c>
    </row>
    <row r="100" spans="1:4" ht="18" customHeight="1" x14ac:dyDescent="0.2">
      <c r="A100" s="31">
        <v>78</v>
      </c>
      <c r="B100" s="27">
        <v>6</v>
      </c>
      <c r="C100" s="28">
        <v>6</v>
      </c>
      <c r="D100" s="29">
        <v>12</v>
      </c>
    </row>
    <row r="101" spans="1:4" ht="18" customHeight="1" x14ac:dyDescent="0.2">
      <c r="A101" s="31">
        <v>79</v>
      </c>
      <c r="B101" s="27">
        <v>6</v>
      </c>
      <c r="C101" s="28">
        <v>7</v>
      </c>
      <c r="D101" s="29">
        <v>13</v>
      </c>
    </row>
    <row r="102" spans="1:4" ht="18" customHeight="1" x14ac:dyDescent="0.2">
      <c r="A102" s="31" t="s">
        <v>83</v>
      </c>
      <c r="B102" s="27">
        <v>29</v>
      </c>
      <c r="C102" s="28">
        <v>31</v>
      </c>
      <c r="D102" s="29">
        <v>60</v>
      </c>
    </row>
    <row r="103" spans="1:4" ht="18" customHeight="1" x14ac:dyDescent="0.2">
      <c r="A103" s="31">
        <v>80</v>
      </c>
      <c r="B103" s="27">
        <v>1</v>
      </c>
      <c r="C103" s="28">
        <v>9</v>
      </c>
      <c r="D103" s="29">
        <v>10</v>
      </c>
    </row>
    <row r="104" spans="1:4" ht="18" customHeight="1" x14ac:dyDescent="0.2">
      <c r="A104" s="31">
        <v>81</v>
      </c>
      <c r="B104" s="27">
        <v>7</v>
      </c>
      <c r="C104" s="28">
        <v>6</v>
      </c>
      <c r="D104" s="29">
        <v>13</v>
      </c>
    </row>
    <row r="105" spans="1:4" ht="18" customHeight="1" x14ac:dyDescent="0.2">
      <c r="A105" s="31">
        <v>82</v>
      </c>
      <c r="B105" s="27">
        <v>9</v>
      </c>
      <c r="C105" s="28">
        <v>5</v>
      </c>
      <c r="D105" s="29">
        <v>14</v>
      </c>
    </row>
    <row r="106" spans="1:4" ht="18" customHeight="1" x14ac:dyDescent="0.2">
      <c r="A106" s="31">
        <v>83</v>
      </c>
      <c r="B106" s="27">
        <v>3</v>
      </c>
      <c r="C106" s="28">
        <v>6</v>
      </c>
      <c r="D106" s="29">
        <v>9</v>
      </c>
    </row>
    <row r="107" spans="1:4" ht="18" customHeight="1" x14ac:dyDescent="0.2">
      <c r="A107" s="31">
        <v>84</v>
      </c>
      <c r="B107" s="27">
        <v>7</v>
      </c>
      <c r="C107" s="28">
        <v>7</v>
      </c>
      <c r="D107" s="29">
        <v>14</v>
      </c>
    </row>
    <row r="108" spans="1:4" ht="18" customHeight="1" x14ac:dyDescent="0.2">
      <c r="A108" s="31" t="s">
        <v>84</v>
      </c>
      <c r="B108" s="27">
        <v>27</v>
      </c>
      <c r="C108" s="28">
        <v>33</v>
      </c>
      <c r="D108" s="29">
        <v>60</v>
      </c>
    </row>
    <row r="109" spans="1:4" ht="18" customHeight="1" x14ac:dyDescent="0.2">
      <c r="A109" s="31">
        <v>85</v>
      </c>
      <c r="B109" s="27">
        <v>2</v>
      </c>
      <c r="C109" s="28">
        <v>10</v>
      </c>
      <c r="D109" s="29">
        <v>12</v>
      </c>
    </row>
    <row r="110" spans="1:4" ht="18" customHeight="1" x14ac:dyDescent="0.2">
      <c r="A110" s="31">
        <v>86</v>
      </c>
      <c r="B110" s="27">
        <v>1</v>
      </c>
      <c r="C110" s="28">
        <v>3</v>
      </c>
      <c r="D110" s="29">
        <v>4</v>
      </c>
    </row>
    <row r="111" spans="1:4" ht="18" customHeight="1" x14ac:dyDescent="0.2">
      <c r="A111" s="31">
        <v>87</v>
      </c>
      <c r="B111" s="27">
        <v>3</v>
      </c>
      <c r="C111" s="28">
        <v>1</v>
      </c>
      <c r="D111" s="29">
        <v>4</v>
      </c>
    </row>
    <row r="112" spans="1:4" ht="18" customHeight="1" x14ac:dyDescent="0.2">
      <c r="A112" s="31">
        <v>88</v>
      </c>
      <c r="B112" s="27">
        <v>3</v>
      </c>
      <c r="C112" s="28">
        <v>7</v>
      </c>
      <c r="D112" s="29">
        <v>10</v>
      </c>
    </row>
    <row r="113" spans="1:4" ht="18" customHeight="1" x14ac:dyDescent="0.2">
      <c r="A113" s="31">
        <v>89</v>
      </c>
      <c r="B113" s="27">
        <v>1</v>
      </c>
      <c r="C113" s="28">
        <v>4</v>
      </c>
      <c r="D113" s="29">
        <v>5</v>
      </c>
    </row>
    <row r="114" spans="1:4" ht="18" customHeight="1" x14ac:dyDescent="0.2">
      <c r="A114" s="31" t="s">
        <v>85</v>
      </c>
      <c r="B114" s="27">
        <v>10</v>
      </c>
      <c r="C114" s="28">
        <v>25</v>
      </c>
      <c r="D114" s="29">
        <v>35</v>
      </c>
    </row>
    <row r="115" spans="1:4" ht="18" customHeight="1" x14ac:dyDescent="0.2">
      <c r="A115" s="31">
        <v>90</v>
      </c>
      <c r="B115" s="27">
        <v>3</v>
      </c>
      <c r="C115" s="28">
        <v>2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6</v>
      </c>
      <c r="D116" s="29">
        <v>6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2</v>
      </c>
      <c r="C119" s="28">
        <v>3</v>
      </c>
      <c r="D119" s="29">
        <v>5</v>
      </c>
    </row>
    <row r="120" spans="1:4" ht="18" customHeight="1" x14ac:dyDescent="0.2">
      <c r="A120" s="31" t="s">
        <v>86</v>
      </c>
      <c r="B120" s="27">
        <v>5</v>
      </c>
      <c r="C120" s="28">
        <v>13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2</v>
      </c>
      <c r="C122" s="28">
        <v>1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3</v>
      </c>
      <c r="C126" s="28">
        <v>3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147</v>
      </c>
      <c r="C130" s="5">
        <v>194</v>
      </c>
      <c r="D130" s="6">
        <v>341</v>
      </c>
    </row>
    <row r="131" spans="1:4" ht="18" customHeight="1" x14ac:dyDescent="0.2">
      <c r="A131" s="33" t="s">
        <v>65</v>
      </c>
      <c r="B131" s="7">
        <v>544</v>
      </c>
      <c r="C131" s="8">
        <v>583</v>
      </c>
      <c r="D131" s="9">
        <v>112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61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38</v>
      </c>
      <c r="C5" s="37">
        <v>31</v>
      </c>
      <c r="D5" s="39">
        <v>69</v>
      </c>
    </row>
    <row r="6" spans="1:4" ht="18" customHeight="1" x14ac:dyDescent="0.2">
      <c r="A6" s="31">
        <v>1</v>
      </c>
      <c r="B6" s="35">
        <v>37</v>
      </c>
      <c r="C6" s="28">
        <v>37</v>
      </c>
      <c r="D6" s="29">
        <v>74</v>
      </c>
    </row>
    <row r="7" spans="1:4" ht="18" customHeight="1" x14ac:dyDescent="0.2">
      <c r="A7" s="31">
        <v>2</v>
      </c>
      <c r="B7" s="35">
        <v>36</v>
      </c>
      <c r="C7" s="28">
        <v>41</v>
      </c>
      <c r="D7" s="29">
        <v>77</v>
      </c>
    </row>
    <row r="8" spans="1:4" ht="18" customHeight="1" x14ac:dyDescent="0.2">
      <c r="A8" s="31">
        <v>3</v>
      </c>
      <c r="B8" s="35">
        <v>37</v>
      </c>
      <c r="C8" s="28">
        <v>41</v>
      </c>
      <c r="D8" s="29">
        <v>78</v>
      </c>
    </row>
    <row r="9" spans="1:4" ht="18" customHeight="1" x14ac:dyDescent="0.2">
      <c r="A9" s="31">
        <v>4</v>
      </c>
      <c r="B9" s="36">
        <v>57</v>
      </c>
      <c r="C9" s="38">
        <v>40</v>
      </c>
      <c r="D9" s="40">
        <v>97</v>
      </c>
    </row>
    <row r="10" spans="1:4" ht="18" customHeight="1" x14ac:dyDescent="0.2">
      <c r="A10" s="31" t="s">
        <v>66</v>
      </c>
      <c r="B10" s="27">
        <v>205</v>
      </c>
      <c r="C10" s="28">
        <v>190</v>
      </c>
      <c r="D10" s="29">
        <v>395</v>
      </c>
    </row>
    <row r="11" spans="1:4" ht="18" customHeight="1" x14ac:dyDescent="0.2">
      <c r="A11" s="31">
        <v>5</v>
      </c>
      <c r="B11" s="35">
        <v>46</v>
      </c>
      <c r="C11" s="28">
        <v>50</v>
      </c>
      <c r="D11" s="29">
        <v>96</v>
      </c>
    </row>
    <row r="12" spans="1:4" ht="18" customHeight="1" x14ac:dyDescent="0.2">
      <c r="A12" s="31">
        <v>6</v>
      </c>
      <c r="B12" s="35">
        <v>46</v>
      </c>
      <c r="C12" s="28">
        <v>52</v>
      </c>
      <c r="D12" s="29">
        <v>98</v>
      </c>
    </row>
    <row r="13" spans="1:4" ht="18" customHeight="1" x14ac:dyDescent="0.2">
      <c r="A13" s="31">
        <v>7</v>
      </c>
      <c r="B13" s="35">
        <v>57</v>
      </c>
      <c r="C13" s="28">
        <v>62</v>
      </c>
      <c r="D13" s="29">
        <v>119</v>
      </c>
    </row>
    <row r="14" spans="1:4" ht="18" customHeight="1" x14ac:dyDescent="0.2">
      <c r="A14" s="31">
        <v>8</v>
      </c>
      <c r="B14" s="35">
        <v>54</v>
      </c>
      <c r="C14" s="28">
        <v>53</v>
      </c>
      <c r="D14" s="29">
        <v>107</v>
      </c>
    </row>
    <row r="15" spans="1:4" ht="18" customHeight="1" x14ac:dyDescent="0.2">
      <c r="A15" s="31">
        <v>9</v>
      </c>
      <c r="B15" s="35">
        <v>46</v>
      </c>
      <c r="C15" s="28">
        <v>44</v>
      </c>
      <c r="D15" s="29">
        <v>90</v>
      </c>
    </row>
    <row r="16" spans="1:4" ht="18" customHeight="1" x14ac:dyDescent="0.2">
      <c r="A16" s="31" t="s">
        <v>67</v>
      </c>
      <c r="B16" s="27">
        <v>249</v>
      </c>
      <c r="C16" s="28">
        <v>261</v>
      </c>
      <c r="D16" s="29">
        <v>510</v>
      </c>
    </row>
    <row r="17" spans="1:4" ht="18" customHeight="1" x14ac:dyDescent="0.2">
      <c r="A17" s="31">
        <v>10</v>
      </c>
      <c r="B17" s="27">
        <v>69</v>
      </c>
      <c r="C17" s="28">
        <v>64</v>
      </c>
      <c r="D17" s="29">
        <v>133</v>
      </c>
    </row>
    <row r="18" spans="1:4" ht="18" customHeight="1" x14ac:dyDescent="0.2">
      <c r="A18" s="31">
        <v>11</v>
      </c>
      <c r="B18" s="27">
        <v>56</v>
      </c>
      <c r="C18" s="28">
        <v>64</v>
      </c>
      <c r="D18" s="29">
        <v>120</v>
      </c>
    </row>
    <row r="19" spans="1:4" ht="18" customHeight="1" x14ac:dyDescent="0.2">
      <c r="A19" s="31">
        <v>12</v>
      </c>
      <c r="B19" s="27">
        <v>63</v>
      </c>
      <c r="C19" s="28">
        <v>62</v>
      </c>
      <c r="D19" s="29">
        <v>125</v>
      </c>
    </row>
    <row r="20" spans="1:4" ht="18" customHeight="1" x14ac:dyDescent="0.2">
      <c r="A20" s="31">
        <v>13</v>
      </c>
      <c r="B20" s="27">
        <v>69</v>
      </c>
      <c r="C20" s="28">
        <v>51</v>
      </c>
      <c r="D20" s="29">
        <v>120</v>
      </c>
    </row>
    <row r="21" spans="1:4" ht="18" customHeight="1" x14ac:dyDescent="0.2">
      <c r="A21" s="31">
        <v>14</v>
      </c>
      <c r="B21" s="27">
        <v>63</v>
      </c>
      <c r="C21" s="28">
        <v>66</v>
      </c>
      <c r="D21" s="29">
        <v>129</v>
      </c>
    </row>
    <row r="22" spans="1:4" ht="18" customHeight="1" x14ac:dyDescent="0.2">
      <c r="A22" s="31" t="s">
        <v>68</v>
      </c>
      <c r="B22" s="27">
        <v>320</v>
      </c>
      <c r="C22" s="28">
        <v>307</v>
      </c>
      <c r="D22" s="29">
        <v>627</v>
      </c>
    </row>
    <row r="23" spans="1:4" ht="18" customHeight="1" x14ac:dyDescent="0.2">
      <c r="A23" s="31" t="s">
        <v>69</v>
      </c>
      <c r="B23" s="27">
        <v>774</v>
      </c>
      <c r="C23" s="28">
        <v>758</v>
      </c>
      <c r="D23" s="29">
        <v>1532</v>
      </c>
    </row>
    <row r="24" spans="1:4" ht="18" customHeight="1" x14ac:dyDescent="0.2">
      <c r="A24" s="31">
        <v>15</v>
      </c>
      <c r="B24" s="27">
        <v>67</v>
      </c>
      <c r="C24" s="28">
        <v>51</v>
      </c>
      <c r="D24" s="29">
        <v>118</v>
      </c>
    </row>
    <row r="25" spans="1:4" ht="18" customHeight="1" x14ac:dyDescent="0.2">
      <c r="A25" s="31">
        <v>16</v>
      </c>
      <c r="B25" s="27">
        <v>71</v>
      </c>
      <c r="C25" s="28">
        <v>57</v>
      </c>
      <c r="D25" s="29">
        <v>128</v>
      </c>
    </row>
    <row r="26" spans="1:4" ht="18" customHeight="1" x14ac:dyDescent="0.2">
      <c r="A26" s="31">
        <v>17</v>
      </c>
      <c r="B26" s="27">
        <v>48</v>
      </c>
      <c r="C26" s="28">
        <v>57</v>
      </c>
      <c r="D26" s="29">
        <v>105</v>
      </c>
    </row>
    <row r="27" spans="1:4" ht="18" customHeight="1" x14ac:dyDescent="0.2">
      <c r="A27" s="31">
        <v>18</v>
      </c>
      <c r="B27" s="27">
        <v>43</v>
      </c>
      <c r="C27" s="28">
        <v>51</v>
      </c>
      <c r="D27" s="29">
        <v>94</v>
      </c>
    </row>
    <row r="28" spans="1:4" ht="18" customHeight="1" x14ac:dyDescent="0.2">
      <c r="A28" s="31">
        <v>19</v>
      </c>
      <c r="B28" s="27">
        <v>53</v>
      </c>
      <c r="C28" s="28">
        <v>47</v>
      </c>
      <c r="D28" s="29">
        <v>100</v>
      </c>
    </row>
    <row r="29" spans="1:4" ht="18" customHeight="1" x14ac:dyDescent="0.2">
      <c r="A29" s="31" t="s">
        <v>70</v>
      </c>
      <c r="B29" s="27">
        <v>282</v>
      </c>
      <c r="C29" s="28">
        <v>263</v>
      </c>
      <c r="D29" s="29">
        <v>545</v>
      </c>
    </row>
    <row r="30" spans="1:4" ht="18" customHeight="1" x14ac:dyDescent="0.2">
      <c r="A30" s="31">
        <v>20</v>
      </c>
      <c r="B30" s="27">
        <v>58</v>
      </c>
      <c r="C30" s="28">
        <v>56</v>
      </c>
      <c r="D30" s="29">
        <v>114</v>
      </c>
    </row>
    <row r="31" spans="1:4" ht="18" customHeight="1" x14ac:dyDescent="0.2">
      <c r="A31" s="31">
        <v>21</v>
      </c>
      <c r="B31" s="27">
        <v>51</v>
      </c>
      <c r="C31" s="28">
        <v>44</v>
      </c>
      <c r="D31" s="29">
        <v>95</v>
      </c>
    </row>
    <row r="32" spans="1:4" ht="18" customHeight="1" x14ac:dyDescent="0.2">
      <c r="A32" s="31">
        <v>22</v>
      </c>
      <c r="B32" s="27">
        <v>57</v>
      </c>
      <c r="C32" s="28">
        <v>47</v>
      </c>
      <c r="D32" s="29">
        <v>104</v>
      </c>
    </row>
    <row r="33" spans="1:4" ht="18" customHeight="1" x14ac:dyDescent="0.2">
      <c r="A33" s="31">
        <v>23</v>
      </c>
      <c r="B33" s="27">
        <v>41</v>
      </c>
      <c r="C33" s="28">
        <v>55</v>
      </c>
      <c r="D33" s="29">
        <v>96</v>
      </c>
    </row>
    <row r="34" spans="1:4" ht="18" customHeight="1" x14ac:dyDescent="0.2">
      <c r="A34" s="31">
        <v>24</v>
      </c>
      <c r="B34" s="27">
        <v>41</v>
      </c>
      <c r="C34" s="28">
        <v>52</v>
      </c>
      <c r="D34" s="29">
        <v>93</v>
      </c>
    </row>
    <row r="35" spans="1:4" ht="18" customHeight="1" x14ac:dyDescent="0.2">
      <c r="A35" s="31" t="s">
        <v>71</v>
      </c>
      <c r="B35" s="27">
        <v>248</v>
      </c>
      <c r="C35" s="28">
        <v>254</v>
      </c>
      <c r="D35" s="29">
        <v>502</v>
      </c>
    </row>
    <row r="36" spans="1:4" ht="18" customHeight="1" x14ac:dyDescent="0.2">
      <c r="A36" s="31">
        <v>25</v>
      </c>
      <c r="B36" s="27">
        <v>57</v>
      </c>
      <c r="C36" s="28">
        <v>38</v>
      </c>
      <c r="D36" s="29">
        <v>95</v>
      </c>
    </row>
    <row r="37" spans="1:4" ht="18" customHeight="1" x14ac:dyDescent="0.2">
      <c r="A37" s="31">
        <v>26</v>
      </c>
      <c r="B37" s="27">
        <v>56</v>
      </c>
      <c r="C37" s="28">
        <v>50</v>
      </c>
      <c r="D37" s="29">
        <v>106</v>
      </c>
    </row>
    <row r="38" spans="1:4" ht="18" customHeight="1" x14ac:dyDescent="0.2">
      <c r="A38" s="31">
        <v>27</v>
      </c>
      <c r="B38" s="27">
        <v>41</v>
      </c>
      <c r="C38" s="28">
        <v>53</v>
      </c>
      <c r="D38" s="29">
        <v>94</v>
      </c>
    </row>
    <row r="39" spans="1:4" ht="18" customHeight="1" x14ac:dyDescent="0.2">
      <c r="A39" s="31">
        <v>28</v>
      </c>
      <c r="B39" s="27">
        <v>48</v>
      </c>
      <c r="C39" s="28">
        <v>48</v>
      </c>
      <c r="D39" s="29">
        <v>96</v>
      </c>
    </row>
    <row r="40" spans="1:4" ht="18" customHeight="1" x14ac:dyDescent="0.2">
      <c r="A40" s="31">
        <v>29</v>
      </c>
      <c r="B40" s="27">
        <v>58</v>
      </c>
      <c r="C40" s="28">
        <v>50</v>
      </c>
      <c r="D40" s="29">
        <v>108</v>
      </c>
    </row>
    <row r="41" spans="1:4" ht="18" customHeight="1" x14ac:dyDescent="0.2">
      <c r="A41" s="31" t="s">
        <v>72</v>
      </c>
      <c r="B41" s="27">
        <v>260</v>
      </c>
      <c r="C41" s="28">
        <v>239</v>
      </c>
      <c r="D41" s="29">
        <v>499</v>
      </c>
    </row>
    <row r="42" spans="1:4" ht="18" customHeight="1" x14ac:dyDescent="0.2">
      <c r="A42" s="31">
        <v>30</v>
      </c>
      <c r="B42" s="27">
        <v>47</v>
      </c>
      <c r="C42" s="28">
        <v>51</v>
      </c>
      <c r="D42" s="29">
        <v>98</v>
      </c>
    </row>
    <row r="43" spans="1:4" ht="18" customHeight="1" x14ac:dyDescent="0.2">
      <c r="A43" s="31">
        <v>31</v>
      </c>
      <c r="B43" s="27">
        <v>58</v>
      </c>
      <c r="C43" s="28">
        <v>56</v>
      </c>
      <c r="D43" s="29">
        <v>114</v>
      </c>
    </row>
    <row r="44" spans="1:4" ht="18" customHeight="1" x14ac:dyDescent="0.2">
      <c r="A44" s="31">
        <v>32</v>
      </c>
      <c r="B44" s="27">
        <v>59</v>
      </c>
      <c r="C44" s="28">
        <v>57</v>
      </c>
      <c r="D44" s="29">
        <v>116</v>
      </c>
    </row>
    <row r="45" spans="1:4" ht="18" customHeight="1" x14ac:dyDescent="0.2">
      <c r="A45" s="31">
        <v>33</v>
      </c>
      <c r="B45" s="27">
        <v>73</v>
      </c>
      <c r="C45" s="28">
        <v>65</v>
      </c>
      <c r="D45" s="29">
        <v>138</v>
      </c>
    </row>
    <row r="46" spans="1:4" ht="18" customHeight="1" x14ac:dyDescent="0.2">
      <c r="A46" s="31">
        <v>34</v>
      </c>
      <c r="B46" s="27">
        <v>76</v>
      </c>
      <c r="C46" s="28">
        <v>70</v>
      </c>
      <c r="D46" s="29">
        <v>146</v>
      </c>
    </row>
    <row r="47" spans="1:4" ht="18" customHeight="1" x14ac:dyDescent="0.2">
      <c r="A47" s="31" t="s">
        <v>73</v>
      </c>
      <c r="B47" s="27">
        <v>313</v>
      </c>
      <c r="C47" s="28">
        <v>299</v>
      </c>
      <c r="D47" s="29">
        <v>612</v>
      </c>
    </row>
    <row r="48" spans="1:4" ht="18" customHeight="1" x14ac:dyDescent="0.2">
      <c r="A48" s="31">
        <v>35</v>
      </c>
      <c r="B48" s="27">
        <v>81</v>
      </c>
      <c r="C48" s="28">
        <v>77</v>
      </c>
      <c r="D48" s="29">
        <v>158</v>
      </c>
    </row>
    <row r="49" spans="1:4" ht="18" customHeight="1" x14ac:dyDescent="0.2">
      <c r="A49" s="31">
        <v>36</v>
      </c>
      <c r="B49" s="27">
        <v>76</v>
      </c>
      <c r="C49" s="28">
        <v>90</v>
      </c>
      <c r="D49" s="29">
        <v>166</v>
      </c>
    </row>
    <row r="50" spans="1:4" ht="18" customHeight="1" x14ac:dyDescent="0.2">
      <c r="A50" s="31">
        <v>37</v>
      </c>
      <c r="B50" s="27">
        <v>96</v>
      </c>
      <c r="C50" s="28">
        <v>102</v>
      </c>
      <c r="D50" s="29">
        <v>198</v>
      </c>
    </row>
    <row r="51" spans="1:4" ht="18" customHeight="1" x14ac:dyDescent="0.2">
      <c r="A51" s="31">
        <v>38</v>
      </c>
      <c r="B51" s="27">
        <v>91</v>
      </c>
      <c r="C51" s="28">
        <v>85</v>
      </c>
      <c r="D51" s="29">
        <v>176</v>
      </c>
    </row>
    <row r="52" spans="1:4" ht="18" customHeight="1" x14ac:dyDescent="0.2">
      <c r="A52" s="31">
        <v>39</v>
      </c>
      <c r="B52" s="27">
        <v>80</v>
      </c>
      <c r="C52" s="28">
        <v>76</v>
      </c>
      <c r="D52" s="29">
        <v>156</v>
      </c>
    </row>
    <row r="53" spans="1:4" ht="18" customHeight="1" x14ac:dyDescent="0.2">
      <c r="A53" s="31" t="s">
        <v>74</v>
      </c>
      <c r="B53" s="27">
        <v>424</v>
      </c>
      <c r="C53" s="28">
        <v>430</v>
      </c>
      <c r="D53" s="29">
        <v>854</v>
      </c>
    </row>
    <row r="54" spans="1:4" ht="18" customHeight="1" x14ac:dyDescent="0.2">
      <c r="A54" s="31">
        <v>40</v>
      </c>
      <c r="B54" s="27">
        <v>85</v>
      </c>
      <c r="C54" s="28">
        <v>65</v>
      </c>
      <c r="D54" s="29">
        <v>150</v>
      </c>
    </row>
    <row r="55" spans="1:4" ht="18" customHeight="1" x14ac:dyDescent="0.2">
      <c r="A55" s="31">
        <v>41</v>
      </c>
      <c r="B55" s="27">
        <v>77</v>
      </c>
      <c r="C55" s="28">
        <v>87</v>
      </c>
      <c r="D55" s="29">
        <v>164</v>
      </c>
    </row>
    <row r="56" spans="1:4" ht="18" customHeight="1" x14ac:dyDescent="0.2">
      <c r="A56" s="31">
        <v>42</v>
      </c>
      <c r="B56" s="27">
        <v>69</v>
      </c>
      <c r="C56" s="28">
        <v>63</v>
      </c>
      <c r="D56" s="29">
        <v>132</v>
      </c>
    </row>
    <row r="57" spans="1:4" ht="18" customHeight="1" x14ac:dyDescent="0.2">
      <c r="A57" s="31">
        <v>43</v>
      </c>
      <c r="B57" s="27">
        <v>58</v>
      </c>
      <c r="C57" s="28">
        <v>56</v>
      </c>
      <c r="D57" s="29">
        <v>114</v>
      </c>
    </row>
    <row r="58" spans="1:4" ht="18" customHeight="1" x14ac:dyDescent="0.2">
      <c r="A58" s="31">
        <v>44</v>
      </c>
      <c r="B58" s="27">
        <v>61</v>
      </c>
      <c r="C58" s="28">
        <v>62</v>
      </c>
      <c r="D58" s="29">
        <v>123</v>
      </c>
    </row>
    <row r="59" spans="1:4" ht="18" customHeight="1" x14ac:dyDescent="0.2">
      <c r="A59" s="31" t="s">
        <v>75</v>
      </c>
      <c r="B59" s="27">
        <v>350</v>
      </c>
      <c r="C59" s="28">
        <v>333</v>
      </c>
      <c r="D59" s="29">
        <v>683</v>
      </c>
    </row>
    <row r="60" spans="1:4" ht="18" customHeight="1" x14ac:dyDescent="0.2">
      <c r="A60" s="31">
        <v>45</v>
      </c>
      <c r="B60" s="27">
        <v>54</v>
      </c>
      <c r="C60" s="28">
        <v>66</v>
      </c>
      <c r="D60" s="29">
        <v>120</v>
      </c>
    </row>
    <row r="61" spans="1:4" ht="18" customHeight="1" x14ac:dyDescent="0.2">
      <c r="A61" s="31">
        <v>46</v>
      </c>
      <c r="B61" s="27">
        <v>70</v>
      </c>
      <c r="C61" s="28">
        <v>63</v>
      </c>
      <c r="D61" s="29">
        <v>133</v>
      </c>
    </row>
    <row r="62" spans="1:4" ht="18" customHeight="1" x14ac:dyDescent="0.2">
      <c r="A62" s="31">
        <v>47</v>
      </c>
      <c r="B62" s="27">
        <v>66</v>
      </c>
      <c r="C62" s="28">
        <v>56</v>
      </c>
      <c r="D62" s="29">
        <v>122</v>
      </c>
    </row>
    <row r="63" spans="1:4" ht="18" customHeight="1" x14ac:dyDescent="0.2">
      <c r="A63" s="31">
        <v>48</v>
      </c>
      <c r="B63" s="27">
        <v>62</v>
      </c>
      <c r="C63" s="28">
        <v>66</v>
      </c>
      <c r="D63" s="29">
        <v>128</v>
      </c>
    </row>
    <row r="64" spans="1:4" ht="18" customHeight="1" x14ac:dyDescent="0.2">
      <c r="A64" s="31">
        <v>49</v>
      </c>
      <c r="B64" s="27">
        <v>67</v>
      </c>
      <c r="C64" s="28">
        <v>59</v>
      </c>
      <c r="D64" s="29">
        <v>126</v>
      </c>
    </row>
    <row r="65" spans="1:4" ht="18" customHeight="1" x14ac:dyDescent="0.2">
      <c r="A65" s="31" t="s">
        <v>76</v>
      </c>
      <c r="B65" s="27">
        <v>319</v>
      </c>
      <c r="C65" s="28">
        <v>310</v>
      </c>
      <c r="D65" s="29">
        <v>629</v>
      </c>
    </row>
    <row r="66" spans="1:4" ht="18" customHeight="1" x14ac:dyDescent="0.2">
      <c r="A66" s="31">
        <v>50</v>
      </c>
      <c r="B66" s="27">
        <v>72</v>
      </c>
      <c r="C66" s="28">
        <v>80</v>
      </c>
      <c r="D66" s="29">
        <v>152</v>
      </c>
    </row>
    <row r="67" spans="1:4" ht="18" customHeight="1" x14ac:dyDescent="0.2">
      <c r="A67" s="31">
        <v>51</v>
      </c>
      <c r="B67" s="27">
        <v>67</v>
      </c>
      <c r="C67" s="28">
        <v>57</v>
      </c>
      <c r="D67" s="29">
        <v>124</v>
      </c>
    </row>
    <row r="68" spans="1:4" ht="18" customHeight="1" x14ac:dyDescent="0.2">
      <c r="A68" s="31">
        <v>52</v>
      </c>
      <c r="B68" s="27">
        <v>69</v>
      </c>
      <c r="C68" s="28">
        <v>65</v>
      </c>
      <c r="D68" s="29">
        <v>134</v>
      </c>
    </row>
    <row r="69" spans="1:4" ht="18" customHeight="1" x14ac:dyDescent="0.2">
      <c r="A69" s="31">
        <v>53</v>
      </c>
      <c r="B69" s="27">
        <v>63</v>
      </c>
      <c r="C69" s="28">
        <v>57</v>
      </c>
      <c r="D69" s="29">
        <v>120</v>
      </c>
    </row>
    <row r="70" spans="1:4" ht="18" customHeight="1" x14ac:dyDescent="0.2">
      <c r="A70" s="31">
        <v>54</v>
      </c>
      <c r="B70" s="27">
        <v>68</v>
      </c>
      <c r="C70" s="28">
        <v>63</v>
      </c>
      <c r="D70" s="29">
        <v>131</v>
      </c>
    </row>
    <row r="71" spans="1:4" ht="18" customHeight="1" x14ac:dyDescent="0.2">
      <c r="A71" s="31" t="s">
        <v>77</v>
      </c>
      <c r="B71" s="27">
        <v>339</v>
      </c>
      <c r="C71" s="28">
        <v>322</v>
      </c>
      <c r="D71" s="29">
        <v>661</v>
      </c>
    </row>
    <row r="72" spans="1:4" ht="18" customHeight="1" x14ac:dyDescent="0.2">
      <c r="A72" s="31">
        <v>55</v>
      </c>
      <c r="B72" s="27">
        <v>71</v>
      </c>
      <c r="C72" s="28">
        <v>76</v>
      </c>
      <c r="D72" s="29">
        <v>147</v>
      </c>
    </row>
    <row r="73" spans="1:4" ht="18" customHeight="1" x14ac:dyDescent="0.2">
      <c r="A73" s="31">
        <v>56</v>
      </c>
      <c r="B73" s="27">
        <v>64</v>
      </c>
      <c r="C73" s="28">
        <v>79</v>
      </c>
      <c r="D73" s="29">
        <v>143</v>
      </c>
    </row>
    <row r="74" spans="1:4" ht="18" customHeight="1" x14ac:dyDescent="0.2">
      <c r="A74" s="31">
        <v>57</v>
      </c>
      <c r="B74" s="27">
        <v>76</v>
      </c>
      <c r="C74" s="28">
        <v>70</v>
      </c>
      <c r="D74" s="29">
        <v>146</v>
      </c>
    </row>
    <row r="75" spans="1:4" ht="18" customHeight="1" x14ac:dyDescent="0.2">
      <c r="A75" s="31">
        <v>58</v>
      </c>
      <c r="B75" s="27">
        <v>82</v>
      </c>
      <c r="C75" s="28">
        <v>92</v>
      </c>
      <c r="D75" s="29">
        <v>174</v>
      </c>
    </row>
    <row r="76" spans="1:4" ht="18" customHeight="1" x14ac:dyDescent="0.2">
      <c r="A76" s="31">
        <v>59</v>
      </c>
      <c r="B76" s="27">
        <v>87</v>
      </c>
      <c r="C76" s="28">
        <v>102</v>
      </c>
      <c r="D76" s="29">
        <v>189</v>
      </c>
    </row>
    <row r="77" spans="1:4" ht="18" customHeight="1" x14ac:dyDescent="0.2">
      <c r="A77" s="31" t="s">
        <v>78</v>
      </c>
      <c r="B77" s="27">
        <v>380</v>
      </c>
      <c r="C77" s="28">
        <v>419</v>
      </c>
      <c r="D77" s="29">
        <v>799</v>
      </c>
    </row>
    <row r="78" spans="1:4" ht="18" customHeight="1" x14ac:dyDescent="0.2">
      <c r="A78" s="31">
        <v>60</v>
      </c>
      <c r="B78" s="27">
        <v>105</v>
      </c>
      <c r="C78" s="28">
        <v>113</v>
      </c>
      <c r="D78" s="29">
        <v>218</v>
      </c>
    </row>
    <row r="79" spans="1:4" ht="18" customHeight="1" x14ac:dyDescent="0.2">
      <c r="A79" s="31">
        <v>61</v>
      </c>
      <c r="B79" s="27">
        <v>108</v>
      </c>
      <c r="C79" s="28">
        <v>100</v>
      </c>
      <c r="D79" s="29">
        <v>208</v>
      </c>
    </row>
    <row r="80" spans="1:4" ht="18" customHeight="1" x14ac:dyDescent="0.2">
      <c r="A80" s="31">
        <v>62</v>
      </c>
      <c r="B80" s="27">
        <v>130</v>
      </c>
      <c r="C80" s="28">
        <v>122</v>
      </c>
      <c r="D80" s="29">
        <v>252</v>
      </c>
    </row>
    <row r="81" spans="1:4" ht="18" customHeight="1" x14ac:dyDescent="0.2">
      <c r="A81" s="31">
        <v>63</v>
      </c>
      <c r="B81" s="27">
        <v>60</v>
      </c>
      <c r="C81" s="28">
        <v>61</v>
      </c>
      <c r="D81" s="29">
        <v>121</v>
      </c>
    </row>
    <row r="82" spans="1:4" ht="18" customHeight="1" x14ac:dyDescent="0.2">
      <c r="A82" s="31">
        <v>64</v>
      </c>
      <c r="B82" s="27">
        <v>60</v>
      </c>
      <c r="C82" s="28">
        <v>70</v>
      </c>
      <c r="D82" s="29">
        <v>130</v>
      </c>
    </row>
    <row r="83" spans="1:4" ht="18" customHeight="1" x14ac:dyDescent="0.2">
      <c r="A83" s="31" t="s">
        <v>79</v>
      </c>
      <c r="B83" s="27">
        <v>463</v>
      </c>
      <c r="C83" s="28">
        <v>466</v>
      </c>
      <c r="D83" s="29">
        <v>929</v>
      </c>
    </row>
    <row r="84" spans="1:4" ht="18" customHeight="1" x14ac:dyDescent="0.2">
      <c r="A84" s="31" t="s">
        <v>80</v>
      </c>
      <c r="B84" s="27">
        <v>3378</v>
      </c>
      <c r="C84" s="28">
        <v>3335</v>
      </c>
      <c r="D84" s="29">
        <v>6713</v>
      </c>
    </row>
    <row r="85" spans="1:4" ht="18" customHeight="1" x14ac:dyDescent="0.2">
      <c r="A85" s="31">
        <v>65</v>
      </c>
      <c r="B85" s="27">
        <v>72</v>
      </c>
      <c r="C85" s="28">
        <v>100</v>
      </c>
      <c r="D85" s="29">
        <v>172</v>
      </c>
    </row>
    <row r="86" spans="1:4" ht="18" customHeight="1" x14ac:dyDescent="0.2">
      <c r="A86" s="31">
        <v>66</v>
      </c>
      <c r="B86" s="27">
        <v>72</v>
      </c>
      <c r="C86" s="28">
        <v>70</v>
      </c>
      <c r="D86" s="29">
        <v>142</v>
      </c>
    </row>
    <row r="87" spans="1:4" ht="18" customHeight="1" x14ac:dyDescent="0.2">
      <c r="A87" s="31">
        <v>67</v>
      </c>
      <c r="B87" s="27">
        <v>71</v>
      </c>
      <c r="C87" s="28">
        <v>75</v>
      </c>
      <c r="D87" s="29">
        <v>146</v>
      </c>
    </row>
    <row r="88" spans="1:4" ht="18" customHeight="1" x14ac:dyDescent="0.2">
      <c r="A88" s="31">
        <v>68</v>
      </c>
      <c r="B88" s="27">
        <v>57</v>
      </c>
      <c r="C88" s="28">
        <v>71</v>
      </c>
      <c r="D88" s="29">
        <v>128</v>
      </c>
    </row>
    <row r="89" spans="1:4" ht="18" customHeight="1" x14ac:dyDescent="0.2">
      <c r="A89" s="31">
        <v>69</v>
      </c>
      <c r="B89" s="27">
        <v>65</v>
      </c>
      <c r="C89" s="28">
        <v>68</v>
      </c>
      <c r="D89" s="29">
        <v>133</v>
      </c>
    </row>
    <row r="90" spans="1:4" ht="18" customHeight="1" x14ac:dyDescent="0.2">
      <c r="A90" s="31" t="s">
        <v>81</v>
      </c>
      <c r="B90" s="27">
        <v>337</v>
      </c>
      <c r="C90" s="28">
        <v>384</v>
      </c>
      <c r="D90" s="29">
        <v>721</v>
      </c>
    </row>
    <row r="91" spans="1:4" ht="18" customHeight="1" x14ac:dyDescent="0.2">
      <c r="A91" s="31">
        <v>70</v>
      </c>
      <c r="B91" s="27">
        <v>60</v>
      </c>
      <c r="C91" s="28">
        <v>65</v>
      </c>
      <c r="D91" s="29">
        <v>125</v>
      </c>
    </row>
    <row r="92" spans="1:4" ht="18" customHeight="1" x14ac:dyDescent="0.2">
      <c r="A92" s="31">
        <v>71</v>
      </c>
      <c r="B92" s="27">
        <v>58</v>
      </c>
      <c r="C92" s="28">
        <v>76</v>
      </c>
      <c r="D92" s="29">
        <v>134</v>
      </c>
    </row>
    <row r="93" spans="1:4" ht="18" customHeight="1" x14ac:dyDescent="0.2">
      <c r="A93" s="31">
        <v>72</v>
      </c>
      <c r="B93" s="27">
        <v>64</v>
      </c>
      <c r="C93" s="28">
        <v>73</v>
      </c>
      <c r="D93" s="29">
        <v>137</v>
      </c>
    </row>
    <row r="94" spans="1:4" ht="18" customHeight="1" x14ac:dyDescent="0.2">
      <c r="A94" s="31">
        <v>73</v>
      </c>
      <c r="B94" s="27">
        <v>60</v>
      </c>
      <c r="C94" s="28">
        <v>81</v>
      </c>
      <c r="D94" s="29">
        <v>141</v>
      </c>
    </row>
    <row r="95" spans="1:4" ht="18" customHeight="1" x14ac:dyDescent="0.2">
      <c r="A95" s="31">
        <v>74</v>
      </c>
      <c r="B95" s="27">
        <v>59</v>
      </c>
      <c r="C95" s="28">
        <v>68</v>
      </c>
      <c r="D95" s="29">
        <v>127</v>
      </c>
    </row>
    <row r="96" spans="1:4" ht="18" customHeight="1" x14ac:dyDescent="0.2">
      <c r="A96" s="31" t="s">
        <v>82</v>
      </c>
      <c r="B96" s="27">
        <v>301</v>
      </c>
      <c r="C96" s="28">
        <v>363</v>
      </c>
      <c r="D96" s="29">
        <v>664</v>
      </c>
    </row>
    <row r="97" spans="1:4" ht="18" customHeight="1" x14ac:dyDescent="0.2">
      <c r="A97" s="31">
        <v>75</v>
      </c>
      <c r="B97" s="27">
        <v>57</v>
      </c>
      <c r="C97" s="28">
        <v>84</v>
      </c>
      <c r="D97" s="29">
        <v>141</v>
      </c>
    </row>
    <row r="98" spans="1:4" ht="18" customHeight="1" x14ac:dyDescent="0.2">
      <c r="A98" s="31">
        <v>76</v>
      </c>
      <c r="B98" s="27">
        <v>54</v>
      </c>
      <c r="C98" s="28">
        <v>72</v>
      </c>
      <c r="D98" s="29">
        <v>126</v>
      </c>
    </row>
    <row r="99" spans="1:4" ht="18" customHeight="1" x14ac:dyDescent="0.2">
      <c r="A99" s="31">
        <v>77</v>
      </c>
      <c r="B99" s="27">
        <v>47</v>
      </c>
      <c r="C99" s="28">
        <v>72</v>
      </c>
      <c r="D99" s="29">
        <v>119</v>
      </c>
    </row>
    <row r="100" spans="1:4" ht="18" customHeight="1" x14ac:dyDescent="0.2">
      <c r="A100" s="31">
        <v>78</v>
      </c>
      <c r="B100" s="27">
        <v>60</v>
      </c>
      <c r="C100" s="28">
        <v>54</v>
      </c>
      <c r="D100" s="29">
        <v>114</v>
      </c>
    </row>
    <row r="101" spans="1:4" ht="18" customHeight="1" x14ac:dyDescent="0.2">
      <c r="A101" s="31">
        <v>79</v>
      </c>
      <c r="B101" s="27">
        <v>50</v>
      </c>
      <c r="C101" s="28">
        <v>51</v>
      </c>
      <c r="D101" s="29">
        <v>101</v>
      </c>
    </row>
    <row r="102" spans="1:4" ht="18" customHeight="1" x14ac:dyDescent="0.2">
      <c r="A102" s="31" t="s">
        <v>83</v>
      </c>
      <c r="B102" s="27">
        <v>268</v>
      </c>
      <c r="C102" s="28">
        <v>333</v>
      </c>
      <c r="D102" s="29">
        <v>601</v>
      </c>
    </row>
    <row r="103" spans="1:4" ht="18" customHeight="1" x14ac:dyDescent="0.2">
      <c r="A103" s="31">
        <v>80</v>
      </c>
      <c r="B103" s="27">
        <v>30</v>
      </c>
      <c r="C103" s="28">
        <v>58</v>
      </c>
      <c r="D103" s="29">
        <v>88</v>
      </c>
    </row>
    <row r="104" spans="1:4" ht="18" customHeight="1" x14ac:dyDescent="0.2">
      <c r="A104" s="31">
        <v>81</v>
      </c>
      <c r="B104" s="27">
        <v>33</v>
      </c>
      <c r="C104" s="28">
        <v>55</v>
      </c>
      <c r="D104" s="29">
        <v>88</v>
      </c>
    </row>
    <row r="105" spans="1:4" ht="18" customHeight="1" x14ac:dyDescent="0.2">
      <c r="A105" s="31">
        <v>82</v>
      </c>
      <c r="B105" s="27">
        <v>35</v>
      </c>
      <c r="C105" s="28">
        <v>48</v>
      </c>
      <c r="D105" s="29">
        <v>83</v>
      </c>
    </row>
    <row r="106" spans="1:4" ht="18" customHeight="1" x14ac:dyDescent="0.2">
      <c r="A106" s="31">
        <v>83</v>
      </c>
      <c r="B106" s="27">
        <v>25</v>
      </c>
      <c r="C106" s="28">
        <v>55</v>
      </c>
      <c r="D106" s="29">
        <v>80</v>
      </c>
    </row>
    <row r="107" spans="1:4" ht="18" customHeight="1" x14ac:dyDescent="0.2">
      <c r="A107" s="31">
        <v>84</v>
      </c>
      <c r="B107" s="27">
        <v>32</v>
      </c>
      <c r="C107" s="28">
        <v>54</v>
      </c>
      <c r="D107" s="29">
        <v>86</v>
      </c>
    </row>
    <row r="108" spans="1:4" ht="18" customHeight="1" x14ac:dyDescent="0.2">
      <c r="A108" s="31" t="s">
        <v>84</v>
      </c>
      <c r="B108" s="27">
        <v>155</v>
      </c>
      <c r="C108" s="28">
        <v>270</v>
      </c>
      <c r="D108" s="29">
        <v>425</v>
      </c>
    </row>
    <row r="109" spans="1:4" ht="18" customHeight="1" x14ac:dyDescent="0.2">
      <c r="A109" s="31">
        <v>85</v>
      </c>
      <c r="B109" s="27">
        <v>13</v>
      </c>
      <c r="C109" s="28">
        <v>42</v>
      </c>
      <c r="D109" s="29">
        <v>55</v>
      </c>
    </row>
    <row r="110" spans="1:4" ht="18" customHeight="1" x14ac:dyDescent="0.2">
      <c r="A110" s="31">
        <v>86</v>
      </c>
      <c r="B110" s="27">
        <v>14</v>
      </c>
      <c r="C110" s="28">
        <v>39</v>
      </c>
      <c r="D110" s="29">
        <v>53</v>
      </c>
    </row>
    <row r="111" spans="1:4" ht="18" customHeight="1" x14ac:dyDescent="0.2">
      <c r="A111" s="31">
        <v>87</v>
      </c>
      <c r="B111" s="27">
        <v>17</v>
      </c>
      <c r="C111" s="28">
        <v>42</v>
      </c>
      <c r="D111" s="29">
        <v>59</v>
      </c>
    </row>
    <row r="112" spans="1:4" ht="18" customHeight="1" x14ac:dyDescent="0.2">
      <c r="A112" s="31">
        <v>88</v>
      </c>
      <c r="B112" s="27">
        <v>11</v>
      </c>
      <c r="C112" s="28">
        <v>25</v>
      </c>
      <c r="D112" s="29">
        <v>36</v>
      </c>
    </row>
    <row r="113" spans="1:4" ht="18" customHeight="1" x14ac:dyDescent="0.2">
      <c r="A113" s="31">
        <v>89</v>
      </c>
      <c r="B113" s="27">
        <v>8</v>
      </c>
      <c r="C113" s="28">
        <v>23</v>
      </c>
      <c r="D113" s="29">
        <v>31</v>
      </c>
    </row>
    <row r="114" spans="1:4" ht="18" customHeight="1" x14ac:dyDescent="0.2">
      <c r="A114" s="31" t="s">
        <v>85</v>
      </c>
      <c r="B114" s="27">
        <v>63</v>
      </c>
      <c r="C114" s="28">
        <v>171</v>
      </c>
      <c r="D114" s="29">
        <v>234</v>
      </c>
    </row>
    <row r="115" spans="1:4" ht="18" customHeight="1" x14ac:dyDescent="0.2">
      <c r="A115" s="31">
        <v>90</v>
      </c>
      <c r="B115" s="27">
        <v>6</v>
      </c>
      <c r="C115" s="28">
        <v>24</v>
      </c>
      <c r="D115" s="29">
        <v>30</v>
      </c>
    </row>
    <row r="116" spans="1:4" ht="18" customHeight="1" x14ac:dyDescent="0.2">
      <c r="A116" s="31">
        <v>91</v>
      </c>
      <c r="B116" s="27">
        <v>7</v>
      </c>
      <c r="C116" s="28">
        <v>23</v>
      </c>
      <c r="D116" s="29">
        <v>30</v>
      </c>
    </row>
    <row r="117" spans="1:4" ht="18" customHeight="1" x14ac:dyDescent="0.2">
      <c r="A117" s="31">
        <v>92</v>
      </c>
      <c r="B117" s="27">
        <v>5</v>
      </c>
      <c r="C117" s="28">
        <v>25</v>
      </c>
      <c r="D117" s="29">
        <v>30</v>
      </c>
    </row>
    <row r="118" spans="1:4" ht="18" customHeight="1" x14ac:dyDescent="0.2">
      <c r="A118" s="31">
        <v>93</v>
      </c>
      <c r="B118" s="27">
        <v>3</v>
      </c>
      <c r="C118" s="28">
        <v>13</v>
      </c>
      <c r="D118" s="29">
        <v>16</v>
      </c>
    </row>
    <row r="119" spans="1:4" ht="18" customHeight="1" x14ac:dyDescent="0.2">
      <c r="A119" s="31">
        <v>94</v>
      </c>
      <c r="B119" s="27">
        <v>2</v>
      </c>
      <c r="C119" s="28">
        <v>14</v>
      </c>
      <c r="D119" s="29">
        <v>16</v>
      </c>
    </row>
    <row r="120" spans="1:4" ht="18" customHeight="1" x14ac:dyDescent="0.2">
      <c r="A120" s="31" t="s">
        <v>86</v>
      </c>
      <c r="B120" s="27">
        <v>23</v>
      </c>
      <c r="C120" s="28">
        <v>99</v>
      </c>
      <c r="D120" s="29">
        <v>122</v>
      </c>
    </row>
    <row r="121" spans="1:4" ht="18" customHeight="1" x14ac:dyDescent="0.2">
      <c r="A121" s="31">
        <v>95</v>
      </c>
      <c r="B121" s="27">
        <v>2</v>
      </c>
      <c r="C121" s="28">
        <v>18</v>
      </c>
      <c r="D121" s="29">
        <v>20</v>
      </c>
    </row>
    <row r="122" spans="1:4" ht="18" customHeight="1" x14ac:dyDescent="0.2">
      <c r="A122" s="31">
        <v>96</v>
      </c>
      <c r="B122" s="27">
        <v>3</v>
      </c>
      <c r="C122" s="28">
        <v>9</v>
      </c>
      <c r="D122" s="29">
        <v>12</v>
      </c>
    </row>
    <row r="123" spans="1:4" ht="18" customHeight="1" x14ac:dyDescent="0.2">
      <c r="A123" s="31">
        <v>97</v>
      </c>
      <c r="B123" s="27">
        <v>2</v>
      </c>
      <c r="C123" s="28">
        <v>4</v>
      </c>
      <c r="D123" s="29">
        <v>6</v>
      </c>
    </row>
    <row r="124" spans="1:4" ht="18" customHeight="1" x14ac:dyDescent="0.2">
      <c r="A124" s="31">
        <v>98</v>
      </c>
      <c r="B124" s="27">
        <v>2</v>
      </c>
      <c r="C124" s="28">
        <v>1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9</v>
      </c>
      <c r="C126" s="28">
        <v>33</v>
      </c>
      <c r="D126" s="29">
        <v>42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90</v>
      </c>
      <c r="B130" s="4">
        <v>1156</v>
      </c>
      <c r="C130" s="5">
        <v>1655</v>
      </c>
      <c r="D130" s="6">
        <v>2811</v>
      </c>
    </row>
    <row r="131" spans="1:4" ht="18" customHeight="1" x14ac:dyDescent="0.2">
      <c r="A131" s="33" t="s">
        <v>65</v>
      </c>
      <c r="B131" s="7">
        <v>5308</v>
      </c>
      <c r="C131" s="8">
        <v>5748</v>
      </c>
      <c r="D131" s="9">
        <v>1105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62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3</v>
      </c>
      <c r="C5" s="37">
        <v>7</v>
      </c>
      <c r="D5" s="39">
        <v>20</v>
      </c>
    </row>
    <row r="6" spans="1:4" ht="18" customHeight="1" x14ac:dyDescent="0.2">
      <c r="A6" s="31">
        <v>1</v>
      </c>
      <c r="B6" s="35">
        <v>7</v>
      </c>
      <c r="C6" s="28">
        <v>7</v>
      </c>
      <c r="D6" s="29">
        <v>14</v>
      </c>
    </row>
    <row r="7" spans="1:4" ht="18" customHeight="1" x14ac:dyDescent="0.2">
      <c r="A7" s="31">
        <v>2</v>
      </c>
      <c r="B7" s="35">
        <v>13</v>
      </c>
      <c r="C7" s="28">
        <v>6</v>
      </c>
      <c r="D7" s="29">
        <v>19</v>
      </c>
    </row>
    <row r="8" spans="1:4" ht="18" customHeight="1" x14ac:dyDescent="0.2">
      <c r="A8" s="31">
        <v>3</v>
      </c>
      <c r="B8" s="35">
        <v>11</v>
      </c>
      <c r="C8" s="28">
        <v>11</v>
      </c>
      <c r="D8" s="29">
        <v>22</v>
      </c>
    </row>
    <row r="9" spans="1:4" ht="18" customHeight="1" x14ac:dyDescent="0.2">
      <c r="A9" s="31">
        <v>4</v>
      </c>
      <c r="B9" s="36">
        <v>8</v>
      </c>
      <c r="C9" s="38">
        <v>7</v>
      </c>
      <c r="D9" s="40">
        <v>15</v>
      </c>
    </row>
    <row r="10" spans="1:4" ht="18" customHeight="1" x14ac:dyDescent="0.2">
      <c r="A10" s="31" t="s">
        <v>66</v>
      </c>
      <c r="B10" s="27">
        <v>52</v>
      </c>
      <c r="C10" s="28">
        <v>38</v>
      </c>
      <c r="D10" s="29">
        <v>90</v>
      </c>
    </row>
    <row r="11" spans="1:4" ht="18" customHeight="1" x14ac:dyDescent="0.2">
      <c r="A11" s="31">
        <v>5</v>
      </c>
      <c r="B11" s="35">
        <v>7</v>
      </c>
      <c r="C11" s="28">
        <v>7</v>
      </c>
      <c r="D11" s="29">
        <v>14</v>
      </c>
    </row>
    <row r="12" spans="1:4" ht="18" customHeight="1" x14ac:dyDescent="0.2">
      <c r="A12" s="31">
        <v>6</v>
      </c>
      <c r="B12" s="35">
        <v>11</v>
      </c>
      <c r="C12" s="28">
        <v>13</v>
      </c>
      <c r="D12" s="29">
        <v>24</v>
      </c>
    </row>
    <row r="13" spans="1:4" ht="18" customHeight="1" x14ac:dyDescent="0.2">
      <c r="A13" s="31">
        <v>7</v>
      </c>
      <c r="B13" s="35">
        <v>15</v>
      </c>
      <c r="C13" s="28">
        <v>14</v>
      </c>
      <c r="D13" s="29">
        <v>29</v>
      </c>
    </row>
    <row r="14" spans="1:4" ht="18" customHeight="1" x14ac:dyDescent="0.2">
      <c r="A14" s="31">
        <v>8</v>
      </c>
      <c r="B14" s="35">
        <v>5</v>
      </c>
      <c r="C14" s="28">
        <v>11</v>
      </c>
      <c r="D14" s="29">
        <v>16</v>
      </c>
    </row>
    <row r="15" spans="1:4" ht="18" customHeight="1" x14ac:dyDescent="0.2">
      <c r="A15" s="31">
        <v>9</v>
      </c>
      <c r="B15" s="35">
        <v>10</v>
      </c>
      <c r="C15" s="28">
        <v>9</v>
      </c>
      <c r="D15" s="29">
        <v>19</v>
      </c>
    </row>
    <row r="16" spans="1:4" ht="18" customHeight="1" x14ac:dyDescent="0.2">
      <c r="A16" s="31" t="s">
        <v>67</v>
      </c>
      <c r="B16" s="27">
        <v>48</v>
      </c>
      <c r="C16" s="28">
        <v>54</v>
      </c>
      <c r="D16" s="29">
        <v>102</v>
      </c>
    </row>
    <row r="17" spans="1:4" ht="18" customHeight="1" x14ac:dyDescent="0.2">
      <c r="A17" s="31">
        <v>10</v>
      </c>
      <c r="B17" s="27">
        <v>13</v>
      </c>
      <c r="C17" s="28">
        <v>9</v>
      </c>
      <c r="D17" s="29">
        <v>22</v>
      </c>
    </row>
    <row r="18" spans="1:4" ht="18" customHeight="1" x14ac:dyDescent="0.2">
      <c r="A18" s="31">
        <v>11</v>
      </c>
      <c r="B18" s="27">
        <v>9</v>
      </c>
      <c r="C18" s="28">
        <v>11</v>
      </c>
      <c r="D18" s="29">
        <v>20</v>
      </c>
    </row>
    <row r="19" spans="1:4" ht="18" customHeight="1" x14ac:dyDescent="0.2">
      <c r="A19" s="31">
        <v>12</v>
      </c>
      <c r="B19" s="27">
        <v>5</v>
      </c>
      <c r="C19" s="28">
        <v>5</v>
      </c>
      <c r="D19" s="29">
        <v>10</v>
      </c>
    </row>
    <row r="20" spans="1:4" ht="18" customHeight="1" x14ac:dyDescent="0.2">
      <c r="A20" s="31">
        <v>13</v>
      </c>
      <c r="B20" s="27">
        <v>4</v>
      </c>
      <c r="C20" s="28">
        <v>14</v>
      </c>
      <c r="D20" s="29">
        <v>18</v>
      </c>
    </row>
    <row r="21" spans="1:4" ht="18" customHeight="1" x14ac:dyDescent="0.2">
      <c r="A21" s="31">
        <v>14</v>
      </c>
      <c r="B21" s="27">
        <v>5</v>
      </c>
      <c r="C21" s="28">
        <v>8</v>
      </c>
      <c r="D21" s="29">
        <v>13</v>
      </c>
    </row>
    <row r="22" spans="1:4" ht="18" customHeight="1" x14ac:dyDescent="0.2">
      <c r="A22" s="31" t="s">
        <v>68</v>
      </c>
      <c r="B22" s="27">
        <v>36</v>
      </c>
      <c r="C22" s="28">
        <v>47</v>
      </c>
      <c r="D22" s="29">
        <v>83</v>
      </c>
    </row>
    <row r="23" spans="1:4" ht="18" customHeight="1" x14ac:dyDescent="0.2">
      <c r="A23" s="31" t="s">
        <v>69</v>
      </c>
      <c r="B23" s="27">
        <v>136</v>
      </c>
      <c r="C23" s="28">
        <v>139</v>
      </c>
      <c r="D23" s="29">
        <v>275</v>
      </c>
    </row>
    <row r="24" spans="1:4" ht="18" customHeight="1" x14ac:dyDescent="0.2">
      <c r="A24" s="31">
        <v>15</v>
      </c>
      <c r="B24" s="27">
        <v>7</v>
      </c>
      <c r="C24" s="28">
        <v>11</v>
      </c>
      <c r="D24" s="29">
        <v>18</v>
      </c>
    </row>
    <row r="25" spans="1:4" ht="18" customHeight="1" x14ac:dyDescent="0.2">
      <c r="A25" s="31">
        <v>16</v>
      </c>
      <c r="B25" s="27">
        <v>5</v>
      </c>
      <c r="C25" s="28">
        <v>2</v>
      </c>
      <c r="D25" s="29">
        <v>7</v>
      </c>
    </row>
    <row r="26" spans="1:4" ht="18" customHeight="1" x14ac:dyDescent="0.2">
      <c r="A26" s="31">
        <v>17</v>
      </c>
      <c r="B26" s="27">
        <v>11</v>
      </c>
      <c r="C26" s="28">
        <v>10</v>
      </c>
      <c r="D26" s="29">
        <v>21</v>
      </c>
    </row>
    <row r="27" spans="1:4" ht="18" customHeight="1" x14ac:dyDescent="0.2">
      <c r="A27" s="31">
        <v>18</v>
      </c>
      <c r="B27" s="27">
        <v>7</v>
      </c>
      <c r="C27" s="28">
        <v>8</v>
      </c>
      <c r="D27" s="29">
        <v>15</v>
      </c>
    </row>
    <row r="28" spans="1:4" ht="18" customHeight="1" x14ac:dyDescent="0.2">
      <c r="A28" s="31">
        <v>19</v>
      </c>
      <c r="B28" s="27">
        <v>10</v>
      </c>
      <c r="C28" s="28">
        <v>9</v>
      </c>
      <c r="D28" s="29">
        <v>19</v>
      </c>
    </row>
    <row r="29" spans="1:4" ht="18" customHeight="1" x14ac:dyDescent="0.2">
      <c r="A29" s="31" t="s">
        <v>70</v>
      </c>
      <c r="B29" s="27">
        <v>40</v>
      </c>
      <c r="C29" s="28">
        <v>40</v>
      </c>
      <c r="D29" s="29">
        <v>80</v>
      </c>
    </row>
    <row r="30" spans="1:4" ht="18" customHeight="1" x14ac:dyDescent="0.2">
      <c r="A30" s="31">
        <v>20</v>
      </c>
      <c r="B30" s="27">
        <v>11</v>
      </c>
      <c r="C30" s="28">
        <v>13</v>
      </c>
      <c r="D30" s="29">
        <v>24</v>
      </c>
    </row>
    <row r="31" spans="1:4" ht="18" customHeight="1" x14ac:dyDescent="0.2">
      <c r="A31" s="31">
        <v>21</v>
      </c>
      <c r="B31" s="27">
        <v>8</v>
      </c>
      <c r="C31" s="28">
        <v>6</v>
      </c>
      <c r="D31" s="29">
        <v>14</v>
      </c>
    </row>
    <row r="32" spans="1:4" ht="18" customHeight="1" x14ac:dyDescent="0.2">
      <c r="A32" s="31">
        <v>22</v>
      </c>
      <c r="B32" s="27">
        <v>8</v>
      </c>
      <c r="C32" s="28">
        <v>13</v>
      </c>
      <c r="D32" s="29">
        <v>21</v>
      </c>
    </row>
    <row r="33" spans="1:4" ht="18" customHeight="1" x14ac:dyDescent="0.2">
      <c r="A33" s="31">
        <v>23</v>
      </c>
      <c r="B33" s="27">
        <v>11</v>
      </c>
      <c r="C33" s="28">
        <v>11</v>
      </c>
      <c r="D33" s="29">
        <v>22</v>
      </c>
    </row>
    <row r="34" spans="1:4" ht="18" customHeight="1" x14ac:dyDescent="0.2">
      <c r="A34" s="31">
        <v>24</v>
      </c>
      <c r="B34" s="27">
        <v>11</v>
      </c>
      <c r="C34" s="28">
        <v>14</v>
      </c>
      <c r="D34" s="29">
        <v>25</v>
      </c>
    </row>
    <row r="35" spans="1:4" ht="18" customHeight="1" x14ac:dyDescent="0.2">
      <c r="A35" s="31" t="s">
        <v>71</v>
      </c>
      <c r="B35" s="27">
        <v>49</v>
      </c>
      <c r="C35" s="28">
        <v>57</v>
      </c>
      <c r="D35" s="29">
        <v>106</v>
      </c>
    </row>
    <row r="36" spans="1:4" ht="18" customHeight="1" x14ac:dyDescent="0.2">
      <c r="A36" s="31">
        <v>25</v>
      </c>
      <c r="B36" s="27">
        <v>19</v>
      </c>
      <c r="C36" s="28">
        <v>14</v>
      </c>
      <c r="D36" s="29">
        <v>33</v>
      </c>
    </row>
    <row r="37" spans="1:4" ht="18" customHeight="1" x14ac:dyDescent="0.2">
      <c r="A37" s="31">
        <v>26</v>
      </c>
      <c r="B37" s="27">
        <v>15</v>
      </c>
      <c r="C37" s="28">
        <v>7</v>
      </c>
      <c r="D37" s="29">
        <v>22</v>
      </c>
    </row>
    <row r="38" spans="1:4" ht="18" customHeight="1" x14ac:dyDescent="0.2">
      <c r="A38" s="31">
        <v>27</v>
      </c>
      <c r="B38" s="27">
        <v>17</v>
      </c>
      <c r="C38" s="28">
        <v>13</v>
      </c>
      <c r="D38" s="29">
        <v>30</v>
      </c>
    </row>
    <row r="39" spans="1:4" ht="18" customHeight="1" x14ac:dyDescent="0.2">
      <c r="A39" s="31">
        <v>28</v>
      </c>
      <c r="B39" s="27">
        <v>18</v>
      </c>
      <c r="C39" s="28">
        <v>12</v>
      </c>
      <c r="D39" s="29">
        <v>30</v>
      </c>
    </row>
    <row r="40" spans="1:4" ht="18" customHeight="1" x14ac:dyDescent="0.2">
      <c r="A40" s="31">
        <v>29</v>
      </c>
      <c r="B40" s="27">
        <v>20</v>
      </c>
      <c r="C40" s="28">
        <v>15</v>
      </c>
      <c r="D40" s="29">
        <v>35</v>
      </c>
    </row>
    <row r="41" spans="1:4" ht="18" customHeight="1" x14ac:dyDescent="0.2">
      <c r="A41" s="31" t="s">
        <v>72</v>
      </c>
      <c r="B41" s="27">
        <v>89</v>
      </c>
      <c r="C41" s="28">
        <v>61</v>
      </c>
      <c r="D41" s="29">
        <v>150</v>
      </c>
    </row>
    <row r="42" spans="1:4" ht="18" customHeight="1" x14ac:dyDescent="0.2">
      <c r="A42" s="31">
        <v>30</v>
      </c>
      <c r="B42" s="27">
        <v>23</v>
      </c>
      <c r="C42" s="28">
        <v>11</v>
      </c>
      <c r="D42" s="29">
        <v>34</v>
      </c>
    </row>
    <row r="43" spans="1:4" ht="18" customHeight="1" x14ac:dyDescent="0.2">
      <c r="A43" s="31">
        <v>31</v>
      </c>
      <c r="B43" s="27">
        <v>16</v>
      </c>
      <c r="C43" s="28">
        <v>16</v>
      </c>
      <c r="D43" s="29">
        <v>32</v>
      </c>
    </row>
    <row r="44" spans="1:4" ht="18" customHeight="1" x14ac:dyDescent="0.2">
      <c r="A44" s="31">
        <v>32</v>
      </c>
      <c r="B44" s="27">
        <v>9</v>
      </c>
      <c r="C44" s="28">
        <v>17</v>
      </c>
      <c r="D44" s="29">
        <v>26</v>
      </c>
    </row>
    <row r="45" spans="1:4" ht="18" customHeight="1" x14ac:dyDescent="0.2">
      <c r="A45" s="31">
        <v>33</v>
      </c>
      <c r="B45" s="27">
        <v>10</v>
      </c>
      <c r="C45" s="28">
        <v>14</v>
      </c>
      <c r="D45" s="29">
        <v>24</v>
      </c>
    </row>
    <row r="46" spans="1:4" ht="18" customHeight="1" x14ac:dyDescent="0.2">
      <c r="A46" s="31">
        <v>34</v>
      </c>
      <c r="B46" s="27">
        <v>15</v>
      </c>
      <c r="C46" s="28">
        <v>14</v>
      </c>
      <c r="D46" s="29">
        <v>29</v>
      </c>
    </row>
    <row r="47" spans="1:4" ht="18" customHeight="1" x14ac:dyDescent="0.2">
      <c r="A47" s="31" t="s">
        <v>73</v>
      </c>
      <c r="B47" s="27">
        <v>73</v>
      </c>
      <c r="C47" s="28">
        <v>72</v>
      </c>
      <c r="D47" s="29">
        <v>145</v>
      </c>
    </row>
    <row r="48" spans="1:4" ht="18" customHeight="1" x14ac:dyDescent="0.2">
      <c r="A48" s="31">
        <v>35</v>
      </c>
      <c r="B48" s="27">
        <v>12</v>
      </c>
      <c r="C48" s="28">
        <v>19</v>
      </c>
      <c r="D48" s="29">
        <v>31</v>
      </c>
    </row>
    <row r="49" spans="1:4" ht="18" customHeight="1" x14ac:dyDescent="0.2">
      <c r="A49" s="31">
        <v>36</v>
      </c>
      <c r="B49" s="27">
        <v>23</v>
      </c>
      <c r="C49" s="28">
        <v>15</v>
      </c>
      <c r="D49" s="29">
        <v>38</v>
      </c>
    </row>
    <row r="50" spans="1:4" ht="18" customHeight="1" x14ac:dyDescent="0.2">
      <c r="A50" s="31">
        <v>37</v>
      </c>
      <c r="B50" s="27">
        <v>15</v>
      </c>
      <c r="C50" s="28">
        <v>15</v>
      </c>
      <c r="D50" s="29">
        <v>30</v>
      </c>
    </row>
    <row r="51" spans="1:4" ht="18" customHeight="1" x14ac:dyDescent="0.2">
      <c r="A51" s="31">
        <v>38</v>
      </c>
      <c r="B51" s="27">
        <v>15</v>
      </c>
      <c r="C51" s="28">
        <v>7</v>
      </c>
      <c r="D51" s="29">
        <v>22</v>
      </c>
    </row>
    <row r="52" spans="1:4" ht="18" customHeight="1" x14ac:dyDescent="0.2">
      <c r="A52" s="31">
        <v>39</v>
      </c>
      <c r="B52" s="27">
        <v>13</v>
      </c>
      <c r="C52" s="28">
        <v>18</v>
      </c>
      <c r="D52" s="29">
        <v>31</v>
      </c>
    </row>
    <row r="53" spans="1:4" ht="18" customHeight="1" x14ac:dyDescent="0.2">
      <c r="A53" s="31" t="s">
        <v>74</v>
      </c>
      <c r="B53" s="27">
        <v>78</v>
      </c>
      <c r="C53" s="28">
        <v>74</v>
      </c>
      <c r="D53" s="29">
        <v>152</v>
      </c>
    </row>
    <row r="54" spans="1:4" ht="18" customHeight="1" x14ac:dyDescent="0.2">
      <c r="A54" s="31">
        <v>40</v>
      </c>
      <c r="B54" s="27">
        <v>13</v>
      </c>
      <c r="C54" s="28">
        <v>11</v>
      </c>
      <c r="D54" s="29">
        <v>24</v>
      </c>
    </row>
    <row r="55" spans="1:4" ht="18" customHeight="1" x14ac:dyDescent="0.2">
      <c r="A55" s="31">
        <v>41</v>
      </c>
      <c r="B55" s="27">
        <v>7</v>
      </c>
      <c r="C55" s="28">
        <v>11</v>
      </c>
      <c r="D55" s="29">
        <v>18</v>
      </c>
    </row>
    <row r="56" spans="1:4" ht="18" customHeight="1" x14ac:dyDescent="0.2">
      <c r="A56" s="31">
        <v>42</v>
      </c>
      <c r="B56" s="27">
        <v>9</v>
      </c>
      <c r="C56" s="28">
        <v>9</v>
      </c>
      <c r="D56" s="29">
        <v>18</v>
      </c>
    </row>
    <row r="57" spans="1:4" ht="18" customHeight="1" x14ac:dyDescent="0.2">
      <c r="A57" s="31">
        <v>43</v>
      </c>
      <c r="B57" s="27">
        <v>7</v>
      </c>
      <c r="C57" s="28">
        <v>10</v>
      </c>
      <c r="D57" s="29">
        <v>17</v>
      </c>
    </row>
    <row r="58" spans="1:4" ht="18" customHeight="1" x14ac:dyDescent="0.2">
      <c r="A58" s="31">
        <v>44</v>
      </c>
      <c r="B58" s="27">
        <v>16</v>
      </c>
      <c r="C58" s="28">
        <v>15</v>
      </c>
      <c r="D58" s="29">
        <v>31</v>
      </c>
    </row>
    <row r="59" spans="1:4" ht="18" customHeight="1" x14ac:dyDescent="0.2">
      <c r="A59" s="31" t="s">
        <v>75</v>
      </c>
      <c r="B59" s="27">
        <v>52</v>
      </c>
      <c r="C59" s="28">
        <v>56</v>
      </c>
      <c r="D59" s="29">
        <v>108</v>
      </c>
    </row>
    <row r="60" spans="1:4" ht="18" customHeight="1" x14ac:dyDescent="0.2">
      <c r="A60" s="31">
        <v>45</v>
      </c>
      <c r="B60" s="27">
        <v>13</v>
      </c>
      <c r="C60" s="28">
        <v>14</v>
      </c>
      <c r="D60" s="29">
        <v>27</v>
      </c>
    </row>
    <row r="61" spans="1:4" ht="18" customHeight="1" x14ac:dyDescent="0.2">
      <c r="A61" s="31">
        <v>46</v>
      </c>
      <c r="B61" s="27">
        <v>7</v>
      </c>
      <c r="C61" s="28">
        <v>10</v>
      </c>
      <c r="D61" s="29">
        <v>17</v>
      </c>
    </row>
    <row r="62" spans="1:4" ht="18" customHeight="1" x14ac:dyDescent="0.2">
      <c r="A62" s="31">
        <v>47</v>
      </c>
      <c r="B62" s="27">
        <v>13</v>
      </c>
      <c r="C62" s="28">
        <v>2</v>
      </c>
      <c r="D62" s="29">
        <v>15</v>
      </c>
    </row>
    <row r="63" spans="1:4" ht="18" customHeight="1" x14ac:dyDescent="0.2">
      <c r="A63" s="31">
        <v>48</v>
      </c>
      <c r="B63" s="27">
        <v>10</v>
      </c>
      <c r="C63" s="28">
        <v>11</v>
      </c>
      <c r="D63" s="29">
        <v>21</v>
      </c>
    </row>
    <row r="64" spans="1:4" ht="18" customHeight="1" x14ac:dyDescent="0.2">
      <c r="A64" s="31">
        <v>49</v>
      </c>
      <c r="B64" s="27">
        <v>14</v>
      </c>
      <c r="C64" s="28">
        <v>9</v>
      </c>
      <c r="D64" s="29">
        <v>23</v>
      </c>
    </row>
    <row r="65" spans="1:4" ht="18" customHeight="1" x14ac:dyDescent="0.2">
      <c r="A65" s="31" t="s">
        <v>76</v>
      </c>
      <c r="B65" s="27">
        <v>57</v>
      </c>
      <c r="C65" s="28">
        <v>46</v>
      </c>
      <c r="D65" s="29">
        <v>103</v>
      </c>
    </row>
    <row r="66" spans="1:4" ht="18" customHeight="1" x14ac:dyDescent="0.2">
      <c r="A66" s="31">
        <v>50</v>
      </c>
      <c r="B66" s="27">
        <v>9</v>
      </c>
      <c r="C66" s="28">
        <v>9</v>
      </c>
      <c r="D66" s="29">
        <v>18</v>
      </c>
    </row>
    <row r="67" spans="1:4" ht="18" customHeight="1" x14ac:dyDescent="0.2">
      <c r="A67" s="31">
        <v>51</v>
      </c>
      <c r="B67" s="27">
        <v>12</v>
      </c>
      <c r="C67" s="28">
        <v>20</v>
      </c>
      <c r="D67" s="29">
        <v>32</v>
      </c>
    </row>
    <row r="68" spans="1:4" ht="18" customHeight="1" x14ac:dyDescent="0.2">
      <c r="A68" s="31">
        <v>52</v>
      </c>
      <c r="B68" s="27">
        <v>11</v>
      </c>
      <c r="C68" s="28">
        <v>14</v>
      </c>
      <c r="D68" s="29">
        <v>25</v>
      </c>
    </row>
    <row r="69" spans="1:4" ht="18" customHeight="1" x14ac:dyDescent="0.2">
      <c r="A69" s="31">
        <v>53</v>
      </c>
      <c r="B69" s="27">
        <v>14</v>
      </c>
      <c r="C69" s="28">
        <v>15</v>
      </c>
      <c r="D69" s="29">
        <v>29</v>
      </c>
    </row>
    <row r="70" spans="1:4" ht="18" customHeight="1" x14ac:dyDescent="0.2">
      <c r="A70" s="31">
        <v>54</v>
      </c>
      <c r="B70" s="27">
        <v>12</v>
      </c>
      <c r="C70" s="28">
        <v>21</v>
      </c>
      <c r="D70" s="29">
        <v>33</v>
      </c>
    </row>
    <row r="71" spans="1:4" ht="18" customHeight="1" x14ac:dyDescent="0.2">
      <c r="A71" s="31" t="s">
        <v>77</v>
      </c>
      <c r="B71" s="27">
        <v>58</v>
      </c>
      <c r="C71" s="28">
        <v>79</v>
      </c>
      <c r="D71" s="29">
        <v>137</v>
      </c>
    </row>
    <row r="72" spans="1:4" ht="18" customHeight="1" x14ac:dyDescent="0.2">
      <c r="A72" s="31">
        <v>55</v>
      </c>
      <c r="B72" s="27">
        <v>18</v>
      </c>
      <c r="C72" s="28">
        <v>23</v>
      </c>
      <c r="D72" s="29">
        <v>41</v>
      </c>
    </row>
    <row r="73" spans="1:4" ht="18" customHeight="1" x14ac:dyDescent="0.2">
      <c r="A73" s="31">
        <v>56</v>
      </c>
      <c r="B73" s="27">
        <v>18</v>
      </c>
      <c r="C73" s="28">
        <v>14</v>
      </c>
      <c r="D73" s="29">
        <v>32</v>
      </c>
    </row>
    <row r="74" spans="1:4" ht="18" customHeight="1" x14ac:dyDescent="0.2">
      <c r="A74" s="31">
        <v>57</v>
      </c>
      <c r="B74" s="27">
        <v>27</v>
      </c>
      <c r="C74" s="28">
        <v>18</v>
      </c>
      <c r="D74" s="29">
        <v>45</v>
      </c>
    </row>
    <row r="75" spans="1:4" ht="18" customHeight="1" x14ac:dyDescent="0.2">
      <c r="A75" s="31">
        <v>58</v>
      </c>
      <c r="B75" s="27">
        <v>22</v>
      </c>
      <c r="C75" s="28">
        <v>20</v>
      </c>
      <c r="D75" s="29">
        <v>42</v>
      </c>
    </row>
    <row r="76" spans="1:4" ht="18" customHeight="1" x14ac:dyDescent="0.2">
      <c r="A76" s="31">
        <v>59</v>
      </c>
      <c r="B76" s="27">
        <v>23</v>
      </c>
      <c r="C76" s="28">
        <v>26</v>
      </c>
      <c r="D76" s="29">
        <v>49</v>
      </c>
    </row>
    <row r="77" spans="1:4" ht="18" customHeight="1" x14ac:dyDescent="0.2">
      <c r="A77" s="31" t="s">
        <v>78</v>
      </c>
      <c r="B77" s="27">
        <v>108</v>
      </c>
      <c r="C77" s="28">
        <v>101</v>
      </c>
      <c r="D77" s="29">
        <v>209</v>
      </c>
    </row>
    <row r="78" spans="1:4" ht="18" customHeight="1" x14ac:dyDescent="0.2">
      <c r="A78" s="31">
        <v>60</v>
      </c>
      <c r="B78" s="27">
        <v>23</v>
      </c>
      <c r="C78" s="28">
        <v>21</v>
      </c>
      <c r="D78" s="29">
        <v>44</v>
      </c>
    </row>
    <row r="79" spans="1:4" ht="18" customHeight="1" x14ac:dyDescent="0.2">
      <c r="A79" s="31">
        <v>61</v>
      </c>
      <c r="B79" s="27">
        <v>30</v>
      </c>
      <c r="C79" s="28">
        <v>38</v>
      </c>
      <c r="D79" s="29">
        <v>68</v>
      </c>
    </row>
    <row r="80" spans="1:4" ht="18" customHeight="1" x14ac:dyDescent="0.2">
      <c r="A80" s="31">
        <v>62</v>
      </c>
      <c r="B80" s="27">
        <v>33</v>
      </c>
      <c r="C80" s="28">
        <v>26</v>
      </c>
      <c r="D80" s="29">
        <v>59</v>
      </c>
    </row>
    <row r="81" spans="1:4" ht="18" customHeight="1" x14ac:dyDescent="0.2">
      <c r="A81" s="31">
        <v>63</v>
      </c>
      <c r="B81" s="27">
        <v>11</v>
      </c>
      <c r="C81" s="28">
        <v>14</v>
      </c>
      <c r="D81" s="29">
        <v>25</v>
      </c>
    </row>
    <row r="82" spans="1:4" ht="18" customHeight="1" x14ac:dyDescent="0.2">
      <c r="A82" s="31">
        <v>64</v>
      </c>
      <c r="B82" s="27">
        <v>18</v>
      </c>
      <c r="C82" s="28">
        <v>20</v>
      </c>
      <c r="D82" s="29">
        <v>38</v>
      </c>
    </row>
    <row r="83" spans="1:4" ht="18" customHeight="1" x14ac:dyDescent="0.2">
      <c r="A83" s="31" t="s">
        <v>79</v>
      </c>
      <c r="B83" s="27">
        <v>115</v>
      </c>
      <c r="C83" s="28">
        <v>119</v>
      </c>
      <c r="D83" s="29">
        <v>234</v>
      </c>
    </row>
    <row r="84" spans="1:4" ht="18" customHeight="1" x14ac:dyDescent="0.2">
      <c r="A84" s="31" t="s">
        <v>80</v>
      </c>
      <c r="B84" s="27">
        <v>719</v>
      </c>
      <c r="C84" s="28">
        <v>705</v>
      </c>
      <c r="D84" s="29">
        <v>1424</v>
      </c>
    </row>
    <row r="85" spans="1:4" ht="18" customHeight="1" x14ac:dyDescent="0.2">
      <c r="A85" s="31">
        <v>65</v>
      </c>
      <c r="B85" s="27">
        <v>18</v>
      </c>
      <c r="C85" s="28">
        <v>27</v>
      </c>
      <c r="D85" s="29">
        <v>45</v>
      </c>
    </row>
    <row r="86" spans="1:4" ht="18" customHeight="1" x14ac:dyDescent="0.2">
      <c r="A86" s="31">
        <v>66</v>
      </c>
      <c r="B86" s="27">
        <v>22</v>
      </c>
      <c r="C86" s="28">
        <v>28</v>
      </c>
      <c r="D86" s="29">
        <v>50</v>
      </c>
    </row>
    <row r="87" spans="1:4" ht="18" customHeight="1" x14ac:dyDescent="0.2">
      <c r="A87" s="31">
        <v>67</v>
      </c>
      <c r="B87" s="27">
        <v>21</v>
      </c>
      <c r="C87" s="28">
        <v>28</v>
      </c>
      <c r="D87" s="29">
        <v>49</v>
      </c>
    </row>
    <row r="88" spans="1:4" ht="18" customHeight="1" x14ac:dyDescent="0.2">
      <c r="A88" s="31">
        <v>68</v>
      </c>
      <c r="B88" s="27">
        <v>21</v>
      </c>
      <c r="C88" s="28">
        <v>24</v>
      </c>
      <c r="D88" s="29">
        <v>45</v>
      </c>
    </row>
    <row r="89" spans="1:4" ht="18" customHeight="1" x14ac:dyDescent="0.2">
      <c r="A89" s="31">
        <v>69</v>
      </c>
      <c r="B89" s="27">
        <v>19</v>
      </c>
      <c r="C89" s="28">
        <v>15</v>
      </c>
      <c r="D89" s="29">
        <v>34</v>
      </c>
    </row>
    <row r="90" spans="1:4" ht="18" customHeight="1" x14ac:dyDescent="0.2">
      <c r="A90" s="31" t="s">
        <v>81</v>
      </c>
      <c r="B90" s="27">
        <v>101</v>
      </c>
      <c r="C90" s="28">
        <v>122</v>
      </c>
      <c r="D90" s="29">
        <v>223</v>
      </c>
    </row>
    <row r="91" spans="1:4" ht="18" customHeight="1" x14ac:dyDescent="0.2">
      <c r="A91" s="31">
        <v>70</v>
      </c>
      <c r="B91" s="27">
        <v>15</v>
      </c>
      <c r="C91" s="28">
        <v>17</v>
      </c>
      <c r="D91" s="29">
        <v>32</v>
      </c>
    </row>
    <row r="92" spans="1:4" ht="18" customHeight="1" x14ac:dyDescent="0.2">
      <c r="A92" s="31">
        <v>71</v>
      </c>
      <c r="B92" s="27">
        <v>18</v>
      </c>
      <c r="C92" s="28">
        <v>24</v>
      </c>
      <c r="D92" s="29">
        <v>42</v>
      </c>
    </row>
    <row r="93" spans="1:4" ht="18" customHeight="1" x14ac:dyDescent="0.2">
      <c r="A93" s="31">
        <v>72</v>
      </c>
      <c r="B93" s="27">
        <v>19</v>
      </c>
      <c r="C93" s="28">
        <v>21</v>
      </c>
      <c r="D93" s="29">
        <v>40</v>
      </c>
    </row>
    <row r="94" spans="1:4" ht="18" customHeight="1" x14ac:dyDescent="0.2">
      <c r="A94" s="31">
        <v>73</v>
      </c>
      <c r="B94" s="27">
        <v>12</v>
      </c>
      <c r="C94" s="28">
        <v>22</v>
      </c>
      <c r="D94" s="29">
        <v>34</v>
      </c>
    </row>
    <row r="95" spans="1:4" ht="18" customHeight="1" x14ac:dyDescent="0.2">
      <c r="A95" s="31">
        <v>74</v>
      </c>
      <c r="B95" s="27">
        <v>10</v>
      </c>
      <c r="C95" s="28">
        <v>18</v>
      </c>
      <c r="D95" s="29">
        <v>28</v>
      </c>
    </row>
    <row r="96" spans="1:4" ht="18" customHeight="1" x14ac:dyDescent="0.2">
      <c r="A96" s="31" t="s">
        <v>82</v>
      </c>
      <c r="B96" s="27">
        <v>74</v>
      </c>
      <c r="C96" s="28">
        <v>102</v>
      </c>
      <c r="D96" s="29">
        <v>176</v>
      </c>
    </row>
    <row r="97" spans="1:4" ht="18" customHeight="1" x14ac:dyDescent="0.2">
      <c r="A97" s="31">
        <v>75</v>
      </c>
      <c r="B97" s="27">
        <v>18</v>
      </c>
      <c r="C97" s="28">
        <v>23</v>
      </c>
      <c r="D97" s="29">
        <v>41</v>
      </c>
    </row>
    <row r="98" spans="1:4" ht="18" customHeight="1" x14ac:dyDescent="0.2">
      <c r="A98" s="31">
        <v>76</v>
      </c>
      <c r="B98" s="27">
        <v>14</v>
      </c>
      <c r="C98" s="28">
        <v>22</v>
      </c>
      <c r="D98" s="29">
        <v>36</v>
      </c>
    </row>
    <row r="99" spans="1:4" ht="18" customHeight="1" x14ac:dyDescent="0.2">
      <c r="A99" s="31">
        <v>77</v>
      </c>
      <c r="B99" s="27">
        <v>17</v>
      </c>
      <c r="C99" s="28">
        <v>26</v>
      </c>
      <c r="D99" s="29">
        <v>43</v>
      </c>
    </row>
    <row r="100" spans="1:4" ht="18" customHeight="1" x14ac:dyDescent="0.2">
      <c r="A100" s="31">
        <v>78</v>
      </c>
      <c r="B100" s="27">
        <v>10</v>
      </c>
      <c r="C100" s="28">
        <v>22</v>
      </c>
      <c r="D100" s="29">
        <v>32</v>
      </c>
    </row>
    <row r="101" spans="1:4" ht="18" customHeight="1" x14ac:dyDescent="0.2">
      <c r="A101" s="31">
        <v>79</v>
      </c>
      <c r="B101" s="27">
        <v>15</v>
      </c>
      <c r="C101" s="28">
        <v>21</v>
      </c>
      <c r="D101" s="29">
        <v>36</v>
      </c>
    </row>
    <row r="102" spans="1:4" ht="18" customHeight="1" x14ac:dyDescent="0.2">
      <c r="A102" s="31" t="s">
        <v>83</v>
      </c>
      <c r="B102" s="27">
        <v>74</v>
      </c>
      <c r="C102" s="28">
        <v>114</v>
      </c>
      <c r="D102" s="29">
        <v>188</v>
      </c>
    </row>
    <row r="103" spans="1:4" ht="18" customHeight="1" x14ac:dyDescent="0.2">
      <c r="A103" s="31">
        <v>80</v>
      </c>
      <c r="B103" s="27">
        <v>20</v>
      </c>
      <c r="C103" s="28">
        <v>21</v>
      </c>
      <c r="D103" s="29">
        <v>41</v>
      </c>
    </row>
    <row r="104" spans="1:4" ht="18" customHeight="1" x14ac:dyDescent="0.2">
      <c r="A104" s="31">
        <v>81</v>
      </c>
      <c r="B104" s="27">
        <v>14</v>
      </c>
      <c r="C104" s="28">
        <v>20</v>
      </c>
      <c r="D104" s="29">
        <v>34</v>
      </c>
    </row>
    <row r="105" spans="1:4" ht="18" customHeight="1" x14ac:dyDescent="0.2">
      <c r="A105" s="31">
        <v>82</v>
      </c>
      <c r="B105" s="27">
        <v>5</v>
      </c>
      <c r="C105" s="28">
        <v>19</v>
      </c>
      <c r="D105" s="29">
        <v>24</v>
      </c>
    </row>
    <row r="106" spans="1:4" ht="18" customHeight="1" x14ac:dyDescent="0.2">
      <c r="A106" s="31">
        <v>83</v>
      </c>
      <c r="B106" s="27">
        <v>11</v>
      </c>
      <c r="C106" s="28">
        <v>19</v>
      </c>
      <c r="D106" s="29">
        <v>30</v>
      </c>
    </row>
    <row r="107" spans="1:4" ht="18" customHeight="1" x14ac:dyDescent="0.2">
      <c r="A107" s="31">
        <v>84</v>
      </c>
      <c r="B107" s="27">
        <v>7</v>
      </c>
      <c r="C107" s="28">
        <v>20</v>
      </c>
      <c r="D107" s="29">
        <v>27</v>
      </c>
    </row>
    <row r="108" spans="1:4" ht="18" customHeight="1" x14ac:dyDescent="0.2">
      <c r="A108" s="31" t="s">
        <v>84</v>
      </c>
      <c r="B108" s="27">
        <v>57</v>
      </c>
      <c r="C108" s="28">
        <v>99</v>
      </c>
      <c r="D108" s="29">
        <v>156</v>
      </c>
    </row>
    <row r="109" spans="1:4" ht="18" customHeight="1" x14ac:dyDescent="0.2">
      <c r="A109" s="31">
        <v>85</v>
      </c>
      <c r="B109" s="27">
        <v>4</v>
      </c>
      <c r="C109" s="28">
        <v>14</v>
      </c>
      <c r="D109" s="29">
        <v>18</v>
      </c>
    </row>
    <row r="110" spans="1:4" ht="18" customHeight="1" x14ac:dyDescent="0.2">
      <c r="A110" s="31">
        <v>86</v>
      </c>
      <c r="B110" s="27">
        <v>5</v>
      </c>
      <c r="C110" s="28">
        <v>11</v>
      </c>
      <c r="D110" s="29">
        <v>16</v>
      </c>
    </row>
    <row r="111" spans="1:4" ht="18" customHeight="1" x14ac:dyDescent="0.2">
      <c r="A111" s="31">
        <v>87</v>
      </c>
      <c r="B111" s="27">
        <v>12</v>
      </c>
      <c r="C111" s="28">
        <v>12</v>
      </c>
      <c r="D111" s="29">
        <v>24</v>
      </c>
    </row>
    <row r="112" spans="1:4" ht="18" customHeight="1" x14ac:dyDescent="0.2">
      <c r="A112" s="31">
        <v>88</v>
      </c>
      <c r="B112" s="27">
        <v>3</v>
      </c>
      <c r="C112" s="28">
        <v>7</v>
      </c>
      <c r="D112" s="29">
        <v>10</v>
      </c>
    </row>
    <row r="113" spans="1:4" ht="18" customHeight="1" x14ac:dyDescent="0.2">
      <c r="A113" s="31">
        <v>89</v>
      </c>
      <c r="B113" s="27">
        <v>5</v>
      </c>
      <c r="C113" s="28">
        <v>13</v>
      </c>
      <c r="D113" s="29">
        <v>18</v>
      </c>
    </row>
    <row r="114" spans="1:4" ht="18" customHeight="1" x14ac:dyDescent="0.2">
      <c r="A114" s="31" t="s">
        <v>85</v>
      </c>
      <c r="B114" s="27">
        <v>29</v>
      </c>
      <c r="C114" s="28">
        <v>57</v>
      </c>
      <c r="D114" s="29">
        <v>86</v>
      </c>
    </row>
    <row r="115" spans="1:4" ht="18" customHeight="1" x14ac:dyDescent="0.2">
      <c r="A115" s="31">
        <v>90</v>
      </c>
      <c r="B115" s="27">
        <v>2</v>
      </c>
      <c r="C115" s="28">
        <v>7</v>
      </c>
      <c r="D115" s="29">
        <v>9</v>
      </c>
    </row>
    <row r="116" spans="1:4" ht="18" customHeight="1" x14ac:dyDescent="0.2">
      <c r="A116" s="31">
        <v>91</v>
      </c>
      <c r="B116" s="27">
        <v>1</v>
      </c>
      <c r="C116" s="28">
        <v>7</v>
      </c>
      <c r="D116" s="29">
        <v>8</v>
      </c>
    </row>
    <row r="117" spans="1:4" ht="18" customHeight="1" x14ac:dyDescent="0.2">
      <c r="A117" s="31">
        <v>92</v>
      </c>
      <c r="B117" s="27">
        <v>2</v>
      </c>
      <c r="C117" s="28">
        <v>10</v>
      </c>
      <c r="D117" s="29">
        <v>12</v>
      </c>
    </row>
    <row r="118" spans="1:4" ht="18" customHeight="1" x14ac:dyDescent="0.2">
      <c r="A118" s="31">
        <v>93</v>
      </c>
      <c r="B118" s="27">
        <v>3</v>
      </c>
      <c r="C118" s="28">
        <v>4</v>
      </c>
      <c r="D118" s="29">
        <v>7</v>
      </c>
    </row>
    <row r="119" spans="1:4" ht="18" customHeight="1" x14ac:dyDescent="0.2">
      <c r="A119" s="31">
        <v>94</v>
      </c>
      <c r="B119" s="27">
        <v>3</v>
      </c>
      <c r="C119" s="28">
        <v>6</v>
      </c>
      <c r="D119" s="29">
        <v>9</v>
      </c>
    </row>
    <row r="120" spans="1:4" ht="18" customHeight="1" x14ac:dyDescent="0.2">
      <c r="A120" s="31" t="s">
        <v>86</v>
      </c>
      <c r="B120" s="27">
        <v>11</v>
      </c>
      <c r="C120" s="28">
        <v>34</v>
      </c>
      <c r="D120" s="29">
        <v>45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7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346</v>
      </c>
      <c r="C130" s="5">
        <v>535</v>
      </c>
      <c r="D130" s="6">
        <v>881</v>
      </c>
    </row>
    <row r="131" spans="1:4" ht="18" customHeight="1" x14ac:dyDescent="0.2">
      <c r="A131" s="33" t="s">
        <v>65</v>
      </c>
      <c r="B131" s="7">
        <v>1201</v>
      </c>
      <c r="C131" s="8">
        <v>1379</v>
      </c>
      <c r="D131" s="9">
        <v>258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63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1</v>
      </c>
      <c r="C5" s="37">
        <v>23</v>
      </c>
      <c r="D5" s="39">
        <v>44</v>
      </c>
    </row>
    <row r="6" spans="1:4" ht="18" customHeight="1" x14ac:dyDescent="0.2">
      <c r="A6" s="31">
        <v>1</v>
      </c>
      <c r="B6" s="35">
        <v>31</v>
      </c>
      <c r="C6" s="28">
        <v>20</v>
      </c>
      <c r="D6" s="29">
        <v>51</v>
      </c>
    </row>
    <row r="7" spans="1:4" ht="18" customHeight="1" x14ac:dyDescent="0.2">
      <c r="A7" s="31">
        <v>2</v>
      </c>
      <c r="B7" s="35">
        <v>31</v>
      </c>
      <c r="C7" s="28">
        <v>28</v>
      </c>
      <c r="D7" s="29">
        <v>59</v>
      </c>
    </row>
    <row r="8" spans="1:4" ht="18" customHeight="1" x14ac:dyDescent="0.2">
      <c r="A8" s="31">
        <v>3</v>
      </c>
      <c r="B8" s="35">
        <v>41</v>
      </c>
      <c r="C8" s="28">
        <v>31</v>
      </c>
      <c r="D8" s="29">
        <v>72</v>
      </c>
    </row>
    <row r="9" spans="1:4" ht="18" customHeight="1" x14ac:dyDescent="0.2">
      <c r="A9" s="31">
        <v>4</v>
      </c>
      <c r="B9" s="36">
        <v>34</v>
      </c>
      <c r="C9" s="38">
        <v>32</v>
      </c>
      <c r="D9" s="40">
        <v>66</v>
      </c>
    </row>
    <row r="10" spans="1:4" ht="18" customHeight="1" x14ac:dyDescent="0.2">
      <c r="A10" s="31" t="s">
        <v>66</v>
      </c>
      <c r="B10" s="27">
        <v>158</v>
      </c>
      <c r="C10" s="28">
        <v>134</v>
      </c>
      <c r="D10" s="29">
        <v>292</v>
      </c>
    </row>
    <row r="11" spans="1:4" ht="18" customHeight="1" x14ac:dyDescent="0.2">
      <c r="A11" s="31">
        <v>5</v>
      </c>
      <c r="B11" s="35">
        <v>34</v>
      </c>
      <c r="C11" s="28">
        <v>28</v>
      </c>
      <c r="D11" s="29">
        <v>62</v>
      </c>
    </row>
    <row r="12" spans="1:4" ht="18" customHeight="1" x14ac:dyDescent="0.2">
      <c r="A12" s="31">
        <v>6</v>
      </c>
      <c r="B12" s="35">
        <v>37</v>
      </c>
      <c r="C12" s="28">
        <v>37</v>
      </c>
      <c r="D12" s="29">
        <v>74</v>
      </c>
    </row>
    <row r="13" spans="1:4" ht="18" customHeight="1" x14ac:dyDescent="0.2">
      <c r="A13" s="31">
        <v>7</v>
      </c>
      <c r="B13" s="35">
        <v>48</v>
      </c>
      <c r="C13" s="28">
        <v>26</v>
      </c>
      <c r="D13" s="29">
        <v>74</v>
      </c>
    </row>
    <row r="14" spans="1:4" ht="18" customHeight="1" x14ac:dyDescent="0.2">
      <c r="A14" s="31">
        <v>8</v>
      </c>
      <c r="B14" s="35">
        <v>32</v>
      </c>
      <c r="C14" s="28">
        <v>32</v>
      </c>
      <c r="D14" s="29">
        <v>64</v>
      </c>
    </row>
    <row r="15" spans="1:4" ht="18" customHeight="1" x14ac:dyDescent="0.2">
      <c r="A15" s="31">
        <v>9</v>
      </c>
      <c r="B15" s="35">
        <v>36</v>
      </c>
      <c r="C15" s="28">
        <v>47</v>
      </c>
      <c r="D15" s="29">
        <v>83</v>
      </c>
    </row>
    <row r="16" spans="1:4" ht="18" customHeight="1" x14ac:dyDescent="0.2">
      <c r="A16" s="31" t="s">
        <v>67</v>
      </c>
      <c r="B16" s="27">
        <v>187</v>
      </c>
      <c r="C16" s="28">
        <v>170</v>
      </c>
      <c r="D16" s="29">
        <v>357</v>
      </c>
    </row>
    <row r="17" spans="1:4" ht="18" customHeight="1" x14ac:dyDescent="0.2">
      <c r="A17" s="31">
        <v>10</v>
      </c>
      <c r="B17" s="27">
        <v>49</v>
      </c>
      <c r="C17" s="28">
        <v>33</v>
      </c>
      <c r="D17" s="29">
        <v>82</v>
      </c>
    </row>
    <row r="18" spans="1:4" ht="18" customHeight="1" x14ac:dyDescent="0.2">
      <c r="A18" s="31">
        <v>11</v>
      </c>
      <c r="B18" s="27">
        <v>49</v>
      </c>
      <c r="C18" s="28">
        <v>35</v>
      </c>
      <c r="D18" s="29">
        <v>84</v>
      </c>
    </row>
    <row r="19" spans="1:4" ht="18" customHeight="1" x14ac:dyDescent="0.2">
      <c r="A19" s="31">
        <v>12</v>
      </c>
      <c r="B19" s="27">
        <v>40</v>
      </c>
      <c r="C19" s="28">
        <v>40</v>
      </c>
      <c r="D19" s="29">
        <v>80</v>
      </c>
    </row>
    <row r="20" spans="1:4" ht="18" customHeight="1" x14ac:dyDescent="0.2">
      <c r="A20" s="31">
        <v>13</v>
      </c>
      <c r="B20" s="27">
        <v>53</v>
      </c>
      <c r="C20" s="28">
        <v>38</v>
      </c>
      <c r="D20" s="29">
        <v>91</v>
      </c>
    </row>
    <row r="21" spans="1:4" ht="18" customHeight="1" x14ac:dyDescent="0.2">
      <c r="A21" s="31">
        <v>14</v>
      </c>
      <c r="B21" s="27">
        <v>35</v>
      </c>
      <c r="C21" s="28">
        <v>35</v>
      </c>
      <c r="D21" s="29">
        <v>70</v>
      </c>
    </row>
    <row r="22" spans="1:4" ht="18" customHeight="1" x14ac:dyDescent="0.2">
      <c r="A22" s="31" t="s">
        <v>68</v>
      </c>
      <c r="B22" s="27">
        <v>226</v>
      </c>
      <c r="C22" s="28">
        <v>181</v>
      </c>
      <c r="D22" s="29">
        <v>407</v>
      </c>
    </row>
    <row r="23" spans="1:4" ht="18" customHeight="1" x14ac:dyDescent="0.2">
      <c r="A23" s="31" t="s">
        <v>69</v>
      </c>
      <c r="B23" s="27">
        <v>571</v>
      </c>
      <c r="C23" s="28">
        <v>485</v>
      </c>
      <c r="D23" s="29">
        <v>1056</v>
      </c>
    </row>
    <row r="24" spans="1:4" ht="18" customHeight="1" x14ac:dyDescent="0.2">
      <c r="A24" s="31">
        <v>15</v>
      </c>
      <c r="B24" s="27">
        <v>44</v>
      </c>
      <c r="C24" s="28">
        <v>37</v>
      </c>
      <c r="D24" s="29">
        <v>81</v>
      </c>
    </row>
    <row r="25" spans="1:4" ht="18" customHeight="1" x14ac:dyDescent="0.2">
      <c r="A25" s="31">
        <v>16</v>
      </c>
      <c r="B25" s="27">
        <v>39</v>
      </c>
      <c r="C25" s="28">
        <v>33</v>
      </c>
      <c r="D25" s="29">
        <v>72</v>
      </c>
    </row>
    <row r="26" spans="1:4" ht="18" customHeight="1" x14ac:dyDescent="0.2">
      <c r="A26" s="31">
        <v>17</v>
      </c>
      <c r="B26" s="27">
        <v>39</v>
      </c>
      <c r="C26" s="28">
        <v>33</v>
      </c>
      <c r="D26" s="29">
        <v>72</v>
      </c>
    </row>
    <row r="27" spans="1:4" ht="18" customHeight="1" x14ac:dyDescent="0.2">
      <c r="A27" s="31">
        <v>18</v>
      </c>
      <c r="B27" s="27">
        <v>30</v>
      </c>
      <c r="C27" s="28">
        <v>39</v>
      </c>
      <c r="D27" s="29">
        <v>69</v>
      </c>
    </row>
    <row r="28" spans="1:4" ht="18" customHeight="1" x14ac:dyDescent="0.2">
      <c r="A28" s="31">
        <v>19</v>
      </c>
      <c r="B28" s="27">
        <v>37</v>
      </c>
      <c r="C28" s="28">
        <v>42</v>
      </c>
      <c r="D28" s="29">
        <v>79</v>
      </c>
    </row>
    <row r="29" spans="1:4" ht="18" customHeight="1" x14ac:dyDescent="0.2">
      <c r="A29" s="31" t="s">
        <v>70</v>
      </c>
      <c r="B29" s="27">
        <v>189</v>
      </c>
      <c r="C29" s="28">
        <v>184</v>
      </c>
      <c r="D29" s="29">
        <v>373</v>
      </c>
    </row>
    <row r="30" spans="1:4" ht="18" customHeight="1" x14ac:dyDescent="0.2">
      <c r="A30" s="31">
        <v>20</v>
      </c>
      <c r="B30" s="27">
        <v>34</v>
      </c>
      <c r="C30" s="28">
        <v>28</v>
      </c>
      <c r="D30" s="29">
        <v>62</v>
      </c>
    </row>
    <row r="31" spans="1:4" ht="18" customHeight="1" x14ac:dyDescent="0.2">
      <c r="A31" s="31">
        <v>21</v>
      </c>
      <c r="B31" s="27">
        <v>36</v>
      </c>
      <c r="C31" s="28">
        <v>31</v>
      </c>
      <c r="D31" s="29">
        <v>67</v>
      </c>
    </row>
    <row r="32" spans="1:4" ht="18" customHeight="1" x14ac:dyDescent="0.2">
      <c r="A32" s="31">
        <v>22</v>
      </c>
      <c r="B32" s="27">
        <v>41</v>
      </c>
      <c r="C32" s="28">
        <v>39</v>
      </c>
      <c r="D32" s="29">
        <v>80</v>
      </c>
    </row>
    <row r="33" spans="1:4" ht="18" customHeight="1" x14ac:dyDescent="0.2">
      <c r="A33" s="31">
        <v>23</v>
      </c>
      <c r="B33" s="27">
        <v>38</v>
      </c>
      <c r="C33" s="28">
        <v>44</v>
      </c>
      <c r="D33" s="29">
        <v>82</v>
      </c>
    </row>
    <row r="34" spans="1:4" ht="18" customHeight="1" x14ac:dyDescent="0.2">
      <c r="A34" s="31">
        <v>24</v>
      </c>
      <c r="B34" s="27">
        <v>37</v>
      </c>
      <c r="C34" s="28">
        <v>35</v>
      </c>
      <c r="D34" s="29">
        <v>72</v>
      </c>
    </row>
    <row r="35" spans="1:4" ht="18" customHeight="1" x14ac:dyDescent="0.2">
      <c r="A35" s="31" t="s">
        <v>71</v>
      </c>
      <c r="B35" s="27">
        <v>186</v>
      </c>
      <c r="C35" s="28">
        <v>177</v>
      </c>
      <c r="D35" s="29">
        <v>363</v>
      </c>
    </row>
    <row r="36" spans="1:4" ht="18" customHeight="1" x14ac:dyDescent="0.2">
      <c r="A36" s="31">
        <v>25</v>
      </c>
      <c r="B36" s="27">
        <v>42</v>
      </c>
      <c r="C36" s="28">
        <v>35</v>
      </c>
      <c r="D36" s="29">
        <v>77</v>
      </c>
    </row>
    <row r="37" spans="1:4" ht="18" customHeight="1" x14ac:dyDescent="0.2">
      <c r="A37" s="31">
        <v>26</v>
      </c>
      <c r="B37" s="27">
        <v>48</v>
      </c>
      <c r="C37" s="28">
        <v>31</v>
      </c>
      <c r="D37" s="29">
        <v>79</v>
      </c>
    </row>
    <row r="38" spans="1:4" ht="18" customHeight="1" x14ac:dyDescent="0.2">
      <c r="A38" s="31">
        <v>27</v>
      </c>
      <c r="B38" s="27">
        <v>34</v>
      </c>
      <c r="C38" s="28">
        <v>39</v>
      </c>
      <c r="D38" s="29">
        <v>73</v>
      </c>
    </row>
    <row r="39" spans="1:4" ht="18" customHeight="1" x14ac:dyDescent="0.2">
      <c r="A39" s="31">
        <v>28</v>
      </c>
      <c r="B39" s="27">
        <v>41</v>
      </c>
      <c r="C39" s="28">
        <v>38</v>
      </c>
      <c r="D39" s="29">
        <v>79</v>
      </c>
    </row>
    <row r="40" spans="1:4" ht="18" customHeight="1" x14ac:dyDescent="0.2">
      <c r="A40" s="31">
        <v>29</v>
      </c>
      <c r="B40" s="27">
        <v>38</v>
      </c>
      <c r="C40" s="28">
        <v>38</v>
      </c>
      <c r="D40" s="29">
        <v>76</v>
      </c>
    </row>
    <row r="41" spans="1:4" ht="18" customHeight="1" x14ac:dyDescent="0.2">
      <c r="A41" s="31" t="s">
        <v>72</v>
      </c>
      <c r="B41" s="27">
        <v>203</v>
      </c>
      <c r="C41" s="28">
        <v>181</v>
      </c>
      <c r="D41" s="29">
        <v>384</v>
      </c>
    </row>
    <row r="42" spans="1:4" ht="18" customHeight="1" x14ac:dyDescent="0.2">
      <c r="A42" s="31">
        <v>30</v>
      </c>
      <c r="B42" s="27">
        <v>53</v>
      </c>
      <c r="C42" s="28">
        <v>43</v>
      </c>
      <c r="D42" s="29">
        <v>96</v>
      </c>
    </row>
    <row r="43" spans="1:4" ht="18" customHeight="1" x14ac:dyDescent="0.2">
      <c r="A43" s="31">
        <v>31</v>
      </c>
      <c r="B43" s="27">
        <v>44</v>
      </c>
      <c r="C43" s="28">
        <v>44</v>
      </c>
      <c r="D43" s="29">
        <v>88</v>
      </c>
    </row>
    <row r="44" spans="1:4" ht="18" customHeight="1" x14ac:dyDescent="0.2">
      <c r="A44" s="31">
        <v>32</v>
      </c>
      <c r="B44" s="27">
        <v>46</v>
      </c>
      <c r="C44" s="28">
        <v>36</v>
      </c>
      <c r="D44" s="29">
        <v>82</v>
      </c>
    </row>
    <row r="45" spans="1:4" ht="18" customHeight="1" x14ac:dyDescent="0.2">
      <c r="A45" s="31">
        <v>33</v>
      </c>
      <c r="B45" s="27">
        <v>49</v>
      </c>
      <c r="C45" s="28">
        <v>36</v>
      </c>
      <c r="D45" s="29">
        <v>85</v>
      </c>
    </row>
    <row r="46" spans="1:4" ht="18" customHeight="1" x14ac:dyDescent="0.2">
      <c r="A46" s="31">
        <v>34</v>
      </c>
      <c r="B46" s="27">
        <v>51</v>
      </c>
      <c r="C46" s="28">
        <v>54</v>
      </c>
      <c r="D46" s="29">
        <v>105</v>
      </c>
    </row>
    <row r="47" spans="1:4" ht="18" customHeight="1" x14ac:dyDescent="0.2">
      <c r="A47" s="31" t="s">
        <v>73</v>
      </c>
      <c r="B47" s="27">
        <v>243</v>
      </c>
      <c r="C47" s="28">
        <v>213</v>
      </c>
      <c r="D47" s="29">
        <v>456</v>
      </c>
    </row>
    <row r="48" spans="1:4" ht="18" customHeight="1" x14ac:dyDescent="0.2">
      <c r="A48" s="31">
        <v>35</v>
      </c>
      <c r="B48" s="27">
        <v>44</v>
      </c>
      <c r="C48" s="28">
        <v>41</v>
      </c>
      <c r="D48" s="29">
        <v>85</v>
      </c>
    </row>
    <row r="49" spans="1:4" ht="18" customHeight="1" x14ac:dyDescent="0.2">
      <c r="A49" s="31">
        <v>36</v>
      </c>
      <c r="B49" s="27">
        <v>49</v>
      </c>
      <c r="C49" s="28">
        <v>54</v>
      </c>
      <c r="D49" s="29">
        <v>103</v>
      </c>
    </row>
    <row r="50" spans="1:4" ht="18" customHeight="1" x14ac:dyDescent="0.2">
      <c r="A50" s="31">
        <v>37</v>
      </c>
      <c r="B50" s="27">
        <v>48</v>
      </c>
      <c r="C50" s="28">
        <v>58</v>
      </c>
      <c r="D50" s="29">
        <v>106</v>
      </c>
    </row>
    <row r="51" spans="1:4" ht="18" customHeight="1" x14ac:dyDescent="0.2">
      <c r="A51" s="31">
        <v>38</v>
      </c>
      <c r="B51" s="27">
        <v>47</v>
      </c>
      <c r="C51" s="28">
        <v>46</v>
      </c>
      <c r="D51" s="29">
        <v>93</v>
      </c>
    </row>
    <row r="52" spans="1:4" ht="18" customHeight="1" x14ac:dyDescent="0.2">
      <c r="A52" s="31">
        <v>39</v>
      </c>
      <c r="B52" s="27">
        <v>63</v>
      </c>
      <c r="C52" s="28">
        <v>46</v>
      </c>
      <c r="D52" s="29">
        <v>109</v>
      </c>
    </row>
    <row r="53" spans="1:4" ht="18" customHeight="1" x14ac:dyDescent="0.2">
      <c r="A53" s="31" t="s">
        <v>74</v>
      </c>
      <c r="B53" s="27">
        <v>251</v>
      </c>
      <c r="C53" s="28">
        <v>245</v>
      </c>
      <c r="D53" s="29">
        <v>496</v>
      </c>
    </row>
    <row r="54" spans="1:4" ht="18" customHeight="1" x14ac:dyDescent="0.2">
      <c r="A54" s="31">
        <v>40</v>
      </c>
      <c r="B54" s="27">
        <v>44</v>
      </c>
      <c r="C54" s="28">
        <v>54</v>
      </c>
      <c r="D54" s="29">
        <v>98</v>
      </c>
    </row>
    <row r="55" spans="1:4" ht="18" customHeight="1" x14ac:dyDescent="0.2">
      <c r="A55" s="31">
        <v>41</v>
      </c>
      <c r="B55" s="27">
        <v>56</v>
      </c>
      <c r="C55" s="28">
        <v>58</v>
      </c>
      <c r="D55" s="29">
        <v>114</v>
      </c>
    </row>
    <row r="56" spans="1:4" ht="18" customHeight="1" x14ac:dyDescent="0.2">
      <c r="A56" s="31">
        <v>42</v>
      </c>
      <c r="B56" s="27">
        <v>53</v>
      </c>
      <c r="C56" s="28">
        <v>41</v>
      </c>
      <c r="D56" s="29">
        <v>94</v>
      </c>
    </row>
    <row r="57" spans="1:4" ht="18" customHeight="1" x14ac:dyDescent="0.2">
      <c r="A57" s="31">
        <v>43</v>
      </c>
      <c r="B57" s="27">
        <v>40</v>
      </c>
      <c r="C57" s="28">
        <v>37</v>
      </c>
      <c r="D57" s="29">
        <v>77</v>
      </c>
    </row>
    <row r="58" spans="1:4" ht="18" customHeight="1" x14ac:dyDescent="0.2">
      <c r="A58" s="31">
        <v>44</v>
      </c>
      <c r="B58" s="27">
        <v>51</v>
      </c>
      <c r="C58" s="28">
        <v>38</v>
      </c>
      <c r="D58" s="29">
        <v>89</v>
      </c>
    </row>
    <row r="59" spans="1:4" ht="18" customHeight="1" x14ac:dyDescent="0.2">
      <c r="A59" s="31" t="s">
        <v>75</v>
      </c>
      <c r="B59" s="27">
        <v>244</v>
      </c>
      <c r="C59" s="28">
        <v>228</v>
      </c>
      <c r="D59" s="29">
        <v>472</v>
      </c>
    </row>
    <row r="60" spans="1:4" ht="18" customHeight="1" x14ac:dyDescent="0.2">
      <c r="A60" s="31">
        <v>45</v>
      </c>
      <c r="B60" s="27">
        <v>43</v>
      </c>
      <c r="C60" s="28">
        <v>43</v>
      </c>
      <c r="D60" s="29">
        <v>86</v>
      </c>
    </row>
    <row r="61" spans="1:4" ht="18" customHeight="1" x14ac:dyDescent="0.2">
      <c r="A61" s="31">
        <v>46</v>
      </c>
      <c r="B61" s="27">
        <v>41</v>
      </c>
      <c r="C61" s="28">
        <v>41</v>
      </c>
      <c r="D61" s="29">
        <v>82</v>
      </c>
    </row>
    <row r="62" spans="1:4" ht="18" customHeight="1" x14ac:dyDescent="0.2">
      <c r="A62" s="31">
        <v>47</v>
      </c>
      <c r="B62" s="27">
        <v>38</v>
      </c>
      <c r="C62" s="28">
        <v>44</v>
      </c>
      <c r="D62" s="29">
        <v>82</v>
      </c>
    </row>
    <row r="63" spans="1:4" ht="18" customHeight="1" x14ac:dyDescent="0.2">
      <c r="A63" s="31">
        <v>48</v>
      </c>
      <c r="B63" s="27">
        <v>44</v>
      </c>
      <c r="C63" s="28">
        <v>69</v>
      </c>
      <c r="D63" s="29">
        <v>113</v>
      </c>
    </row>
    <row r="64" spans="1:4" ht="18" customHeight="1" x14ac:dyDescent="0.2">
      <c r="A64" s="31">
        <v>49</v>
      </c>
      <c r="B64" s="27">
        <v>49</v>
      </c>
      <c r="C64" s="28">
        <v>37</v>
      </c>
      <c r="D64" s="29">
        <v>86</v>
      </c>
    </row>
    <row r="65" spans="1:4" ht="18" customHeight="1" x14ac:dyDescent="0.2">
      <c r="A65" s="31" t="s">
        <v>76</v>
      </c>
      <c r="B65" s="27">
        <v>215</v>
      </c>
      <c r="C65" s="28">
        <v>234</v>
      </c>
      <c r="D65" s="29">
        <v>449</v>
      </c>
    </row>
    <row r="66" spans="1:4" ht="18" customHeight="1" x14ac:dyDescent="0.2">
      <c r="A66" s="31">
        <v>50</v>
      </c>
      <c r="B66" s="27">
        <v>35</v>
      </c>
      <c r="C66" s="28">
        <v>36</v>
      </c>
      <c r="D66" s="29">
        <v>71</v>
      </c>
    </row>
    <row r="67" spans="1:4" ht="18" customHeight="1" x14ac:dyDescent="0.2">
      <c r="A67" s="31">
        <v>51</v>
      </c>
      <c r="B67" s="27">
        <v>46</v>
      </c>
      <c r="C67" s="28">
        <v>40</v>
      </c>
      <c r="D67" s="29">
        <v>86</v>
      </c>
    </row>
    <row r="68" spans="1:4" ht="18" customHeight="1" x14ac:dyDescent="0.2">
      <c r="A68" s="31">
        <v>52</v>
      </c>
      <c r="B68" s="27">
        <v>34</v>
      </c>
      <c r="C68" s="28">
        <v>49</v>
      </c>
      <c r="D68" s="29">
        <v>83</v>
      </c>
    </row>
    <row r="69" spans="1:4" ht="18" customHeight="1" x14ac:dyDescent="0.2">
      <c r="A69" s="31">
        <v>53</v>
      </c>
      <c r="B69" s="27">
        <v>50</v>
      </c>
      <c r="C69" s="28">
        <v>45</v>
      </c>
      <c r="D69" s="29">
        <v>95</v>
      </c>
    </row>
    <row r="70" spans="1:4" ht="18" customHeight="1" x14ac:dyDescent="0.2">
      <c r="A70" s="31">
        <v>54</v>
      </c>
      <c r="B70" s="27">
        <v>57</v>
      </c>
      <c r="C70" s="28">
        <v>47</v>
      </c>
      <c r="D70" s="29">
        <v>104</v>
      </c>
    </row>
    <row r="71" spans="1:4" ht="18" customHeight="1" x14ac:dyDescent="0.2">
      <c r="A71" s="31" t="s">
        <v>77</v>
      </c>
      <c r="B71" s="27">
        <v>222</v>
      </c>
      <c r="C71" s="28">
        <v>217</v>
      </c>
      <c r="D71" s="29">
        <v>439</v>
      </c>
    </row>
    <row r="72" spans="1:4" ht="18" customHeight="1" x14ac:dyDescent="0.2">
      <c r="A72" s="31">
        <v>55</v>
      </c>
      <c r="B72" s="27">
        <v>45</v>
      </c>
      <c r="C72" s="28">
        <v>55</v>
      </c>
      <c r="D72" s="29">
        <v>100</v>
      </c>
    </row>
    <row r="73" spans="1:4" ht="18" customHeight="1" x14ac:dyDescent="0.2">
      <c r="A73" s="31">
        <v>56</v>
      </c>
      <c r="B73" s="27">
        <v>61</v>
      </c>
      <c r="C73" s="28">
        <v>63</v>
      </c>
      <c r="D73" s="29">
        <v>124</v>
      </c>
    </row>
    <row r="74" spans="1:4" ht="18" customHeight="1" x14ac:dyDescent="0.2">
      <c r="A74" s="31">
        <v>57</v>
      </c>
      <c r="B74" s="27">
        <v>65</v>
      </c>
      <c r="C74" s="28">
        <v>49</v>
      </c>
      <c r="D74" s="29">
        <v>114</v>
      </c>
    </row>
    <row r="75" spans="1:4" ht="18" customHeight="1" x14ac:dyDescent="0.2">
      <c r="A75" s="31">
        <v>58</v>
      </c>
      <c r="B75" s="27">
        <v>53</v>
      </c>
      <c r="C75" s="28">
        <v>55</v>
      </c>
      <c r="D75" s="29">
        <v>108</v>
      </c>
    </row>
    <row r="76" spans="1:4" ht="18" customHeight="1" x14ac:dyDescent="0.2">
      <c r="A76" s="31">
        <v>59</v>
      </c>
      <c r="B76" s="27">
        <v>66</v>
      </c>
      <c r="C76" s="28">
        <v>59</v>
      </c>
      <c r="D76" s="29">
        <v>125</v>
      </c>
    </row>
    <row r="77" spans="1:4" ht="18" customHeight="1" x14ac:dyDescent="0.2">
      <c r="A77" s="31" t="s">
        <v>78</v>
      </c>
      <c r="B77" s="27">
        <v>290</v>
      </c>
      <c r="C77" s="28">
        <v>281</v>
      </c>
      <c r="D77" s="29">
        <v>571</v>
      </c>
    </row>
    <row r="78" spans="1:4" ht="18" customHeight="1" x14ac:dyDescent="0.2">
      <c r="A78" s="31">
        <v>60</v>
      </c>
      <c r="B78" s="27">
        <v>66</v>
      </c>
      <c r="C78" s="28">
        <v>58</v>
      </c>
      <c r="D78" s="29">
        <v>124</v>
      </c>
    </row>
    <row r="79" spans="1:4" ht="18" customHeight="1" x14ac:dyDescent="0.2">
      <c r="A79" s="31">
        <v>61</v>
      </c>
      <c r="B79" s="27">
        <v>87</v>
      </c>
      <c r="C79" s="28">
        <v>68</v>
      </c>
      <c r="D79" s="29">
        <v>155</v>
      </c>
    </row>
    <row r="80" spans="1:4" ht="18" customHeight="1" x14ac:dyDescent="0.2">
      <c r="A80" s="31">
        <v>62</v>
      </c>
      <c r="B80" s="27">
        <v>66</v>
      </c>
      <c r="C80" s="28">
        <v>68</v>
      </c>
      <c r="D80" s="29">
        <v>134</v>
      </c>
    </row>
    <row r="81" spans="1:4" ht="18" customHeight="1" x14ac:dyDescent="0.2">
      <c r="A81" s="31">
        <v>63</v>
      </c>
      <c r="B81" s="27">
        <v>30</v>
      </c>
      <c r="C81" s="28">
        <v>35</v>
      </c>
      <c r="D81" s="29">
        <v>65</v>
      </c>
    </row>
    <row r="82" spans="1:4" ht="18" customHeight="1" x14ac:dyDescent="0.2">
      <c r="A82" s="31">
        <v>64</v>
      </c>
      <c r="B82" s="27">
        <v>47</v>
      </c>
      <c r="C82" s="28">
        <v>39</v>
      </c>
      <c r="D82" s="29">
        <v>86</v>
      </c>
    </row>
    <row r="83" spans="1:4" ht="18" customHeight="1" x14ac:dyDescent="0.2">
      <c r="A83" s="31" t="s">
        <v>79</v>
      </c>
      <c r="B83" s="27">
        <v>296</v>
      </c>
      <c r="C83" s="28">
        <v>268</v>
      </c>
      <c r="D83" s="29">
        <v>564</v>
      </c>
    </row>
    <row r="84" spans="1:4" ht="18" customHeight="1" x14ac:dyDescent="0.2">
      <c r="A84" s="31" t="s">
        <v>80</v>
      </c>
      <c r="B84" s="27">
        <v>2339</v>
      </c>
      <c r="C84" s="28">
        <v>2228</v>
      </c>
      <c r="D84" s="29">
        <v>4567</v>
      </c>
    </row>
    <row r="85" spans="1:4" ht="18" customHeight="1" x14ac:dyDescent="0.2">
      <c r="A85" s="31">
        <v>65</v>
      </c>
      <c r="B85" s="27">
        <v>54</v>
      </c>
      <c r="C85" s="28">
        <v>45</v>
      </c>
      <c r="D85" s="29">
        <v>99</v>
      </c>
    </row>
    <row r="86" spans="1:4" ht="18" customHeight="1" x14ac:dyDescent="0.2">
      <c r="A86" s="31">
        <v>66</v>
      </c>
      <c r="B86" s="27">
        <v>39</v>
      </c>
      <c r="C86" s="28">
        <v>53</v>
      </c>
      <c r="D86" s="29">
        <v>92</v>
      </c>
    </row>
    <row r="87" spans="1:4" ht="18" customHeight="1" x14ac:dyDescent="0.2">
      <c r="A87" s="31">
        <v>67</v>
      </c>
      <c r="B87" s="27">
        <v>52</v>
      </c>
      <c r="C87" s="28">
        <v>57</v>
      </c>
      <c r="D87" s="29">
        <v>109</v>
      </c>
    </row>
    <row r="88" spans="1:4" ht="18" customHeight="1" x14ac:dyDescent="0.2">
      <c r="A88" s="31">
        <v>68</v>
      </c>
      <c r="B88" s="27">
        <v>57</v>
      </c>
      <c r="C88" s="28">
        <v>49</v>
      </c>
      <c r="D88" s="29">
        <v>106</v>
      </c>
    </row>
    <row r="89" spans="1:4" ht="18" customHeight="1" x14ac:dyDescent="0.2">
      <c r="A89" s="31">
        <v>69</v>
      </c>
      <c r="B89" s="27">
        <v>34</v>
      </c>
      <c r="C89" s="28">
        <v>36</v>
      </c>
      <c r="D89" s="29">
        <v>70</v>
      </c>
    </row>
    <row r="90" spans="1:4" ht="18" customHeight="1" x14ac:dyDescent="0.2">
      <c r="A90" s="31" t="s">
        <v>81</v>
      </c>
      <c r="B90" s="27">
        <v>236</v>
      </c>
      <c r="C90" s="28">
        <v>240</v>
      </c>
      <c r="D90" s="29">
        <v>476</v>
      </c>
    </row>
    <row r="91" spans="1:4" ht="18" customHeight="1" x14ac:dyDescent="0.2">
      <c r="A91" s="31">
        <v>70</v>
      </c>
      <c r="B91" s="27">
        <v>31</v>
      </c>
      <c r="C91" s="28">
        <v>41</v>
      </c>
      <c r="D91" s="29">
        <v>72</v>
      </c>
    </row>
    <row r="92" spans="1:4" ht="18" customHeight="1" x14ac:dyDescent="0.2">
      <c r="A92" s="31">
        <v>71</v>
      </c>
      <c r="B92" s="27">
        <v>38</v>
      </c>
      <c r="C92" s="28">
        <v>37</v>
      </c>
      <c r="D92" s="29">
        <v>75</v>
      </c>
    </row>
    <row r="93" spans="1:4" ht="18" customHeight="1" x14ac:dyDescent="0.2">
      <c r="A93" s="31">
        <v>72</v>
      </c>
      <c r="B93" s="27">
        <v>44</v>
      </c>
      <c r="C93" s="28">
        <v>53</v>
      </c>
      <c r="D93" s="29">
        <v>97</v>
      </c>
    </row>
    <row r="94" spans="1:4" ht="18" customHeight="1" x14ac:dyDescent="0.2">
      <c r="A94" s="31">
        <v>73</v>
      </c>
      <c r="B94" s="27">
        <v>50</v>
      </c>
      <c r="C94" s="28">
        <v>53</v>
      </c>
      <c r="D94" s="29">
        <v>103</v>
      </c>
    </row>
    <row r="95" spans="1:4" ht="18" customHeight="1" x14ac:dyDescent="0.2">
      <c r="A95" s="31">
        <v>74</v>
      </c>
      <c r="B95" s="27">
        <v>27</v>
      </c>
      <c r="C95" s="28">
        <v>38</v>
      </c>
      <c r="D95" s="29">
        <v>65</v>
      </c>
    </row>
    <row r="96" spans="1:4" ht="18" customHeight="1" x14ac:dyDescent="0.2">
      <c r="A96" s="31" t="s">
        <v>82</v>
      </c>
      <c r="B96" s="27">
        <v>190</v>
      </c>
      <c r="C96" s="28">
        <v>222</v>
      </c>
      <c r="D96" s="29">
        <v>412</v>
      </c>
    </row>
    <row r="97" spans="1:4" ht="18" customHeight="1" x14ac:dyDescent="0.2">
      <c r="A97" s="31">
        <v>75</v>
      </c>
      <c r="B97" s="27">
        <v>40</v>
      </c>
      <c r="C97" s="28">
        <v>46</v>
      </c>
      <c r="D97" s="29">
        <v>86</v>
      </c>
    </row>
    <row r="98" spans="1:4" ht="18" customHeight="1" x14ac:dyDescent="0.2">
      <c r="A98" s="31">
        <v>76</v>
      </c>
      <c r="B98" s="27">
        <v>31</v>
      </c>
      <c r="C98" s="28">
        <v>35</v>
      </c>
      <c r="D98" s="29">
        <v>66</v>
      </c>
    </row>
    <row r="99" spans="1:4" ht="18" customHeight="1" x14ac:dyDescent="0.2">
      <c r="A99" s="31">
        <v>77</v>
      </c>
      <c r="B99" s="27">
        <v>28</v>
      </c>
      <c r="C99" s="28">
        <v>35</v>
      </c>
      <c r="D99" s="29">
        <v>63</v>
      </c>
    </row>
    <row r="100" spans="1:4" ht="18" customHeight="1" x14ac:dyDescent="0.2">
      <c r="A100" s="31">
        <v>78</v>
      </c>
      <c r="B100" s="27">
        <v>29</v>
      </c>
      <c r="C100" s="28">
        <v>42</v>
      </c>
      <c r="D100" s="29">
        <v>71</v>
      </c>
    </row>
    <row r="101" spans="1:4" ht="18" customHeight="1" x14ac:dyDescent="0.2">
      <c r="A101" s="31">
        <v>79</v>
      </c>
      <c r="B101" s="27">
        <v>26</v>
      </c>
      <c r="C101" s="28">
        <v>42</v>
      </c>
      <c r="D101" s="29">
        <v>68</v>
      </c>
    </row>
    <row r="102" spans="1:4" ht="18" customHeight="1" x14ac:dyDescent="0.2">
      <c r="A102" s="31" t="s">
        <v>83</v>
      </c>
      <c r="B102" s="27">
        <v>154</v>
      </c>
      <c r="C102" s="28">
        <v>200</v>
      </c>
      <c r="D102" s="29">
        <v>354</v>
      </c>
    </row>
    <row r="103" spans="1:4" ht="18" customHeight="1" x14ac:dyDescent="0.2">
      <c r="A103" s="31">
        <v>80</v>
      </c>
      <c r="B103" s="27">
        <v>38</v>
      </c>
      <c r="C103" s="28">
        <v>48</v>
      </c>
      <c r="D103" s="29">
        <v>86</v>
      </c>
    </row>
    <row r="104" spans="1:4" ht="18" customHeight="1" x14ac:dyDescent="0.2">
      <c r="A104" s="31">
        <v>81</v>
      </c>
      <c r="B104" s="27">
        <v>27</v>
      </c>
      <c r="C104" s="28">
        <v>41</v>
      </c>
      <c r="D104" s="29">
        <v>68</v>
      </c>
    </row>
    <row r="105" spans="1:4" ht="18" customHeight="1" x14ac:dyDescent="0.2">
      <c r="A105" s="31">
        <v>82</v>
      </c>
      <c r="B105" s="27">
        <v>26</v>
      </c>
      <c r="C105" s="28">
        <v>34</v>
      </c>
      <c r="D105" s="29">
        <v>60</v>
      </c>
    </row>
    <row r="106" spans="1:4" ht="18" customHeight="1" x14ac:dyDescent="0.2">
      <c r="A106" s="31">
        <v>83</v>
      </c>
      <c r="B106" s="27">
        <v>18</v>
      </c>
      <c r="C106" s="28">
        <v>47</v>
      </c>
      <c r="D106" s="29">
        <v>65</v>
      </c>
    </row>
    <row r="107" spans="1:4" ht="18" customHeight="1" x14ac:dyDescent="0.2">
      <c r="A107" s="31">
        <v>84</v>
      </c>
      <c r="B107" s="27">
        <v>16</v>
      </c>
      <c r="C107" s="28">
        <v>24</v>
      </c>
      <c r="D107" s="29">
        <v>40</v>
      </c>
    </row>
    <row r="108" spans="1:4" ht="18" customHeight="1" x14ac:dyDescent="0.2">
      <c r="A108" s="31" t="s">
        <v>84</v>
      </c>
      <c r="B108" s="27">
        <v>125</v>
      </c>
      <c r="C108" s="28">
        <v>194</v>
      </c>
      <c r="D108" s="29">
        <v>319</v>
      </c>
    </row>
    <row r="109" spans="1:4" ht="18" customHeight="1" x14ac:dyDescent="0.2">
      <c r="A109" s="31">
        <v>85</v>
      </c>
      <c r="B109" s="27">
        <v>11</v>
      </c>
      <c r="C109" s="28">
        <v>35</v>
      </c>
      <c r="D109" s="29">
        <v>46</v>
      </c>
    </row>
    <row r="110" spans="1:4" ht="18" customHeight="1" x14ac:dyDescent="0.2">
      <c r="A110" s="31">
        <v>86</v>
      </c>
      <c r="B110" s="27">
        <v>15</v>
      </c>
      <c r="C110" s="28">
        <v>20</v>
      </c>
      <c r="D110" s="29">
        <v>35</v>
      </c>
    </row>
    <row r="111" spans="1:4" ht="18" customHeight="1" x14ac:dyDescent="0.2">
      <c r="A111" s="31">
        <v>87</v>
      </c>
      <c r="B111" s="27">
        <v>6</v>
      </c>
      <c r="C111" s="28">
        <v>17</v>
      </c>
      <c r="D111" s="29">
        <v>23</v>
      </c>
    </row>
    <row r="112" spans="1:4" ht="18" customHeight="1" x14ac:dyDescent="0.2">
      <c r="A112" s="31">
        <v>88</v>
      </c>
      <c r="B112" s="27">
        <v>6</v>
      </c>
      <c r="C112" s="28">
        <v>14</v>
      </c>
      <c r="D112" s="29">
        <v>20</v>
      </c>
    </row>
    <row r="113" spans="1:4" ht="18" customHeight="1" x14ac:dyDescent="0.2">
      <c r="A113" s="31">
        <v>89</v>
      </c>
      <c r="B113" s="27">
        <v>9</v>
      </c>
      <c r="C113" s="28">
        <v>22</v>
      </c>
      <c r="D113" s="29">
        <v>31</v>
      </c>
    </row>
    <row r="114" spans="1:4" ht="18" customHeight="1" x14ac:dyDescent="0.2">
      <c r="A114" s="31" t="s">
        <v>85</v>
      </c>
      <c r="B114" s="27">
        <v>47</v>
      </c>
      <c r="C114" s="28">
        <v>108</v>
      </c>
      <c r="D114" s="29">
        <v>155</v>
      </c>
    </row>
    <row r="115" spans="1:4" ht="18" customHeight="1" x14ac:dyDescent="0.2">
      <c r="A115" s="31">
        <v>90</v>
      </c>
      <c r="B115" s="27">
        <v>7</v>
      </c>
      <c r="C115" s="28">
        <v>12</v>
      </c>
      <c r="D115" s="29">
        <v>19</v>
      </c>
    </row>
    <row r="116" spans="1:4" ht="18" customHeight="1" x14ac:dyDescent="0.2">
      <c r="A116" s="31">
        <v>91</v>
      </c>
      <c r="B116" s="27">
        <v>3</v>
      </c>
      <c r="C116" s="28">
        <v>14</v>
      </c>
      <c r="D116" s="29">
        <v>17</v>
      </c>
    </row>
    <row r="117" spans="1:4" ht="18" customHeight="1" x14ac:dyDescent="0.2">
      <c r="A117" s="31">
        <v>92</v>
      </c>
      <c r="B117" s="27">
        <v>5</v>
      </c>
      <c r="C117" s="28">
        <v>12</v>
      </c>
      <c r="D117" s="29">
        <v>17</v>
      </c>
    </row>
    <row r="118" spans="1:4" ht="18" customHeight="1" x14ac:dyDescent="0.2">
      <c r="A118" s="31">
        <v>93</v>
      </c>
      <c r="B118" s="27">
        <v>3</v>
      </c>
      <c r="C118" s="28">
        <v>5</v>
      </c>
      <c r="D118" s="29">
        <v>8</v>
      </c>
    </row>
    <row r="119" spans="1:4" ht="18" customHeight="1" x14ac:dyDescent="0.2">
      <c r="A119" s="31">
        <v>94</v>
      </c>
      <c r="B119" s="27">
        <v>3</v>
      </c>
      <c r="C119" s="28">
        <v>5</v>
      </c>
      <c r="D119" s="29">
        <v>8</v>
      </c>
    </row>
    <row r="120" spans="1:4" ht="18" customHeight="1" x14ac:dyDescent="0.2">
      <c r="A120" s="31" t="s">
        <v>86</v>
      </c>
      <c r="B120" s="27">
        <v>21</v>
      </c>
      <c r="C120" s="28">
        <v>48</v>
      </c>
      <c r="D120" s="29">
        <v>69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0</v>
      </c>
      <c r="C122" s="28">
        <v>6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1</v>
      </c>
      <c r="C126" s="28">
        <v>15</v>
      </c>
      <c r="D126" s="29">
        <v>1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89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90</v>
      </c>
      <c r="B130" s="4">
        <v>774</v>
      </c>
      <c r="C130" s="5">
        <v>1029</v>
      </c>
      <c r="D130" s="6">
        <v>1803</v>
      </c>
    </row>
    <row r="131" spans="1:4" ht="18" customHeight="1" x14ac:dyDescent="0.2">
      <c r="A131" s="33" t="s">
        <v>65</v>
      </c>
      <c r="B131" s="7">
        <v>3684</v>
      </c>
      <c r="C131" s="8">
        <v>3742</v>
      </c>
      <c r="D131" s="9">
        <v>742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64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31</v>
      </c>
      <c r="C5" s="37">
        <v>28</v>
      </c>
      <c r="D5" s="39">
        <v>59</v>
      </c>
    </row>
    <row r="6" spans="1:4" ht="18" customHeight="1" x14ac:dyDescent="0.2">
      <c r="A6" s="31">
        <v>1</v>
      </c>
      <c r="B6" s="35">
        <v>31</v>
      </c>
      <c r="C6" s="28">
        <v>39</v>
      </c>
      <c r="D6" s="29">
        <v>70</v>
      </c>
    </row>
    <row r="7" spans="1:4" ht="18" customHeight="1" x14ac:dyDescent="0.2">
      <c r="A7" s="31">
        <v>2</v>
      </c>
      <c r="B7" s="35">
        <v>35</v>
      </c>
      <c r="C7" s="28">
        <v>30</v>
      </c>
      <c r="D7" s="29">
        <v>65</v>
      </c>
    </row>
    <row r="8" spans="1:4" ht="18" customHeight="1" x14ac:dyDescent="0.2">
      <c r="A8" s="31">
        <v>3</v>
      </c>
      <c r="B8" s="35">
        <v>38</v>
      </c>
      <c r="C8" s="28">
        <v>33</v>
      </c>
      <c r="D8" s="29">
        <v>71</v>
      </c>
    </row>
    <row r="9" spans="1:4" ht="18" customHeight="1" x14ac:dyDescent="0.2">
      <c r="A9" s="31">
        <v>4</v>
      </c>
      <c r="B9" s="36">
        <v>28</v>
      </c>
      <c r="C9" s="38">
        <v>33</v>
      </c>
      <c r="D9" s="40">
        <v>61</v>
      </c>
    </row>
    <row r="10" spans="1:4" ht="18" customHeight="1" x14ac:dyDescent="0.2">
      <c r="A10" s="31" t="s">
        <v>66</v>
      </c>
      <c r="B10" s="27">
        <v>163</v>
      </c>
      <c r="C10" s="28">
        <v>163</v>
      </c>
      <c r="D10" s="29">
        <v>326</v>
      </c>
    </row>
    <row r="11" spans="1:4" ht="18" customHeight="1" x14ac:dyDescent="0.2">
      <c r="A11" s="31">
        <v>5</v>
      </c>
      <c r="B11" s="35">
        <v>32</v>
      </c>
      <c r="C11" s="28">
        <v>44</v>
      </c>
      <c r="D11" s="29">
        <v>76</v>
      </c>
    </row>
    <row r="12" spans="1:4" ht="18" customHeight="1" x14ac:dyDescent="0.2">
      <c r="A12" s="31">
        <v>6</v>
      </c>
      <c r="B12" s="35">
        <v>39</v>
      </c>
      <c r="C12" s="28">
        <v>36</v>
      </c>
      <c r="D12" s="29">
        <v>75</v>
      </c>
    </row>
    <row r="13" spans="1:4" ht="18" customHeight="1" x14ac:dyDescent="0.2">
      <c r="A13" s="31">
        <v>7</v>
      </c>
      <c r="B13" s="35">
        <v>38</v>
      </c>
      <c r="C13" s="28">
        <v>41</v>
      </c>
      <c r="D13" s="29">
        <v>79</v>
      </c>
    </row>
    <row r="14" spans="1:4" ht="18" customHeight="1" x14ac:dyDescent="0.2">
      <c r="A14" s="31">
        <v>8</v>
      </c>
      <c r="B14" s="35">
        <v>54</v>
      </c>
      <c r="C14" s="28">
        <v>38</v>
      </c>
      <c r="D14" s="29">
        <v>92</v>
      </c>
    </row>
    <row r="15" spans="1:4" ht="18" customHeight="1" x14ac:dyDescent="0.2">
      <c r="A15" s="31">
        <v>9</v>
      </c>
      <c r="B15" s="35">
        <v>40</v>
      </c>
      <c r="C15" s="28">
        <v>36</v>
      </c>
      <c r="D15" s="29">
        <v>76</v>
      </c>
    </row>
    <row r="16" spans="1:4" ht="18" customHeight="1" x14ac:dyDescent="0.2">
      <c r="A16" s="31" t="s">
        <v>67</v>
      </c>
      <c r="B16" s="27">
        <v>203</v>
      </c>
      <c r="C16" s="28">
        <v>195</v>
      </c>
      <c r="D16" s="29">
        <v>398</v>
      </c>
    </row>
    <row r="17" spans="1:4" ht="18" customHeight="1" x14ac:dyDescent="0.2">
      <c r="A17" s="31">
        <v>10</v>
      </c>
      <c r="B17" s="27">
        <v>40</v>
      </c>
      <c r="C17" s="28">
        <v>47</v>
      </c>
      <c r="D17" s="29">
        <v>87</v>
      </c>
    </row>
    <row r="18" spans="1:4" ht="18" customHeight="1" x14ac:dyDescent="0.2">
      <c r="A18" s="31">
        <v>11</v>
      </c>
      <c r="B18" s="27">
        <v>47</v>
      </c>
      <c r="C18" s="28">
        <v>36</v>
      </c>
      <c r="D18" s="29">
        <v>83</v>
      </c>
    </row>
    <row r="19" spans="1:4" ht="18" customHeight="1" x14ac:dyDescent="0.2">
      <c r="A19" s="31">
        <v>12</v>
      </c>
      <c r="B19" s="27">
        <v>40</v>
      </c>
      <c r="C19" s="28">
        <v>36</v>
      </c>
      <c r="D19" s="29">
        <v>76</v>
      </c>
    </row>
    <row r="20" spans="1:4" ht="18" customHeight="1" x14ac:dyDescent="0.2">
      <c r="A20" s="31">
        <v>13</v>
      </c>
      <c r="B20" s="27">
        <v>46</v>
      </c>
      <c r="C20" s="28">
        <v>42</v>
      </c>
      <c r="D20" s="29">
        <v>88</v>
      </c>
    </row>
    <row r="21" spans="1:4" ht="18" customHeight="1" x14ac:dyDescent="0.2">
      <c r="A21" s="31">
        <v>14</v>
      </c>
      <c r="B21" s="27">
        <v>29</v>
      </c>
      <c r="C21" s="28">
        <v>29</v>
      </c>
      <c r="D21" s="29">
        <v>58</v>
      </c>
    </row>
    <row r="22" spans="1:4" ht="18" customHeight="1" x14ac:dyDescent="0.2">
      <c r="A22" s="31" t="s">
        <v>68</v>
      </c>
      <c r="B22" s="27">
        <v>202</v>
      </c>
      <c r="C22" s="28">
        <v>190</v>
      </c>
      <c r="D22" s="29">
        <v>392</v>
      </c>
    </row>
    <row r="23" spans="1:4" ht="18" customHeight="1" x14ac:dyDescent="0.2">
      <c r="A23" s="31" t="s">
        <v>69</v>
      </c>
      <c r="B23" s="27">
        <v>568</v>
      </c>
      <c r="C23" s="28">
        <v>548</v>
      </c>
      <c r="D23" s="29">
        <v>1116</v>
      </c>
    </row>
    <row r="24" spans="1:4" ht="18" customHeight="1" x14ac:dyDescent="0.2">
      <c r="A24" s="31">
        <v>15</v>
      </c>
      <c r="B24" s="27">
        <v>40</v>
      </c>
      <c r="C24" s="28">
        <v>33</v>
      </c>
      <c r="D24" s="29">
        <v>73</v>
      </c>
    </row>
    <row r="25" spans="1:4" ht="18" customHeight="1" x14ac:dyDescent="0.2">
      <c r="A25" s="31">
        <v>16</v>
      </c>
      <c r="B25" s="27">
        <v>37</v>
      </c>
      <c r="C25" s="28">
        <v>35</v>
      </c>
      <c r="D25" s="29">
        <v>72</v>
      </c>
    </row>
    <row r="26" spans="1:4" ht="18" customHeight="1" x14ac:dyDescent="0.2">
      <c r="A26" s="31">
        <v>17</v>
      </c>
      <c r="B26" s="27">
        <v>37</v>
      </c>
      <c r="C26" s="28">
        <v>42</v>
      </c>
      <c r="D26" s="29">
        <v>79</v>
      </c>
    </row>
    <row r="27" spans="1:4" ht="18" customHeight="1" x14ac:dyDescent="0.2">
      <c r="A27" s="31">
        <v>18</v>
      </c>
      <c r="B27" s="27">
        <v>32</v>
      </c>
      <c r="C27" s="28">
        <v>24</v>
      </c>
      <c r="D27" s="29">
        <v>56</v>
      </c>
    </row>
    <row r="28" spans="1:4" ht="18" customHeight="1" x14ac:dyDescent="0.2">
      <c r="A28" s="31">
        <v>19</v>
      </c>
      <c r="B28" s="27">
        <v>33</v>
      </c>
      <c r="C28" s="28">
        <v>27</v>
      </c>
      <c r="D28" s="29">
        <v>60</v>
      </c>
    </row>
    <row r="29" spans="1:4" ht="18" customHeight="1" x14ac:dyDescent="0.2">
      <c r="A29" s="31" t="s">
        <v>70</v>
      </c>
      <c r="B29" s="27">
        <v>179</v>
      </c>
      <c r="C29" s="28">
        <v>161</v>
      </c>
      <c r="D29" s="29">
        <v>340</v>
      </c>
    </row>
    <row r="30" spans="1:4" ht="18" customHeight="1" x14ac:dyDescent="0.2">
      <c r="A30" s="31">
        <v>20</v>
      </c>
      <c r="B30" s="27">
        <v>34</v>
      </c>
      <c r="C30" s="28">
        <v>39</v>
      </c>
      <c r="D30" s="29">
        <v>73</v>
      </c>
    </row>
    <row r="31" spans="1:4" ht="18" customHeight="1" x14ac:dyDescent="0.2">
      <c r="A31" s="31">
        <v>21</v>
      </c>
      <c r="B31" s="27">
        <v>33</v>
      </c>
      <c r="C31" s="28">
        <v>55</v>
      </c>
      <c r="D31" s="29">
        <v>88</v>
      </c>
    </row>
    <row r="32" spans="1:4" ht="18" customHeight="1" x14ac:dyDescent="0.2">
      <c r="A32" s="31">
        <v>22</v>
      </c>
      <c r="B32" s="27">
        <v>39</v>
      </c>
      <c r="C32" s="28">
        <v>23</v>
      </c>
      <c r="D32" s="29">
        <v>62</v>
      </c>
    </row>
    <row r="33" spans="1:4" ht="18" customHeight="1" x14ac:dyDescent="0.2">
      <c r="A33" s="31">
        <v>23</v>
      </c>
      <c r="B33" s="27">
        <v>30</v>
      </c>
      <c r="C33" s="28">
        <v>33</v>
      </c>
      <c r="D33" s="29">
        <v>63</v>
      </c>
    </row>
    <row r="34" spans="1:4" ht="18" customHeight="1" x14ac:dyDescent="0.2">
      <c r="A34" s="31">
        <v>24</v>
      </c>
      <c r="B34" s="27">
        <v>39</v>
      </c>
      <c r="C34" s="28">
        <v>33</v>
      </c>
      <c r="D34" s="29">
        <v>72</v>
      </c>
    </row>
    <row r="35" spans="1:4" ht="18" customHeight="1" x14ac:dyDescent="0.2">
      <c r="A35" s="31" t="s">
        <v>71</v>
      </c>
      <c r="B35" s="27">
        <v>175</v>
      </c>
      <c r="C35" s="28">
        <v>183</v>
      </c>
      <c r="D35" s="29">
        <v>358</v>
      </c>
    </row>
    <row r="36" spans="1:4" ht="18" customHeight="1" x14ac:dyDescent="0.2">
      <c r="A36" s="31">
        <v>25</v>
      </c>
      <c r="B36" s="27">
        <v>41</v>
      </c>
      <c r="C36" s="28">
        <v>29</v>
      </c>
      <c r="D36" s="29">
        <v>70</v>
      </c>
    </row>
    <row r="37" spans="1:4" ht="18" customHeight="1" x14ac:dyDescent="0.2">
      <c r="A37" s="31">
        <v>26</v>
      </c>
      <c r="B37" s="27">
        <v>35</v>
      </c>
      <c r="C37" s="28">
        <v>39</v>
      </c>
      <c r="D37" s="29">
        <v>74</v>
      </c>
    </row>
    <row r="38" spans="1:4" ht="18" customHeight="1" x14ac:dyDescent="0.2">
      <c r="A38" s="31">
        <v>27</v>
      </c>
      <c r="B38" s="27">
        <v>37</v>
      </c>
      <c r="C38" s="28">
        <v>31</v>
      </c>
      <c r="D38" s="29">
        <v>68</v>
      </c>
    </row>
    <row r="39" spans="1:4" ht="18" customHeight="1" x14ac:dyDescent="0.2">
      <c r="A39" s="31">
        <v>28</v>
      </c>
      <c r="B39" s="27">
        <v>48</v>
      </c>
      <c r="C39" s="28">
        <v>27</v>
      </c>
      <c r="D39" s="29">
        <v>75</v>
      </c>
    </row>
    <row r="40" spans="1:4" ht="18" customHeight="1" x14ac:dyDescent="0.2">
      <c r="A40" s="31">
        <v>29</v>
      </c>
      <c r="B40" s="27">
        <v>35</v>
      </c>
      <c r="C40" s="28">
        <v>30</v>
      </c>
      <c r="D40" s="29">
        <v>65</v>
      </c>
    </row>
    <row r="41" spans="1:4" ht="18" customHeight="1" x14ac:dyDescent="0.2">
      <c r="A41" s="31" t="s">
        <v>72</v>
      </c>
      <c r="B41" s="27">
        <v>196</v>
      </c>
      <c r="C41" s="28">
        <v>156</v>
      </c>
      <c r="D41" s="29">
        <v>352</v>
      </c>
    </row>
    <row r="42" spans="1:4" ht="18" customHeight="1" x14ac:dyDescent="0.2">
      <c r="A42" s="31">
        <v>30</v>
      </c>
      <c r="B42" s="27">
        <v>48</v>
      </c>
      <c r="C42" s="28">
        <v>59</v>
      </c>
      <c r="D42" s="29">
        <v>107</v>
      </c>
    </row>
    <row r="43" spans="1:4" ht="18" customHeight="1" x14ac:dyDescent="0.2">
      <c r="A43" s="31">
        <v>31</v>
      </c>
      <c r="B43" s="27">
        <v>52</v>
      </c>
      <c r="C43" s="28">
        <v>44</v>
      </c>
      <c r="D43" s="29">
        <v>96</v>
      </c>
    </row>
    <row r="44" spans="1:4" ht="18" customHeight="1" x14ac:dyDescent="0.2">
      <c r="A44" s="31">
        <v>32</v>
      </c>
      <c r="B44" s="27">
        <v>56</v>
      </c>
      <c r="C44" s="28">
        <v>48</v>
      </c>
      <c r="D44" s="29">
        <v>104</v>
      </c>
    </row>
    <row r="45" spans="1:4" ht="18" customHeight="1" x14ac:dyDescent="0.2">
      <c r="A45" s="31">
        <v>33</v>
      </c>
      <c r="B45" s="27">
        <v>52</v>
      </c>
      <c r="C45" s="28">
        <v>48</v>
      </c>
      <c r="D45" s="29">
        <v>100</v>
      </c>
    </row>
    <row r="46" spans="1:4" ht="18" customHeight="1" x14ac:dyDescent="0.2">
      <c r="A46" s="31">
        <v>34</v>
      </c>
      <c r="B46" s="27">
        <v>54</v>
      </c>
      <c r="C46" s="28">
        <v>59</v>
      </c>
      <c r="D46" s="29">
        <v>113</v>
      </c>
    </row>
    <row r="47" spans="1:4" ht="18" customHeight="1" x14ac:dyDescent="0.2">
      <c r="A47" s="31" t="s">
        <v>73</v>
      </c>
      <c r="B47" s="27">
        <v>262</v>
      </c>
      <c r="C47" s="28">
        <v>258</v>
      </c>
      <c r="D47" s="29">
        <v>520</v>
      </c>
    </row>
    <row r="48" spans="1:4" ht="18" customHeight="1" x14ac:dyDescent="0.2">
      <c r="A48" s="31">
        <v>35</v>
      </c>
      <c r="B48" s="27">
        <v>56</v>
      </c>
      <c r="C48" s="28">
        <v>56</v>
      </c>
      <c r="D48" s="29">
        <v>112</v>
      </c>
    </row>
    <row r="49" spans="1:4" ht="18" customHeight="1" x14ac:dyDescent="0.2">
      <c r="A49" s="31">
        <v>36</v>
      </c>
      <c r="B49" s="27">
        <v>73</v>
      </c>
      <c r="C49" s="28">
        <v>56</v>
      </c>
      <c r="D49" s="29">
        <v>129</v>
      </c>
    </row>
    <row r="50" spans="1:4" ht="18" customHeight="1" x14ac:dyDescent="0.2">
      <c r="A50" s="31">
        <v>37</v>
      </c>
      <c r="B50" s="27">
        <v>63</v>
      </c>
      <c r="C50" s="28">
        <v>49</v>
      </c>
      <c r="D50" s="29">
        <v>112</v>
      </c>
    </row>
    <row r="51" spans="1:4" ht="18" customHeight="1" x14ac:dyDescent="0.2">
      <c r="A51" s="31">
        <v>38</v>
      </c>
      <c r="B51" s="27">
        <v>55</v>
      </c>
      <c r="C51" s="28">
        <v>64</v>
      </c>
      <c r="D51" s="29">
        <v>119</v>
      </c>
    </row>
    <row r="52" spans="1:4" ht="18" customHeight="1" x14ac:dyDescent="0.2">
      <c r="A52" s="31">
        <v>39</v>
      </c>
      <c r="B52" s="27">
        <v>45</v>
      </c>
      <c r="C52" s="28">
        <v>51</v>
      </c>
      <c r="D52" s="29">
        <v>96</v>
      </c>
    </row>
    <row r="53" spans="1:4" ht="18" customHeight="1" x14ac:dyDescent="0.2">
      <c r="A53" s="31" t="s">
        <v>74</v>
      </c>
      <c r="B53" s="27">
        <v>292</v>
      </c>
      <c r="C53" s="28">
        <v>276</v>
      </c>
      <c r="D53" s="29">
        <v>568</v>
      </c>
    </row>
    <row r="54" spans="1:4" ht="18" customHeight="1" x14ac:dyDescent="0.2">
      <c r="A54" s="31">
        <v>40</v>
      </c>
      <c r="B54" s="27">
        <v>43</v>
      </c>
      <c r="C54" s="28">
        <v>40</v>
      </c>
      <c r="D54" s="29">
        <v>83</v>
      </c>
    </row>
    <row r="55" spans="1:4" ht="18" customHeight="1" x14ac:dyDescent="0.2">
      <c r="A55" s="31">
        <v>41</v>
      </c>
      <c r="B55" s="27">
        <v>35</v>
      </c>
      <c r="C55" s="28">
        <v>46</v>
      </c>
      <c r="D55" s="29">
        <v>81</v>
      </c>
    </row>
    <row r="56" spans="1:4" ht="18" customHeight="1" x14ac:dyDescent="0.2">
      <c r="A56" s="31">
        <v>42</v>
      </c>
      <c r="B56" s="27">
        <v>46</v>
      </c>
      <c r="C56" s="28">
        <v>39</v>
      </c>
      <c r="D56" s="29">
        <v>85</v>
      </c>
    </row>
    <row r="57" spans="1:4" ht="18" customHeight="1" x14ac:dyDescent="0.2">
      <c r="A57" s="31">
        <v>43</v>
      </c>
      <c r="B57" s="27">
        <v>28</v>
      </c>
      <c r="C57" s="28">
        <v>33</v>
      </c>
      <c r="D57" s="29">
        <v>61</v>
      </c>
    </row>
    <row r="58" spans="1:4" ht="18" customHeight="1" x14ac:dyDescent="0.2">
      <c r="A58" s="31">
        <v>44</v>
      </c>
      <c r="B58" s="27">
        <v>44</v>
      </c>
      <c r="C58" s="28">
        <v>36</v>
      </c>
      <c r="D58" s="29">
        <v>80</v>
      </c>
    </row>
    <row r="59" spans="1:4" ht="18" customHeight="1" x14ac:dyDescent="0.2">
      <c r="A59" s="31" t="s">
        <v>75</v>
      </c>
      <c r="B59" s="27">
        <v>196</v>
      </c>
      <c r="C59" s="28">
        <v>194</v>
      </c>
      <c r="D59" s="29">
        <v>390</v>
      </c>
    </row>
    <row r="60" spans="1:4" ht="18" customHeight="1" x14ac:dyDescent="0.2">
      <c r="A60" s="31">
        <v>45</v>
      </c>
      <c r="B60" s="27">
        <v>43</v>
      </c>
      <c r="C60" s="28">
        <v>43</v>
      </c>
      <c r="D60" s="29">
        <v>86</v>
      </c>
    </row>
    <row r="61" spans="1:4" ht="18" customHeight="1" x14ac:dyDescent="0.2">
      <c r="A61" s="31">
        <v>46</v>
      </c>
      <c r="B61" s="27">
        <v>47</v>
      </c>
      <c r="C61" s="28">
        <v>48</v>
      </c>
      <c r="D61" s="29">
        <v>95</v>
      </c>
    </row>
    <row r="62" spans="1:4" ht="18" customHeight="1" x14ac:dyDescent="0.2">
      <c r="A62" s="31">
        <v>47</v>
      </c>
      <c r="B62" s="27">
        <v>44</v>
      </c>
      <c r="C62" s="28">
        <v>36</v>
      </c>
      <c r="D62" s="29">
        <v>80</v>
      </c>
    </row>
    <row r="63" spans="1:4" ht="18" customHeight="1" x14ac:dyDescent="0.2">
      <c r="A63" s="31">
        <v>48</v>
      </c>
      <c r="B63" s="27">
        <v>47</v>
      </c>
      <c r="C63" s="28">
        <v>34</v>
      </c>
      <c r="D63" s="29">
        <v>81</v>
      </c>
    </row>
    <row r="64" spans="1:4" ht="18" customHeight="1" x14ac:dyDescent="0.2">
      <c r="A64" s="31">
        <v>49</v>
      </c>
      <c r="B64" s="27">
        <v>48</v>
      </c>
      <c r="C64" s="28">
        <v>45</v>
      </c>
      <c r="D64" s="29">
        <v>93</v>
      </c>
    </row>
    <row r="65" spans="1:4" ht="18" customHeight="1" x14ac:dyDescent="0.2">
      <c r="A65" s="31" t="s">
        <v>76</v>
      </c>
      <c r="B65" s="27">
        <v>229</v>
      </c>
      <c r="C65" s="28">
        <v>206</v>
      </c>
      <c r="D65" s="29">
        <v>435</v>
      </c>
    </row>
    <row r="66" spans="1:4" ht="18" customHeight="1" x14ac:dyDescent="0.2">
      <c r="A66" s="31">
        <v>50</v>
      </c>
      <c r="B66" s="27">
        <v>39</v>
      </c>
      <c r="C66" s="28">
        <v>42</v>
      </c>
      <c r="D66" s="29">
        <v>81</v>
      </c>
    </row>
    <row r="67" spans="1:4" ht="18" customHeight="1" x14ac:dyDescent="0.2">
      <c r="A67" s="31">
        <v>51</v>
      </c>
      <c r="B67" s="27">
        <v>38</v>
      </c>
      <c r="C67" s="28">
        <v>42</v>
      </c>
      <c r="D67" s="29">
        <v>80</v>
      </c>
    </row>
    <row r="68" spans="1:4" ht="18" customHeight="1" x14ac:dyDescent="0.2">
      <c r="A68" s="31">
        <v>52</v>
      </c>
      <c r="B68" s="27">
        <v>44</v>
      </c>
      <c r="C68" s="28">
        <v>47</v>
      </c>
      <c r="D68" s="29">
        <v>91</v>
      </c>
    </row>
    <row r="69" spans="1:4" ht="18" customHeight="1" x14ac:dyDescent="0.2">
      <c r="A69" s="31">
        <v>53</v>
      </c>
      <c r="B69" s="27">
        <v>36</v>
      </c>
      <c r="C69" s="28">
        <v>42</v>
      </c>
      <c r="D69" s="29">
        <v>78</v>
      </c>
    </row>
    <row r="70" spans="1:4" ht="18" customHeight="1" x14ac:dyDescent="0.2">
      <c r="A70" s="31">
        <v>54</v>
      </c>
      <c r="B70" s="27">
        <v>54</v>
      </c>
      <c r="C70" s="28">
        <v>58</v>
      </c>
      <c r="D70" s="29">
        <v>112</v>
      </c>
    </row>
    <row r="71" spans="1:4" ht="18" customHeight="1" x14ac:dyDescent="0.2">
      <c r="A71" s="31" t="s">
        <v>77</v>
      </c>
      <c r="B71" s="27">
        <v>211</v>
      </c>
      <c r="C71" s="28">
        <v>231</v>
      </c>
      <c r="D71" s="29">
        <v>442</v>
      </c>
    </row>
    <row r="72" spans="1:4" ht="18" customHeight="1" x14ac:dyDescent="0.2">
      <c r="A72" s="31">
        <v>55</v>
      </c>
      <c r="B72" s="27">
        <v>51</v>
      </c>
      <c r="C72" s="28">
        <v>48</v>
      </c>
      <c r="D72" s="29">
        <v>99</v>
      </c>
    </row>
    <row r="73" spans="1:4" ht="18" customHeight="1" x14ac:dyDescent="0.2">
      <c r="A73" s="31">
        <v>56</v>
      </c>
      <c r="B73" s="27">
        <v>58</v>
      </c>
      <c r="C73" s="28">
        <v>47</v>
      </c>
      <c r="D73" s="29">
        <v>105</v>
      </c>
    </row>
    <row r="74" spans="1:4" ht="18" customHeight="1" x14ac:dyDescent="0.2">
      <c r="A74" s="31">
        <v>57</v>
      </c>
      <c r="B74" s="27">
        <v>56</v>
      </c>
      <c r="C74" s="28">
        <v>64</v>
      </c>
      <c r="D74" s="29">
        <v>120</v>
      </c>
    </row>
    <row r="75" spans="1:4" ht="18" customHeight="1" x14ac:dyDescent="0.2">
      <c r="A75" s="31">
        <v>58</v>
      </c>
      <c r="B75" s="27">
        <v>54</v>
      </c>
      <c r="C75" s="28">
        <v>74</v>
      </c>
      <c r="D75" s="29">
        <v>128</v>
      </c>
    </row>
    <row r="76" spans="1:4" ht="18" customHeight="1" x14ac:dyDescent="0.2">
      <c r="A76" s="31">
        <v>59</v>
      </c>
      <c r="B76" s="27">
        <v>75</v>
      </c>
      <c r="C76" s="28">
        <v>76</v>
      </c>
      <c r="D76" s="29">
        <v>151</v>
      </c>
    </row>
    <row r="77" spans="1:4" ht="18" customHeight="1" x14ac:dyDescent="0.2">
      <c r="A77" s="31" t="s">
        <v>78</v>
      </c>
      <c r="B77" s="27">
        <v>294</v>
      </c>
      <c r="C77" s="28">
        <v>309</v>
      </c>
      <c r="D77" s="29">
        <v>603</v>
      </c>
    </row>
    <row r="78" spans="1:4" ht="18" customHeight="1" x14ac:dyDescent="0.2">
      <c r="A78" s="31">
        <v>60</v>
      </c>
      <c r="B78" s="27">
        <v>84</v>
      </c>
      <c r="C78" s="28">
        <v>78</v>
      </c>
      <c r="D78" s="29">
        <v>162</v>
      </c>
    </row>
    <row r="79" spans="1:4" ht="18" customHeight="1" x14ac:dyDescent="0.2">
      <c r="A79" s="31">
        <v>61</v>
      </c>
      <c r="B79" s="27">
        <v>80</v>
      </c>
      <c r="C79" s="28">
        <v>46</v>
      </c>
      <c r="D79" s="29">
        <v>126</v>
      </c>
    </row>
    <row r="80" spans="1:4" ht="18" customHeight="1" x14ac:dyDescent="0.2">
      <c r="A80" s="31">
        <v>62</v>
      </c>
      <c r="B80" s="27">
        <v>67</v>
      </c>
      <c r="C80" s="28">
        <v>75</v>
      </c>
      <c r="D80" s="29">
        <v>142</v>
      </c>
    </row>
    <row r="81" spans="1:4" ht="18" customHeight="1" x14ac:dyDescent="0.2">
      <c r="A81" s="31">
        <v>63</v>
      </c>
      <c r="B81" s="27">
        <v>37</v>
      </c>
      <c r="C81" s="28">
        <v>31</v>
      </c>
      <c r="D81" s="29">
        <v>68</v>
      </c>
    </row>
    <row r="82" spans="1:4" ht="18" customHeight="1" x14ac:dyDescent="0.2">
      <c r="A82" s="31">
        <v>64</v>
      </c>
      <c r="B82" s="27">
        <v>29</v>
      </c>
      <c r="C82" s="28">
        <v>36</v>
      </c>
      <c r="D82" s="29">
        <v>65</v>
      </c>
    </row>
    <row r="83" spans="1:4" ht="18" customHeight="1" x14ac:dyDescent="0.2">
      <c r="A83" s="31" t="s">
        <v>79</v>
      </c>
      <c r="B83" s="27">
        <v>297</v>
      </c>
      <c r="C83" s="28">
        <v>266</v>
      </c>
      <c r="D83" s="29">
        <v>563</v>
      </c>
    </row>
    <row r="84" spans="1:4" ht="18" customHeight="1" x14ac:dyDescent="0.2">
      <c r="A84" s="31" t="s">
        <v>80</v>
      </c>
      <c r="B84" s="27">
        <v>2331</v>
      </c>
      <c r="C84" s="28">
        <v>2240</v>
      </c>
      <c r="D84" s="29">
        <v>4571</v>
      </c>
    </row>
    <row r="85" spans="1:4" ht="18" customHeight="1" x14ac:dyDescent="0.2">
      <c r="A85" s="31">
        <v>65</v>
      </c>
      <c r="B85" s="27">
        <v>50</v>
      </c>
      <c r="C85" s="28">
        <v>33</v>
      </c>
      <c r="D85" s="29">
        <v>83</v>
      </c>
    </row>
    <row r="86" spans="1:4" ht="18" customHeight="1" x14ac:dyDescent="0.2">
      <c r="A86" s="31">
        <v>66</v>
      </c>
      <c r="B86" s="27">
        <v>43</v>
      </c>
      <c r="C86" s="28">
        <v>36</v>
      </c>
      <c r="D86" s="29">
        <v>79</v>
      </c>
    </row>
    <row r="87" spans="1:4" ht="18" customHeight="1" x14ac:dyDescent="0.2">
      <c r="A87" s="31">
        <v>67</v>
      </c>
      <c r="B87" s="27">
        <v>45</v>
      </c>
      <c r="C87" s="28">
        <v>40</v>
      </c>
      <c r="D87" s="29">
        <v>85</v>
      </c>
    </row>
    <row r="88" spans="1:4" ht="18" customHeight="1" x14ac:dyDescent="0.2">
      <c r="A88" s="31">
        <v>68</v>
      </c>
      <c r="B88" s="27">
        <v>41</v>
      </c>
      <c r="C88" s="28">
        <v>42</v>
      </c>
      <c r="D88" s="29">
        <v>83</v>
      </c>
    </row>
    <row r="89" spans="1:4" ht="18" customHeight="1" x14ac:dyDescent="0.2">
      <c r="A89" s="31">
        <v>69</v>
      </c>
      <c r="B89" s="27">
        <v>34</v>
      </c>
      <c r="C89" s="28">
        <v>37</v>
      </c>
      <c r="D89" s="29">
        <v>71</v>
      </c>
    </row>
    <row r="90" spans="1:4" ht="18" customHeight="1" x14ac:dyDescent="0.2">
      <c r="A90" s="31" t="s">
        <v>81</v>
      </c>
      <c r="B90" s="27">
        <v>213</v>
      </c>
      <c r="C90" s="28">
        <v>188</v>
      </c>
      <c r="D90" s="29">
        <v>401</v>
      </c>
    </row>
    <row r="91" spans="1:4" ht="18" customHeight="1" x14ac:dyDescent="0.2">
      <c r="A91" s="31">
        <v>70</v>
      </c>
      <c r="B91" s="27">
        <v>27</v>
      </c>
      <c r="C91" s="28">
        <v>43</v>
      </c>
      <c r="D91" s="29">
        <v>70</v>
      </c>
    </row>
    <row r="92" spans="1:4" ht="18" customHeight="1" x14ac:dyDescent="0.2">
      <c r="A92" s="31">
        <v>71</v>
      </c>
      <c r="B92" s="27">
        <v>29</v>
      </c>
      <c r="C92" s="28">
        <v>44</v>
      </c>
      <c r="D92" s="29">
        <v>73</v>
      </c>
    </row>
    <row r="93" spans="1:4" ht="18" customHeight="1" x14ac:dyDescent="0.2">
      <c r="A93" s="31">
        <v>72</v>
      </c>
      <c r="B93" s="27">
        <v>27</v>
      </c>
      <c r="C93" s="28">
        <v>44</v>
      </c>
      <c r="D93" s="29">
        <v>71</v>
      </c>
    </row>
    <row r="94" spans="1:4" ht="18" customHeight="1" x14ac:dyDescent="0.2">
      <c r="A94" s="31">
        <v>73</v>
      </c>
      <c r="B94" s="27">
        <v>42</v>
      </c>
      <c r="C94" s="28">
        <v>46</v>
      </c>
      <c r="D94" s="29">
        <v>88</v>
      </c>
    </row>
    <row r="95" spans="1:4" ht="18" customHeight="1" x14ac:dyDescent="0.2">
      <c r="A95" s="31">
        <v>74</v>
      </c>
      <c r="B95" s="27">
        <v>33</v>
      </c>
      <c r="C95" s="28">
        <v>37</v>
      </c>
      <c r="D95" s="29">
        <v>70</v>
      </c>
    </row>
    <row r="96" spans="1:4" ht="18" customHeight="1" x14ac:dyDescent="0.2">
      <c r="A96" s="31" t="s">
        <v>82</v>
      </c>
      <c r="B96" s="27">
        <v>158</v>
      </c>
      <c r="C96" s="28">
        <v>214</v>
      </c>
      <c r="D96" s="29">
        <v>372</v>
      </c>
    </row>
    <row r="97" spans="1:4" ht="18" customHeight="1" x14ac:dyDescent="0.2">
      <c r="A97" s="31">
        <v>75</v>
      </c>
      <c r="B97" s="27">
        <v>32</v>
      </c>
      <c r="C97" s="28">
        <v>52</v>
      </c>
      <c r="D97" s="29">
        <v>84</v>
      </c>
    </row>
    <row r="98" spans="1:4" ht="18" customHeight="1" x14ac:dyDescent="0.2">
      <c r="A98" s="31">
        <v>76</v>
      </c>
      <c r="B98" s="27">
        <v>40</v>
      </c>
      <c r="C98" s="28">
        <v>43</v>
      </c>
      <c r="D98" s="29">
        <v>83</v>
      </c>
    </row>
    <row r="99" spans="1:4" ht="18" customHeight="1" x14ac:dyDescent="0.2">
      <c r="A99" s="31">
        <v>77</v>
      </c>
      <c r="B99" s="27">
        <v>27</v>
      </c>
      <c r="C99" s="28">
        <v>41</v>
      </c>
      <c r="D99" s="29">
        <v>68</v>
      </c>
    </row>
    <row r="100" spans="1:4" ht="18" customHeight="1" x14ac:dyDescent="0.2">
      <c r="A100" s="31">
        <v>78</v>
      </c>
      <c r="B100" s="27">
        <v>33</v>
      </c>
      <c r="C100" s="28">
        <v>45</v>
      </c>
      <c r="D100" s="29">
        <v>78</v>
      </c>
    </row>
    <row r="101" spans="1:4" ht="18" customHeight="1" x14ac:dyDescent="0.2">
      <c r="A101" s="31">
        <v>79</v>
      </c>
      <c r="B101" s="27">
        <v>35</v>
      </c>
      <c r="C101" s="28">
        <v>41</v>
      </c>
      <c r="D101" s="29">
        <v>76</v>
      </c>
    </row>
    <row r="102" spans="1:4" ht="18" customHeight="1" x14ac:dyDescent="0.2">
      <c r="A102" s="31" t="s">
        <v>83</v>
      </c>
      <c r="B102" s="27">
        <v>167</v>
      </c>
      <c r="C102" s="28">
        <v>222</v>
      </c>
      <c r="D102" s="29">
        <v>389</v>
      </c>
    </row>
    <row r="103" spans="1:4" ht="18" customHeight="1" x14ac:dyDescent="0.2">
      <c r="A103" s="31">
        <v>80</v>
      </c>
      <c r="B103" s="27">
        <v>23</v>
      </c>
      <c r="C103" s="28">
        <v>35</v>
      </c>
      <c r="D103" s="29">
        <v>58</v>
      </c>
    </row>
    <row r="104" spans="1:4" ht="18" customHeight="1" x14ac:dyDescent="0.2">
      <c r="A104" s="31">
        <v>81</v>
      </c>
      <c r="B104" s="27">
        <v>30</v>
      </c>
      <c r="C104" s="28">
        <v>37</v>
      </c>
      <c r="D104" s="29">
        <v>67</v>
      </c>
    </row>
    <row r="105" spans="1:4" ht="18" customHeight="1" x14ac:dyDescent="0.2">
      <c r="A105" s="31">
        <v>82</v>
      </c>
      <c r="B105" s="27">
        <v>23</v>
      </c>
      <c r="C105" s="28">
        <v>34</v>
      </c>
      <c r="D105" s="29">
        <v>57</v>
      </c>
    </row>
    <row r="106" spans="1:4" ht="18" customHeight="1" x14ac:dyDescent="0.2">
      <c r="A106" s="31">
        <v>83</v>
      </c>
      <c r="B106" s="27">
        <v>22</v>
      </c>
      <c r="C106" s="28">
        <v>31</v>
      </c>
      <c r="D106" s="29">
        <v>53</v>
      </c>
    </row>
    <row r="107" spans="1:4" ht="18" customHeight="1" x14ac:dyDescent="0.2">
      <c r="A107" s="31">
        <v>84</v>
      </c>
      <c r="B107" s="27">
        <v>14</v>
      </c>
      <c r="C107" s="28">
        <v>18</v>
      </c>
      <c r="D107" s="29">
        <v>32</v>
      </c>
    </row>
    <row r="108" spans="1:4" ht="18" customHeight="1" x14ac:dyDescent="0.2">
      <c r="A108" s="31" t="s">
        <v>84</v>
      </c>
      <c r="B108" s="27">
        <v>112</v>
      </c>
      <c r="C108" s="28">
        <v>155</v>
      </c>
      <c r="D108" s="29">
        <v>267</v>
      </c>
    </row>
    <row r="109" spans="1:4" ht="18" customHeight="1" x14ac:dyDescent="0.2">
      <c r="A109" s="31">
        <v>85</v>
      </c>
      <c r="B109" s="27">
        <v>10</v>
      </c>
      <c r="C109" s="28">
        <v>30</v>
      </c>
      <c r="D109" s="29">
        <v>40</v>
      </c>
    </row>
    <row r="110" spans="1:4" ht="18" customHeight="1" x14ac:dyDescent="0.2">
      <c r="A110" s="31">
        <v>86</v>
      </c>
      <c r="B110" s="27">
        <v>16</v>
      </c>
      <c r="C110" s="28">
        <v>20</v>
      </c>
      <c r="D110" s="29">
        <v>36</v>
      </c>
    </row>
    <row r="111" spans="1:4" ht="18" customHeight="1" x14ac:dyDescent="0.2">
      <c r="A111" s="31">
        <v>87</v>
      </c>
      <c r="B111" s="27">
        <v>5</v>
      </c>
      <c r="C111" s="28">
        <v>18</v>
      </c>
      <c r="D111" s="29">
        <v>23</v>
      </c>
    </row>
    <row r="112" spans="1:4" ht="18" customHeight="1" x14ac:dyDescent="0.2">
      <c r="A112" s="31">
        <v>88</v>
      </c>
      <c r="B112" s="27">
        <v>7</v>
      </c>
      <c r="C112" s="28">
        <v>17</v>
      </c>
      <c r="D112" s="29">
        <v>24</v>
      </c>
    </row>
    <row r="113" spans="1:4" ht="18" customHeight="1" x14ac:dyDescent="0.2">
      <c r="A113" s="31">
        <v>89</v>
      </c>
      <c r="B113" s="27">
        <v>7</v>
      </c>
      <c r="C113" s="28">
        <v>17</v>
      </c>
      <c r="D113" s="29">
        <v>24</v>
      </c>
    </row>
    <row r="114" spans="1:4" ht="18" customHeight="1" x14ac:dyDescent="0.2">
      <c r="A114" s="31" t="s">
        <v>85</v>
      </c>
      <c r="B114" s="27">
        <v>45</v>
      </c>
      <c r="C114" s="28">
        <v>102</v>
      </c>
      <c r="D114" s="29">
        <v>147</v>
      </c>
    </row>
    <row r="115" spans="1:4" ht="18" customHeight="1" x14ac:dyDescent="0.2">
      <c r="A115" s="31">
        <v>90</v>
      </c>
      <c r="B115" s="27">
        <v>1</v>
      </c>
      <c r="C115" s="28">
        <v>9</v>
      </c>
      <c r="D115" s="29">
        <v>10</v>
      </c>
    </row>
    <row r="116" spans="1:4" ht="18" customHeight="1" x14ac:dyDescent="0.2">
      <c r="A116" s="31">
        <v>91</v>
      </c>
      <c r="B116" s="27">
        <v>3</v>
      </c>
      <c r="C116" s="28">
        <v>11</v>
      </c>
      <c r="D116" s="29">
        <v>14</v>
      </c>
    </row>
    <row r="117" spans="1:4" ht="18" customHeight="1" x14ac:dyDescent="0.2">
      <c r="A117" s="31">
        <v>92</v>
      </c>
      <c r="B117" s="27">
        <v>5</v>
      </c>
      <c r="C117" s="28">
        <v>7</v>
      </c>
      <c r="D117" s="29">
        <v>12</v>
      </c>
    </row>
    <row r="118" spans="1:4" ht="18" customHeight="1" x14ac:dyDescent="0.2">
      <c r="A118" s="31">
        <v>93</v>
      </c>
      <c r="B118" s="27">
        <v>2</v>
      </c>
      <c r="C118" s="28">
        <v>7</v>
      </c>
      <c r="D118" s="29">
        <v>9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86</v>
      </c>
      <c r="B120" s="27">
        <v>11</v>
      </c>
      <c r="C120" s="28">
        <v>39</v>
      </c>
      <c r="D120" s="29">
        <v>50</v>
      </c>
    </row>
    <row r="121" spans="1:4" ht="18" customHeight="1" x14ac:dyDescent="0.2">
      <c r="A121" s="31">
        <v>95</v>
      </c>
      <c r="B121" s="27">
        <v>3</v>
      </c>
      <c r="C121" s="28">
        <v>4</v>
      </c>
      <c r="D121" s="29">
        <v>7</v>
      </c>
    </row>
    <row r="122" spans="1:4" ht="18" customHeight="1" x14ac:dyDescent="0.2">
      <c r="A122" s="31">
        <v>96</v>
      </c>
      <c r="B122" s="27">
        <v>2</v>
      </c>
      <c r="C122" s="28">
        <v>2</v>
      </c>
      <c r="D122" s="29">
        <v>4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2</v>
      </c>
      <c r="C125" s="28">
        <v>3</v>
      </c>
      <c r="D125" s="29">
        <v>5</v>
      </c>
    </row>
    <row r="126" spans="1:4" ht="18" customHeight="1" x14ac:dyDescent="0.2">
      <c r="A126" s="31" t="s">
        <v>87</v>
      </c>
      <c r="B126" s="27">
        <v>8</v>
      </c>
      <c r="C126" s="28">
        <v>13</v>
      </c>
      <c r="D126" s="29">
        <v>2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714</v>
      </c>
      <c r="C130" s="5">
        <v>933</v>
      </c>
      <c r="D130" s="6">
        <v>1647</v>
      </c>
    </row>
    <row r="131" spans="1:4" ht="18" customHeight="1" x14ac:dyDescent="0.2">
      <c r="A131" s="33" t="s">
        <v>65</v>
      </c>
      <c r="B131" s="7">
        <v>3613</v>
      </c>
      <c r="C131" s="8">
        <v>3721</v>
      </c>
      <c r="D131" s="9">
        <v>733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65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3</v>
      </c>
      <c r="C5" s="37">
        <v>1</v>
      </c>
      <c r="D5" s="39">
        <v>4</v>
      </c>
    </row>
    <row r="6" spans="1:4" ht="18" customHeight="1" x14ac:dyDescent="0.2">
      <c r="A6" s="31">
        <v>1</v>
      </c>
      <c r="B6" s="35">
        <v>4</v>
      </c>
      <c r="C6" s="28">
        <v>3</v>
      </c>
      <c r="D6" s="29">
        <v>7</v>
      </c>
    </row>
    <row r="7" spans="1:4" ht="18" customHeight="1" x14ac:dyDescent="0.2">
      <c r="A7" s="31">
        <v>2</v>
      </c>
      <c r="B7" s="35">
        <v>0</v>
      </c>
      <c r="C7" s="28">
        <v>2</v>
      </c>
      <c r="D7" s="29">
        <v>2</v>
      </c>
    </row>
    <row r="8" spans="1:4" ht="18" customHeight="1" x14ac:dyDescent="0.2">
      <c r="A8" s="31">
        <v>3</v>
      </c>
      <c r="B8" s="35">
        <v>3</v>
      </c>
      <c r="C8" s="28">
        <v>1</v>
      </c>
      <c r="D8" s="29">
        <v>4</v>
      </c>
    </row>
    <row r="9" spans="1:4" ht="18" customHeight="1" x14ac:dyDescent="0.2">
      <c r="A9" s="31">
        <v>4</v>
      </c>
      <c r="B9" s="36">
        <v>6</v>
      </c>
      <c r="C9" s="38">
        <v>2</v>
      </c>
      <c r="D9" s="40">
        <v>8</v>
      </c>
    </row>
    <row r="10" spans="1:4" ht="18" customHeight="1" x14ac:dyDescent="0.2">
      <c r="A10" s="31" t="s">
        <v>66</v>
      </c>
      <c r="B10" s="27">
        <v>16</v>
      </c>
      <c r="C10" s="28">
        <v>9</v>
      </c>
      <c r="D10" s="29">
        <v>25</v>
      </c>
    </row>
    <row r="11" spans="1:4" ht="18" customHeight="1" x14ac:dyDescent="0.2">
      <c r="A11" s="31">
        <v>5</v>
      </c>
      <c r="B11" s="35">
        <v>3</v>
      </c>
      <c r="C11" s="28">
        <v>2</v>
      </c>
      <c r="D11" s="29">
        <v>5</v>
      </c>
    </row>
    <row r="12" spans="1:4" ht="18" customHeight="1" x14ac:dyDescent="0.2">
      <c r="A12" s="31">
        <v>6</v>
      </c>
      <c r="B12" s="35">
        <v>3</v>
      </c>
      <c r="C12" s="28">
        <v>3</v>
      </c>
      <c r="D12" s="29">
        <v>6</v>
      </c>
    </row>
    <row r="13" spans="1:4" ht="18" customHeight="1" x14ac:dyDescent="0.2">
      <c r="A13" s="31">
        <v>7</v>
      </c>
      <c r="B13" s="35">
        <v>3</v>
      </c>
      <c r="C13" s="28">
        <v>3</v>
      </c>
      <c r="D13" s="29">
        <v>6</v>
      </c>
    </row>
    <row r="14" spans="1:4" ht="18" customHeight="1" x14ac:dyDescent="0.2">
      <c r="A14" s="31">
        <v>8</v>
      </c>
      <c r="B14" s="35">
        <v>7</v>
      </c>
      <c r="C14" s="28">
        <v>2</v>
      </c>
      <c r="D14" s="29">
        <v>9</v>
      </c>
    </row>
    <row r="15" spans="1:4" ht="18" customHeight="1" x14ac:dyDescent="0.2">
      <c r="A15" s="31">
        <v>9</v>
      </c>
      <c r="B15" s="35">
        <v>2</v>
      </c>
      <c r="C15" s="28">
        <v>3</v>
      </c>
      <c r="D15" s="29">
        <v>5</v>
      </c>
    </row>
    <row r="16" spans="1:4" ht="18" customHeight="1" x14ac:dyDescent="0.2">
      <c r="A16" s="31" t="s">
        <v>67</v>
      </c>
      <c r="B16" s="27">
        <v>18</v>
      </c>
      <c r="C16" s="28">
        <v>13</v>
      </c>
      <c r="D16" s="29">
        <v>31</v>
      </c>
    </row>
    <row r="17" spans="1:4" ht="18" customHeight="1" x14ac:dyDescent="0.2">
      <c r="A17" s="31">
        <v>10</v>
      </c>
      <c r="B17" s="27">
        <v>2</v>
      </c>
      <c r="C17" s="28">
        <v>4</v>
      </c>
      <c r="D17" s="29">
        <v>6</v>
      </c>
    </row>
    <row r="18" spans="1:4" ht="18" customHeight="1" x14ac:dyDescent="0.2">
      <c r="A18" s="31">
        <v>11</v>
      </c>
      <c r="B18" s="27">
        <v>4</v>
      </c>
      <c r="C18" s="28">
        <v>3</v>
      </c>
      <c r="D18" s="29">
        <v>7</v>
      </c>
    </row>
    <row r="19" spans="1:4" ht="18" customHeight="1" x14ac:dyDescent="0.2">
      <c r="A19" s="31">
        <v>12</v>
      </c>
      <c r="B19" s="27">
        <v>2</v>
      </c>
      <c r="C19" s="28">
        <v>3</v>
      </c>
      <c r="D19" s="29">
        <v>5</v>
      </c>
    </row>
    <row r="20" spans="1:4" ht="18" customHeight="1" x14ac:dyDescent="0.2">
      <c r="A20" s="31">
        <v>13</v>
      </c>
      <c r="B20" s="27">
        <v>2</v>
      </c>
      <c r="C20" s="28">
        <v>2</v>
      </c>
      <c r="D20" s="29">
        <v>4</v>
      </c>
    </row>
    <row r="21" spans="1:4" ht="18" customHeight="1" x14ac:dyDescent="0.2">
      <c r="A21" s="31">
        <v>14</v>
      </c>
      <c r="B21" s="27">
        <v>4</v>
      </c>
      <c r="C21" s="28">
        <v>7</v>
      </c>
      <c r="D21" s="29">
        <v>11</v>
      </c>
    </row>
    <row r="22" spans="1:4" ht="18" customHeight="1" x14ac:dyDescent="0.2">
      <c r="A22" s="31" t="s">
        <v>68</v>
      </c>
      <c r="B22" s="27">
        <v>14</v>
      </c>
      <c r="C22" s="28">
        <v>19</v>
      </c>
      <c r="D22" s="29">
        <v>33</v>
      </c>
    </row>
    <row r="23" spans="1:4" ht="18" customHeight="1" x14ac:dyDescent="0.2">
      <c r="A23" s="31" t="s">
        <v>69</v>
      </c>
      <c r="B23" s="27">
        <v>48</v>
      </c>
      <c r="C23" s="28">
        <v>41</v>
      </c>
      <c r="D23" s="29">
        <v>89</v>
      </c>
    </row>
    <row r="24" spans="1:4" ht="18" customHeight="1" x14ac:dyDescent="0.2">
      <c r="A24" s="31">
        <v>15</v>
      </c>
      <c r="B24" s="27">
        <v>5</v>
      </c>
      <c r="C24" s="28">
        <v>3</v>
      </c>
      <c r="D24" s="29">
        <v>8</v>
      </c>
    </row>
    <row r="25" spans="1:4" ht="18" customHeight="1" x14ac:dyDescent="0.2">
      <c r="A25" s="31">
        <v>16</v>
      </c>
      <c r="B25" s="27">
        <v>4</v>
      </c>
      <c r="C25" s="28">
        <v>4</v>
      </c>
      <c r="D25" s="29">
        <v>8</v>
      </c>
    </row>
    <row r="26" spans="1:4" ht="18" customHeight="1" x14ac:dyDescent="0.2">
      <c r="A26" s="31">
        <v>17</v>
      </c>
      <c r="B26" s="27">
        <v>6</v>
      </c>
      <c r="C26" s="28">
        <v>3</v>
      </c>
      <c r="D26" s="29">
        <v>9</v>
      </c>
    </row>
    <row r="27" spans="1:4" ht="18" customHeight="1" x14ac:dyDescent="0.2">
      <c r="A27" s="31">
        <v>18</v>
      </c>
      <c r="B27" s="27">
        <v>8</v>
      </c>
      <c r="C27" s="28">
        <v>3</v>
      </c>
      <c r="D27" s="29">
        <v>11</v>
      </c>
    </row>
    <row r="28" spans="1:4" ht="18" customHeight="1" x14ac:dyDescent="0.2">
      <c r="A28" s="31">
        <v>19</v>
      </c>
      <c r="B28" s="27">
        <v>5</v>
      </c>
      <c r="C28" s="28">
        <v>2</v>
      </c>
      <c r="D28" s="29">
        <v>7</v>
      </c>
    </row>
    <row r="29" spans="1:4" ht="18" customHeight="1" x14ac:dyDescent="0.2">
      <c r="A29" s="31" t="s">
        <v>70</v>
      </c>
      <c r="B29" s="27">
        <v>28</v>
      </c>
      <c r="C29" s="28">
        <v>15</v>
      </c>
      <c r="D29" s="29">
        <v>43</v>
      </c>
    </row>
    <row r="30" spans="1:4" ht="18" customHeight="1" x14ac:dyDescent="0.2">
      <c r="A30" s="31">
        <v>20</v>
      </c>
      <c r="B30" s="27">
        <v>6</v>
      </c>
      <c r="C30" s="28">
        <v>4</v>
      </c>
      <c r="D30" s="29">
        <v>10</v>
      </c>
    </row>
    <row r="31" spans="1:4" ht="18" customHeight="1" x14ac:dyDescent="0.2">
      <c r="A31" s="31">
        <v>21</v>
      </c>
      <c r="B31" s="27">
        <v>6</v>
      </c>
      <c r="C31" s="28">
        <v>4</v>
      </c>
      <c r="D31" s="29">
        <v>10</v>
      </c>
    </row>
    <row r="32" spans="1:4" ht="18" customHeight="1" x14ac:dyDescent="0.2">
      <c r="A32" s="31">
        <v>22</v>
      </c>
      <c r="B32" s="27">
        <v>6</v>
      </c>
      <c r="C32" s="28">
        <v>6</v>
      </c>
      <c r="D32" s="29">
        <v>12</v>
      </c>
    </row>
    <row r="33" spans="1:4" ht="18" customHeight="1" x14ac:dyDescent="0.2">
      <c r="A33" s="31">
        <v>23</v>
      </c>
      <c r="B33" s="27">
        <v>7</v>
      </c>
      <c r="C33" s="28">
        <v>6</v>
      </c>
      <c r="D33" s="29">
        <v>13</v>
      </c>
    </row>
    <row r="34" spans="1:4" ht="18" customHeight="1" x14ac:dyDescent="0.2">
      <c r="A34" s="31">
        <v>24</v>
      </c>
      <c r="B34" s="27">
        <v>5</v>
      </c>
      <c r="C34" s="28">
        <v>3</v>
      </c>
      <c r="D34" s="29">
        <v>8</v>
      </c>
    </row>
    <row r="35" spans="1:4" ht="18" customHeight="1" x14ac:dyDescent="0.2">
      <c r="A35" s="31" t="s">
        <v>71</v>
      </c>
      <c r="B35" s="27">
        <v>30</v>
      </c>
      <c r="C35" s="28">
        <v>23</v>
      </c>
      <c r="D35" s="29">
        <v>53</v>
      </c>
    </row>
    <row r="36" spans="1:4" ht="18" customHeight="1" x14ac:dyDescent="0.2">
      <c r="A36" s="31">
        <v>25</v>
      </c>
      <c r="B36" s="27">
        <v>4</v>
      </c>
      <c r="C36" s="28">
        <v>5</v>
      </c>
      <c r="D36" s="29">
        <v>9</v>
      </c>
    </row>
    <row r="37" spans="1:4" ht="18" customHeight="1" x14ac:dyDescent="0.2">
      <c r="A37" s="31">
        <v>26</v>
      </c>
      <c r="B37" s="27">
        <v>3</v>
      </c>
      <c r="C37" s="28">
        <v>5</v>
      </c>
      <c r="D37" s="29">
        <v>8</v>
      </c>
    </row>
    <row r="38" spans="1:4" ht="18" customHeight="1" x14ac:dyDescent="0.2">
      <c r="A38" s="31">
        <v>27</v>
      </c>
      <c r="B38" s="27">
        <v>3</v>
      </c>
      <c r="C38" s="28">
        <v>5</v>
      </c>
      <c r="D38" s="29">
        <v>8</v>
      </c>
    </row>
    <row r="39" spans="1:4" ht="18" customHeight="1" x14ac:dyDescent="0.2">
      <c r="A39" s="31">
        <v>28</v>
      </c>
      <c r="B39" s="27">
        <v>5</v>
      </c>
      <c r="C39" s="28">
        <v>2</v>
      </c>
      <c r="D39" s="29">
        <v>7</v>
      </c>
    </row>
    <row r="40" spans="1:4" ht="18" customHeight="1" x14ac:dyDescent="0.2">
      <c r="A40" s="31">
        <v>29</v>
      </c>
      <c r="B40" s="27">
        <v>3</v>
      </c>
      <c r="C40" s="28">
        <v>4</v>
      </c>
      <c r="D40" s="29">
        <v>7</v>
      </c>
    </row>
    <row r="41" spans="1:4" ht="18" customHeight="1" x14ac:dyDescent="0.2">
      <c r="A41" s="31" t="s">
        <v>72</v>
      </c>
      <c r="B41" s="27">
        <v>18</v>
      </c>
      <c r="C41" s="28">
        <v>21</v>
      </c>
      <c r="D41" s="29">
        <v>39</v>
      </c>
    </row>
    <row r="42" spans="1:4" ht="18" customHeight="1" x14ac:dyDescent="0.2">
      <c r="A42" s="31">
        <v>30</v>
      </c>
      <c r="B42" s="27">
        <v>4</v>
      </c>
      <c r="C42" s="28">
        <v>1</v>
      </c>
      <c r="D42" s="29">
        <v>5</v>
      </c>
    </row>
    <row r="43" spans="1:4" ht="18" customHeight="1" x14ac:dyDescent="0.2">
      <c r="A43" s="31">
        <v>31</v>
      </c>
      <c r="B43" s="27">
        <v>8</v>
      </c>
      <c r="C43" s="28">
        <v>5</v>
      </c>
      <c r="D43" s="29">
        <v>13</v>
      </c>
    </row>
    <row r="44" spans="1:4" ht="18" customHeight="1" x14ac:dyDescent="0.2">
      <c r="A44" s="31">
        <v>32</v>
      </c>
      <c r="B44" s="27">
        <v>2</v>
      </c>
      <c r="C44" s="28">
        <v>3</v>
      </c>
      <c r="D44" s="29">
        <v>5</v>
      </c>
    </row>
    <row r="45" spans="1:4" ht="18" customHeight="1" x14ac:dyDescent="0.2">
      <c r="A45" s="31">
        <v>33</v>
      </c>
      <c r="B45" s="27">
        <v>2</v>
      </c>
      <c r="C45" s="28">
        <v>5</v>
      </c>
      <c r="D45" s="29">
        <v>7</v>
      </c>
    </row>
    <row r="46" spans="1:4" ht="18" customHeight="1" x14ac:dyDescent="0.2">
      <c r="A46" s="31">
        <v>34</v>
      </c>
      <c r="B46" s="27">
        <v>6</v>
      </c>
      <c r="C46" s="28">
        <v>0</v>
      </c>
      <c r="D46" s="29">
        <v>6</v>
      </c>
    </row>
    <row r="47" spans="1:4" ht="18" customHeight="1" x14ac:dyDescent="0.2">
      <c r="A47" s="31" t="s">
        <v>73</v>
      </c>
      <c r="B47" s="27">
        <v>22</v>
      </c>
      <c r="C47" s="28">
        <v>14</v>
      </c>
      <c r="D47" s="29">
        <v>36</v>
      </c>
    </row>
    <row r="48" spans="1:4" ht="18" customHeight="1" x14ac:dyDescent="0.2">
      <c r="A48" s="31">
        <v>35</v>
      </c>
      <c r="B48" s="27">
        <v>2</v>
      </c>
      <c r="C48" s="28">
        <v>3</v>
      </c>
      <c r="D48" s="29">
        <v>5</v>
      </c>
    </row>
    <row r="49" spans="1:4" ht="18" customHeight="1" x14ac:dyDescent="0.2">
      <c r="A49" s="31">
        <v>36</v>
      </c>
      <c r="B49" s="27">
        <v>6</v>
      </c>
      <c r="C49" s="28">
        <v>3</v>
      </c>
      <c r="D49" s="29">
        <v>9</v>
      </c>
    </row>
    <row r="50" spans="1:4" ht="18" customHeight="1" x14ac:dyDescent="0.2">
      <c r="A50" s="31">
        <v>37</v>
      </c>
      <c r="B50" s="27">
        <v>8</v>
      </c>
      <c r="C50" s="28">
        <v>9</v>
      </c>
      <c r="D50" s="29">
        <v>17</v>
      </c>
    </row>
    <row r="51" spans="1:4" ht="18" customHeight="1" x14ac:dyDescent="0.2">
      <c r="A51" s="31">
        <v>38</v>
      </c>
      <c r="B51" s="27">
        <v>6</v>
      </c>
      <c r="C51" s="28">
        <v>3</v>
      </c>
      <c r="D51" s="29">
        <v>9</v>
      </c>
    </row>
    <row r="52" spans="1:4" ht="18" customHeight="1" x14ac:dyDescent="0.2">
      <c r="A52" s="31">
        <v>39</v>
      </c>
      <c r="B52" s="27">
        <v>5</v>
      </c>
      <c r="C52" s="28">
        <v>5</v>
      </c>
      <c r="D52" s="29">
        <v>10</v>
      </c>
    </row>
    <row r="53" spans="1:4" ht="18" customHeight="1" x14ac:dyDescent="0.2">
      <c r="A53" s="31" t="s">
        <v>74</v>
      </c>
      <c r="B53" s="27">
        <v>27</v>
      </c>
      <c r="C53" s="28">
        <v>23</v>
      </c>
      <c r="D53" s="29">
        <v>50</v>
      </c>
    </row>
    <row r="54" spans="1:4" ht="18" customHeight="1" x14ac:dyDescent="0.2">
      <c r="A54" s="31">
        <v>40</v>
      </c>
      <c r="B54" s="27">
        <v>7</v>
      </c>
      <c r="C54" s="28">
        <v>5</v>
      </c>
      <c r="D54" s="29">
        <v>12</v>
      </c>
    </row>
    <row r="55" spans="1:4" ht="18" customHeight="1" x14ac:dyDescent="0.2">
      <c r="A55" s="31">
        <v>41</v>
      </c>
      <c r="B55" s="27">
        <v>0</v>
      </c>
      <c r="C55" s="28">
        <v>9</v>
      </c>
      <c r="D55" s="29">
        <v>9</v>
      </c>
    </row>
    <row r="56" spans="1:4" ht="18" customHeight="1" x14ac:dyDescent="0.2">
      <c r="A56" s="31">
        <v>42</v>
      </c>
      <c r="B56" s="27">
        <v>5</v>
      </c>
      <c r="C56" s="28">
        <v>5</v>
      </c>
      <c r="D56" s="29">
        <v>10</v>
      </c>
    </row>
    <row r="57" spans="1:4" ht="18" customHeight="1" x14ac:dyDescent="0.2">
      <c r="A57" s="31">
        <v>43</v>
      </c>
      <c r="B57" s="27">
        <v>3</v>
      </c>
      <c r="C57" s="28">
        <v>4</v>
      </c>
      <c r="D57" s="29">
        <v>7</v>
      </c>
    </row>
    <row r="58" spans="1:4" ht="18" customHeight="1" x14ac:dyDescent="0.2">
      <c r="A58" s="31">
        <v>44</v>
      </c>
      <c r="B58" s="27">
        <v>3</v>
      </c>
      <c r="C58" s="28">
        <v>4</v>
      </c>
      <c r="D58" s="29">
        <v>7</v>
      </c>
    </row>
    <row r="59" spans="1:4" ht="18" customHeight="1" x14ac:dyDescent="0.2">
      <c r="A59" s="31" t="s">
        <v>75</v>
      </c>
      <c r="B59" s="27">
        <v>18</v>
      </c>
      <c r="C59" s="28">
        <v>27</v>
      </c>
      <c r="D59" s="29">
        <v>45</v>
      </c>
    </row>
    <row r="60" spans="1:4" ht="18" customHeight="1" x14ac:dyDescent="0.2">
      <c r="A60" s="31">
        <v>45</v>
      </c>
      <c r="B60" s="27">
        <v>3</v>
      </c>
      <c r="C60" s="28">
        <v>8</v>
      </c>
      <c r="D60" s="29">
        <v>11</v>
      </c>
    </row>
    <row r="61" spans="1:4" ht="18" customHeight="1" x14ac:dyDescent="0.2">
      <c r="A61" s="31">
        <v>46</v>
      </c>
      <c r="B61" s="27">
        <v>2</v>
      </c>
      <c r="C61" s="28">
        <v>5</v>
      </c>
      <c r="D61" s="29">
        <v>7</v>
      </c>
    </row>
    <row r="62" spans="1:4" ht="18" customHeight="1" x14ac:dyDescent="0.2">
      <c r="A62" s="31">
        <v>47</v>
      </c>
      <c r="B62" s="27">
        <v>10</v>
      </c>
      <c r="C62" s="28">
        <v>4</v>
      </c>
      <c r="D62" s="29">
        <v>14</v>
      </c>
    </row>
    <row r="63" spans="1:4" ht="18" customHeight="1" x14ac:dyDescent="0.2">
      <c r="A63" s="31">
        <v>48</v>
      </c>
      <c r="B63" s="27">
        <v>3</v>
      </c>
      <c r="C63" s="28">
        <v>7</v>
      </c>
      <c r="D63" s="29">
        <v>10</v>
      </c>
    </row>
    <row r="64" spans="1:4" ht="18" customHeight="1" x14ac:dyDescent="0.2">
      <c r="A64" s="31">
        <v>49</v>
      </c>
      <c r="B64" s="27">
        <v>4</v>
      </c>
      <c r="C64" s="28">
        <v>5</v>
      </c>
      <c r="D64" s="29">
        <v>9</v>
      </c>
    </row>
    <row r="65" spans="1:4" ht="18" customHeight="1" x14ac:dyDescent="0.2">
      <c r="A65" s="31" t="s">
        <v>76</v>
      </c>
      <c r="B65" s="27">
        <v>22</v>
      </c>
      <c r="C65" s="28">
        <v>29</v>
      </c>
      <c r="D65" s="29">
        <v>51</v>
      </c>
    </row>
    <row r="66" spans="1:4" ht="18" customHeight="1" x14ac:dyDescent="0.2">
      <c r="A66" s="31">
        <v>50</v>
      </c>
      <c r="B66" s="27">
        <v>6</v>
      </c>
      <c r="C66" s="28">
        <v>7</v>
      </c>
      <c r="D66" s="29">
        <v>13</v>
      </c>
    </row>
    <row r="67" spans="1:4" ht="18" customHeight="1" x14ac:dyDescent="0.2">
      <c r="A67" s="31">
        <v>51</v>
      </c>
      <c r="B67" s="27">
        <v>6</v>
      </c>
      <c r="C67" s="28">
        <v>7</v>
      </c>
      <c r="D67" s="29">
        <v>13</v>
      </c>
    </row>
    <row r="68" spans="1:4" ht="18" customHeight="1" x14ac:dyDescent="0.2">
      <c r="A68" s="31">
        <v>52</v>
      </c>
      <c r="B68" s="27">
        <v>6</v>
      </c>
      <c r="C68" s="28">
        <v>6</v>
      </c>
      <c r="D68" s="29">
        <v>12</v>
      </c>
    </row>
    <row r="69" spans="1:4" ht="18" customHeight="1" x14ac:dyDescent="0.2">
      <c r="A69" s="31">
        <v>53</v>
      </c>
      <c r="B69" s="27">
        <v>8</v>
      </c>
      <c r="C69" s="28">
        <v>8</v>
      </c>
      <c r="D69" s="29">
        <v>16</v>
      </c>
    </row>
    <row r="70" spans="1:4" ht="18" customHeight="1" x14ac:dyDescent="0.2">
      <c r="A70" s="31">
        <v>54</v>
      </c>
      <c r="B70" s="27">
        <v>9</v>
      </c>
      <c r="C70" s="28">
        <v>8</v>
      </c>
      <c r="D70" s="29">
        <v>17</v>
      </c>
    </row>
    <row r="71" spans="1:4" ht="18" customHeight="1" x14ac:dyDescent="0.2">
      <c r="A71" s="31" t="s">
        <v>77</v>
      </c>
      <c r="B71" s="27">
        <v>35</v>
      </c>
      <c r="C71" s="28">
        <v>36</v>
      </c>
      <c r="D71" s="29">
        <v>71</v>
      </c>
    </row>
    <row r="72" spans="1:4" ht="18" customHeight="1" x14ac:dyDescent="0.2">
      <c r="A72" s="31">
        <v>55</v>
      </c>
      <c r="B72" s="27">
        <v>10</v>
      </c>
      <c r="C72" s="28">
        <v>10</v>
      </c>
      <c r="D72" s="29">
        <v>20</v>
      </c>
    </row>
    <row r="73" spans="1:4" ht="18" customHeight="1" x14ac:dyDescent="0.2">
      <c r="A73" s="31">
        <v>56</v>
      </c>
      <c r="B73" s="27">
        <v>13</v>
      </c>
      <c r="C73" s="28">
        <v>9</v>
      </c>
      <c r="D73" s="29">
        <v>22</v>
      </c>
    </row>
    <row r="74" spans="1:4" ht="18" customHeight="1" x14ac:dyDescent="0.2">
      <c r="A74" s="31">
        <v>57</v>
      </c>
      <c r="B74" s="27">
        <v>8</v>
      </c>
      <c r="C74" s="28">
        <v>7</v>
      </c>
      <c r="D74" s="29">
        <v>15</v>
      </c>
    </row>
    <row r="75" spans="1:4" ht="18" customHeight="1" x14ac:dyDescent="0.2">
      <c r="A75" s="31">
        <v>58</v>
      </c>
      <c r="B75" s="27">
        <v>6</v>
      </c>
      <c r="C75" s="28">
        <v>11</v>
      </c>
      <c r="D75" s="29">
        <v>17</v>
      </c>
    </row>
    <row r="76" spans="1:4" ht="18" customHeight="1" x14ac:dyDescent="0.2">
      <c r="A76" s="31">
        <v>59</v>
      </c>
      <c r="B76" s="27">
        <v>9</v>
      </c>
      <c r="C76" s="28">
        <v>10</v>
      </c>
      <c r="D76" s="29">
        <v>19</v>
      </c>
    </row>
    <row r="77" spans="1:4" ht="18" customHeight="1" x14ac:dyDescent="0.2">
      <c r="A77" s="31" t="s">
        <v>78</v>
      </c>
      <c r="B77" s="27">
        <v>46</v>
      </c>
      <c r="C77" s="28">
        <v>47</v>
      </c>
      <c r="D77" s="29">
        <v>93</v>
      </c>
    </row>
    <row r="78" spans="1:4" ht="18" customHeight="1" x14ac:dyDescent="0.2">
      <c r="A78" s="31">
        <v>60</v>
      </c>
      <c r="B78" s="27">
        <v>15</v>
      </c>
      <c r="C78" s="28">
        <v>8</v>
      </c>
      <c r="D78" s="29">
        <v>23</v>
      </c>
    </row>
    <row r="79" spans="1:4" ht="18" customHeight="1" x14ac:dyDescent="0.2">
      <c r="A79" s="31">
        <v>61</v>
      </c>
      <c r="B79" s="27">
        <v>7</v>
      </c>
      <c r="C79" s="28">
        <v>12</v>
      </c>
      <c r="D79" s="29">
        <v>19</v>
      </c>
    </row>
    <row r="80" spans="1:4" ht="18" customHeight="1" x14ac:dyDescent="0.2">
      <c r="A80" s="31">
        <v>62</v>
      </c>
      <c r="B80" s="27">
        <v>14</v>
      </c>
      <c r="C80" s="28">
        <v>8</v>
      </c>
      <c r="D80" s="29">
        <v>22</v>
      </c>
    </row>
    <row r="81" spans="1:4" ht="18" customHeight="1" x14ac:dyDescent="0.2">
      <c r="A81" s="31">
        <v>63</v>
      </c>
      <c r="B81" s="27">
        <v>6</v>
      </c>
      <c r="C81" s="28">
        <v>6</v>
      </c>
      <c r="D81" s="29">
        <v>12</v>
      </c>
    </row>
    <row r="82" spans="1:4" ht="18" customHeight="1" x14ac:dyDescent="0.2">
      <c r="A82" s="31">
        <v>64</v>
      </c>
      <c r="B82" s="27">
        <v>2</v>
      </c>
      <c r="C82" s="28">
        <v>6</v>
      </c>
      <c r="D82" s="29">
        <v>8</v>
      </c>
    </row>
    <row r="83" spans="1:4" ht="18" customHeight="1" x14ac:dyDescent="0.2">
      <c r="A83" s="31" t="s">
        <v>79</v>
      </c>
      <c r="B83" s="27">
        <v>44</v>
      </c>
      <c r="C83" s="28">
        <v>40</v>
      </c>
      <c r="D83" s="29">
        <v>84</v>
      </c>
    </row>
    <row r="84" spans="1:4" ht="18" customHeight="1" x14ac:dyDescent="0.2">
      <c r="A84" s="31" t="s">
        <v>80</v>
      </c>
      <c r="B84" s="27">
        <v>290</v>
      </c>
      <c r="C84" s="28">
        <v>275</v>
      </c>
      <c r="D84" s="29">
        <v>565</v>
      </c>
    </row>
    <row r="85" spans="1:4" ht="18" customHeight="1" x14ac:dyDescent="0.2">
      <c r="A85" s="31">
        <v>65</v>
      </c>
      <c r="B85" s="27">
        <v>13</v>
      </c>
      <c r="C85" s="28">
        <v>5</v>
      </c>
      <c r="D85" s="29">
        <v>18</v>
      </c>
    </row>
    <row r="86" spans="1:4" ht="18" customHeight="1" x14ac:dyDescent="0.2">
      <c r="A86" s="31">
        <v>66</v>
      </c>
      <c r="B86" s="27">
        <v>9</v>
      </c>
      <c r="C86" s="28">
        <v>4</v>
      </c>
      <c r="D86" s="29">
        <v>13</v>
      </c>
    </row>
    <row r="87" spans="1:4" ht="18" customHeight="1" x14ac:dyDescent="0.2">
      <c r="A87" s="31">
        <v>67</v>
      </c>
      <c r="B87" s="27">
        <v>3</v>
      </c>
      <c r="C87" s="28">
        <v>9</v>
      </c>
      <c r="D87" s="29">
        <v>12</v>
      </c>
    </row>
    <row r="88" spans="1:4" ht="18" customHeight="1" x14ac:dyDescent="0.2">
      <c r="A88" s="31">
        <v>68</v>
      </c>
      <c r="B88" s="27">
        <v>9</v>
      </c>
      <c r="C88" s="28">
        <v>4</v>
      </c>
      <c r="D88" s="29">
        <v>13</v>
      </c>
    </row>
    <row r="89" spans="1:4" ht="18" customHeight="1" x14ac:dyDescent="0.2">
      <c r="A89" s="31">
        <v>69</v>
      </c>
      <c r="B89" s="27">
        <v>3</v>
      </c>
      <c r="C89" s="28">
        <v>8</v>
      </c>
      <c r="D89" s="29">
        <v>11</v>
      </c>
    </row>
    <row r="90" spans="1:4" ht="18" customHeight="1" x14ac:dyDescent="0.2">
      <c r="A90" s="31" t="s">
        <v>81</v>
      </c>
      <c r="B90" s="27">
        <v>37</v>
      </c>
      <c r="C90" s="28">
        <v>30</v>
      </c>
      <c r="D90" s="29">
        <v>67</v>
      </c>
    </row>
    <row r="91" spans="1:4" ht="18" customHeight="1" x14ac:dyDescent="0.2">
      <c r="A91" s="31">
        <v>70</v>
      </c>
      <c r="B91" s="27">
        <v>3</v>
      </c>
      <c r="C91" s="28">
        <v>6</v>
      </c>
      <c r="D91" s="29">
        <v>9</v>
      </c>
    </row>
    <row r="92" spans="1:4" ht="18" customHeight="1" x14ac:dyDescent="0.2">
      <c r="A92" s="31">
        <v>71</v>
      </c>
      <c r="B92" s="27">
        <v>7</v>
      </c>
      <c r="C92" s="28">
        <v>9</v>
      </c>
      <c r="D92" s="29">
        <v>16</v>
      </c>
    </row>
    <row r="93" spans="1:4" ht="18" customHeight="1" x14ac:dyDescent="0.2">
      <c r="A93" s="31">
        <v>72</v>
      </c>
      <c r="B93" s="27">
        <v>2</v>
      </c>
      <c r="C93" s="28">
        <v>9</v>
      </c>
      <c r="D93" s="29">
        <v>11</v>
      </c>
    </row>
    <row r="94" spans="1:4" ht="18" customHeight="1" x14ac:dyDescent="0.2">
      <c r="A94" s="31">
        <v>73</v>
      </c>
      <c r="B94" s="27">
        <v>6</v>
      </c>
      <c r="C94" s="28">
        <v>6</v>
      </c>
      <c r="D94" s="29">
        <v>12</v>
      </c>
    </row>
    <row r="95" spans="1:4" ht="18" customHeight="1" x14ac:dyDescent="0.2">
      <c r="A95" s="31">
        <v>74</v>
      </c>
      <c r="B95" s="27">
        <v>9</v>
      </c>
      <c r="C95" s="28">
        <v>6</v>
      </c>
      <c r="D95" s="29">
        <v>15</v>
      </c>
    </row>
    <row r="96" spans="1:4" ht="18" customHeight="1" x14ac:dyDescent="0.2">
      <c r="A96" s="31" t="s">
        <v>82</v>
      </c>
      <c r="B96" s="27">
        <v>27</v>
      </c>
      <c r="C96" s="28">
        <v>36</v>
      </c>
      <c r="D96" s="29">
        <v>63</v>
      </c>
    </row>
    <row r="97" spans="1:4" ht="18" customHeight="1" x14ac:dyDescent="0.2">
      <c r="A97" s="31">
        <v>75</v>
      </c>
      <c r="B97" s="27">
        <v>9</v>
      </c>
      <c r="C97" s="28">
        <v>9</v>
      </c>
      <c r="D97" s="29">
        <v>18</v>
      </c>
    </row>
    <row r="98" spans="1:4" ht="18" customHeight="1" x14ac:dyDescent="0.2">
      <c r="A98" s="31">
        <v>76</v>
      </c>
      <c r="B98" s="27">
        <v>7</v>
      </c>
      <c r="C98" s="28">
        <v>7</v>
      </c>
      <c r="D98" s="29">
        <v>14</v>
      </c>
    </row>
    <row r="99" spans="1:4" ht="18" customHeight="1" x14ac:dyDescent="0.2">
      <c r="A99" s="31">
        <v>77</v>
      </c>
      <c r="B99" s="27">
        <v>6</v>
      </c>
      <c r="C99" s="28">
        <v>11</v>
      </c>
      <c r="D99" s="29">
        <v>17</v>
      </c>
    </row>
    <row r="100" spans="1:4" ht="18" customHeight="1" x14ac:dyDescent="0.2">
      <c r="A100" s="31">
        <v>78</v>
      </c>
      <c r="B100" s="27">
        <v>4</v>
      </c>
      <c r="C100" s="28">
        <v>8</v>
      </c>
      <c r="D100" s="29">
        <v>12</v>
      </c>
    </row>
    <row r="101" spans="1:4" ht="18" customHeight="1" x14ac:dyDescent="0.2">
      <c r="A101" s="31">
        <v>79</v>
      </c>
      <c r="B101" s="27">
        <v>3</v>
      </c>
      <c r="C101" s="28">
        <v>8</v>
      </c>
      <c r="D101" s="29">
        <v>11</v>
      </c>
    </row>
    <row r="102" spans="1:4" ht="18" customHeight="1" x14ac:dyDescent="0.2">
      <c r="A102" s="31" t="s">
        <v>83</v>
      </c>
      <c r="B102" s="27">
        <v>29</v>
      </c>
      <c r="C102" s="28">
        <v>43</v>
      </c>
      <c r="D102" s="29">
        <v>72</v>
      </c>
    </row>
    <row r="103" spans="1:4" ht="18" customHeight="1" x14ac:dyDescent="0.2">
      <c r="A103" s="31">
        <v>80</v>
      </c>
      <c r="B103" s="27">
        <v>3</v>
      </c>
      <c r="C103" s="28">
        <v>10</v>
      </c>
      <c r="D103" s="29">
        <v>13</v>
      </c>
    </row>
    <row r="104" spans="1:4" ht="18" customHeight="1" x14ac:dyDescent="0.2">
      <c r="A104" s="31">
        <v>81</v>
      </c>
      <c r="B104" s="27">
        <v>8</v>
      </c>
      <c r="C104" s="28">
        <v>11</v>
      </c>
      <c r="D104" s="29">
        <v>19</v>
      </c>
    </row>
    <row r="105" spans="1:4" ht="18" customHeight="1" x14ac:dyDescent="0.2">
      <c r="A105" s="31">
        <v>82</v>
      </c>
      <c r="B105" s="27">
        <v>6</v>
      </c>
      <c r="C105" s="28">
        <v>9</v>
      </c>
      <c r="D105" s="29">
        <v>15</v>
      </c>
    </row>
    <row r="106" spans="1:4" ht="18" customHeight="1" x14ac:dyDescent="0.2">
      <c r="A106" s="31">
        <v>83</v>
      </c>
      <c r="B106" s="27">
        <v>4</v>
      </c>
      <c r="C106" s="28">
        <v>9</v>
      </c>
      <c r="D106" s="29">
        <v>13</v>
      </c>
    </row>
    <row r="107" spans="1:4" ht="18" customHeight="1" x14ac:dyDescent="0.2">
      <c r="A107" s="31">
        <v>84</v>
      </c>
      <c r="B107" s="27">
        <v>4</v>
      </c>
      <c r="C107" s="28">
        <v>5</v>
      </c>
      <c r="D107" s="29">
        <v>9</v>
      </c>
    </row>
    <row r="108" spans="1:4" ht="18" customHeight="1" x14ac:dyDescent="0.2">
      <c r="A108" s="31" t="s">
        <v>84</v>
      </c>
      <c r="B108" s="27">
        <v>25</v>
      </c>
      <c r="C108" s="28">
        <v>44</v>
      </c>
      <c r="D108" s="29">
        <v>69</v>
      </c>
    </row>
    <row r="109" spans="1:4" ht="18" customHeight="1" x14ac:dyDescent="0.2">
      <c r="A109" s="31">
        <v>85</v>
      </c>
      <c r="B109" s="27">
        <v>4</v>
      </c>
      <c r="C109" s="28">
        <v>2</v>
      </c>
      <c r="D109" s="29">
        <v>6</v>
      </c>
    </row>
    <row r="110" spans="1:4" ht="18" customHeight="1" x14ac:dyDescent="0.2">
      <c r="A110" s="31">
        <v>86</v>
      </c>
      <c r="B110" s="27">
        <v>3</v>
      </c>
      <c r="C110" s="28">
        <v>7</v>
      </c>
      <c r="D110" s="29">
        <v>10</v>
      </c>
    </row>
    <row r="111" spans="1:4" ht="18" customHeight="1" x14ac:dyDescent="0.2">
      <c r="A111" s="31">
        <v>87</v>
      </c>
      <c r="B111" s="27">
        <v>3</v>
      </c>
      <c r="C111" s="28">
        <v>5</v>
      </c>
      <c r="D111" s="29">
        <v>8</v>
      </c>
    </row>
    <row r="112" spans="1:4" ht="18" customHeight="1" x14ac:dyDescent="0.2">
      <c r="A112" s="31">
        <v>88</v>
      </c>
      <c r="B112" s="27">
        <v>2</v>
      </c>
      <c r="C112" s="28">
        <v>6</v>
      </c>
      <c r="D112" s="29">
        <v>8</v>
      </c>
    </row>
    <row r="113" spans="1:4" ht="18" customHeight="1" x14ac:dyDescent="0.2">
      <c r="A113" s="31">
        <v>89</v>
      </c>
      <c r="B113" s="27">
        <v>2</v>
      </c>
      <c r="C113" s="28">
        <v>2</v>
      </c>
      <c r="D113" s="29">
        <v>4</v>
      </c>
    </row>
    <row r="114" spans="1:4" ht="18" customHeight="1" x14ac:dyDescent="0.2">
      <c r="A114" s="31" t="s">
        <v>85</v>
      </c>
      <c r="B114" s="27">
        <v>14</v>
      </c>
      <c r="C114" s="28">
        <v>22</v>
      </c>
      <c r="D114" s="29">
        <v>36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86</v>
      </c>
      <c r="B120" s="27">
        <v>3</v>
      </c>
      <c r="C120" s="28">
        <v>6</v>
      </c>
      <c r="D120" s="29">
        <v>9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135</v>
      </c>
      <c r="C130" s="5">
        <v>185</v>
      </c>
      <c r="D130" s="6">
        <v>320</v>
      </c>
    </row>
    <row r="131" spans="1:4" ht="18" customHeight="1" x14ac:dyDescent="0.2">
      <c r="A131" s="33" t="s">
        <v>65</v>
      </c>
      <c r="B131" s="7">
        <v>473</v>
      </c>
      <c r="C131" s="8">
        <v>501</v>
      </c>
      <c r="D131" s="9">
        <v>97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66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3</v>
      </c>
      <c r="C5" s="37">
        <v>2</v>
      </c>
      <c r="D5" s="39">
        <v>5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4</v>
      </c>
      <c r="C7" s="28">
        <v>0</v>
      </c>
      <c r="D7" s="29">
        <v>4</v>
      </c>
    </row>
    <row r="8" spans="1:4" ht="18" customHeight="1" x14ac:dyDescent="0.2">
      <c r="A8" s="31">
        <v>3</v>
      </c>
      <c r="B8" s="35">
        <v>2</v>
      </c>
      <c r="C8" s="28">
        <v>1</v>
      </c>
      <c r="D8" s="29">
        <v>3</v>
      </c>
    </row>
    <row r="9" spans="1:4" ht="18" customHeight="1" x14ac:dyDescent="0.2">
      <c r="A9" s="31">
        <v>4</v>
      </c>
      <c r="B9" s="36">
        <v>2</v>
      </c>
      <c r="C9" s="38">
        <v>5</v>
      </c>
      <c r="D9" s="40">
        <v>7</v>
      </c>
    </row>
    <row r="10" spans="1:4" ht="18" customHeight="1" x14ac:dyDescent="0.2">
      <c r="A10" s="31" t="s">
        <v>66</v>
      </c>
      <c r="B10" s="27">
        <v>12</v>
      </c>
      <c r="C10" s="28">
        <v>9</v>
      </c>
      <c r="D10" s="29">
        <v>21</v>
      </c>
    </row>
    <row r="11" spans="1:4" ht="18" customHeight="1" x14ac:dyDescent="0.2">
      <c r="A11" s="31">
        <v>5</v>
      </c>
      <c r="B11" s="35">
        <v>4</v>
      </c>
      <c r="C11" s="28">
        <v>3</v>
      </c>
      <c r="D11" s="29">
        <v>7</v>
      </c>
    </row>
    <row r="12" spans="1:4" ht="18" customHeight="1" x14ac:dyDescent="0.2">
      <c r="A12" s="31">
        <v>6</v>
      </c>
      <c r="B12" s="35">
        <v>1</v>
      </c>
      <c r="C12" s="28">
        <v>0</v>
      </c>
      <c r="D12" s="29">
        <v>1</v>
      </c>
    </row>
    <row r="13" spans="1:4" ht="18" customHeight="1" x14ac:dyDescent="0.2">
      <c r="A13" s="31">
        <v>7</v>
      </c>
      <c r="B13" s="35">
        <v>2</v>
      </c>
      <c r="C13" s="28">
        <v>2</v>
      </c>
      <c r="D13" s="29">
        <v>4</v>
      </c>
    </row>
    <row r="14" spans="1:4" ht="18" customHeight="1" x14ac:dyDescent="0.2">
      <c r="A14" s="31">
        <v>8</v>
      </c>
      <c r="B14" s="35">
        <v>4</v>
      </c>
      <c r="C14" s="28">
        <v>1</v>
      </c>
      <c r="D14" s="29">
        <v>5</v>
      </c>
    </row>
    <row r="15" spans="1:4" ht="18" customHeight="1" x14ac:dyDescent="0.2">
      <c r="A15" s="31">
        <v>9</v>
      </c>
      <c r="B15" s="35">
        <v>3</v>
      </c>
      <c r="C15" s="28">
        <v>4</v>
      </c>
      <c r="D15" s="29">
        <v>7</v>
      </c>
    </row>
    <row r="16" spans="1:4" ht="18" customHeight="1" x14ac:dyDescent="0.2">
      <c r="A16" s="31" t="s">
        <v>67</v>
      </c>
      <c r="B16" s="27">
        <v>14</v>
      </c>
      <c r="C16" s="28">
        <v>10</v>
      </c>
      <c r="D16" s="29">
        <v>24</v>
      </c>
    </row>
    <row r="17" spans="1:4" ht="18" customHeight="1" x14ac:dyDescent="0.2">
      <c r="A17" s="31">
        <v>10</v>
      </c>
      <c r="B17" s="27">
        <v>2</v>
      </c>
      <c r="C17" s="28">
        <v>4</v>
      </c>
      <c r="D17" s="29">
        <v>6</v>
      </c>
    </row>
    <row r="18" spans="1:4" ht="18" customHeight="1" x14ac:dyDescent="0.2">
      <c r="A18" s="31">
        <v>11</v>
      </c>
      <c r="B18" s="27">
        <v>3</v>
      </c>
      <c r="C18" s="28">
        <v>2</v>
      </c>
      <c r="D18" s="29">
        <v>5</v>
      </c>
    </row>
    <row r="19" spans="1:4" ht="18" customHeight="1" x14ac:dyDescent="0.2">
      <c r="A19" s="31">
        <v>12</v>
      </c>
      <c r="B19" s="27">
        <v>1</v>
      </c>
      <c r="C19" s="28">
        <v>2</v>
      </c>
      <c r="D19" s="29">
        <v>3</v>
      </c>
    </row>
    <row r="20" spans="1:4" ht="18" customHeight="1" x14ac:dyDescent="0.2">
      <c r="A20" s="31">
        <v>13</v>
      </c>
      <c r="B20" s="27">
        <v>5</v>
      </c>
      <c r="C20" s="28">
        <v>1</v>
      </c>
      <c r="D20" s="29">
        <v>6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68</v>
      </c>
      <c r="B22" s="27">
        <v>13</v>
      </c>
      <c r="C22" s="28">
        <v>10</v>
      </c>
      <c r="D22" s="29">
        <v>23</v>
      </c>
    </row>
    <row r="23" spans="1:4" ht="18" customHeight="1" x14ac:dyDescent="0.2">
      <c r="A23" s="31" t="s">
        <v>69</v>
      </c>
      <c r="B23" s="27">
        <v>39</v>
      </c>
      <c r="C23" s="28">
        <v>29</v>
      </c>
      <c r="D23" s="29">
        <v>68</v>
      </c>
    </row>
    <row r="24" spans="1:4" ht="18" customHeight="1" x14ac:dyDescent="0.2">
      <c r="A24" s="31">
        <v>15</v>
      </c>
      <c r="B24" s="27">
        <v>1</v>
      </c>
      <c r="C24" s="28">
        <v>5</v>
      </c>
      <c r="D24" s="29">
        <v>6</v>
      </c>
    </row>
    <row r="25" spans="1:4" ht="18" customHeight="1" x14ac:dyDescent="0.2">
      <c r="A25" s="31">
        <v>16</v>
      </c>
      <c r="B25" s="27">
        <v>1</v>
      </c>
      <c r="C25" s="28">
        <v>2</v>
      </c>
      <c r="D25" s="29">
        <v>3</v>
      </c>
    </row>
    <row r="26" spans="1:4" ht="18" customHeight="1" x14ac:dyDescent="0.2">
      <c r="A26" s="31">
        <v>17</v>
      </c>
      <c r="B26" s="27">
        <v>0</v>
      </c>
      <c r="C26" s="28">
        <v>4</v>
      </c>
      <c r="D26" s="29">
        <v>4</v>
      </c>
    </row>
    <row r="27" spans="1:4" ht="18" customHeight="1" x14ac:dyDescent="0.2">
      <c r="A27" s="31">
        <v>18</v>
      </c>
      <c r="B27" s="27">
        <v>5</v>
      </c>
      <c r="C27" s="28">
        <v>2</v>
      </c>
      <c r="D27" s="29">
        <v>7</v>
      </c>
    </row>
    <row r="28" spans="1:4" ht="18" customHeight="1" x14ac:dyDescent="0.2">
      <c r="A28" s="31">
        <v>19</v>
      </c>
      <c r="B28" s="27">
        <v>3</v>
      </c>
      <c r="C28" s="28">
        <v>2</v>
      </c>
      <c r="D28" s="29">
        <v>5</v>
      </c>
    </row>
    <row r="29" spans="1:4" ht="18" customHeight="1" x14ac:dyDescent="0.2">
      <c r="A29" s="31" t="s">
        <v>70</v>
      </c>
      <c r="B29" s="27">
        <v>10</v>
      </c>
      <c r="C29" s="28">
        <v>15</v>
      </c>
      <c r="D29" s="29">
        <v>25</v>
      </c>
    </row>
    <row r="30" spans="1:4" ht="18" customHeight="1" x14ac:dyDescent="0.2">
      <c r="A30" s="31">
        <v>20</v>
      </c>
      <c r="B30" s="27">
        <v>1</v>
      </c>
      <c r="C30" s="28">
        <v>3</v>
      </c>
      <c r="D30" s="29">
        <v>4</v>
      </c>
    </row>
    <row r="31" spans="1:4" ht="18" customHeight="1" x14ac:dyDescent="0.2">
      <c r="A31" s="31">
        <v>21</v>
      </c>
      <c r="B31" s="27">
        <v>6</v>
      </c>
      <c r="C31" s="28">
        <v>3</v>
      </c>
      <c r="D31" s="29">
        <v>9</v>
      </c>
    </row>
    <row r="32" spans="1:4" ht="18" customHeight="1" x14ac:dyDescent="0.2">
      <c r="A32" s="31">
        <v>22</v>
      </c>
      <c r="B32" s="27">
        <v>2</v>
      </c>
      <c r="C32" s="28">
        <v>3</v>
      </c>
      <c r="D32" s="29">
        <v>5</v>
      </c>
    </row>
    <row r="33" spans="1:4" ht="18" customHeight="1" x14ac:dyDescent="0.2">
      <c r="A33" s="31">
        <v>23</v>
      </c>
      <c r="B33" s="27">
        <v>4</v>
      </c>
      <c r="C33" s="28">
        <v>4</v>
      </c>
      <c r="D33" s="29">
        <v>8</v>
      </c>
    </row>
    <row r="34" spans="1:4" ht="18" customHeight="1" x14ac:dyDescent="0.2">
      <c r="A34" s="31">
        <v>24</v>
      </c>
      <c r="B34" s="27">
        <v>3</v>
      </c>
      <c r="C34" s="28">
        <v>2</v>
      </c>
      <c r="D34" s="29">
        <v>5</v>
      </c>
    </row>
    <row r="35" spans="1:4" ht="18" customHeight="1" x14ac:dyDescent="0.2">
      <c r="A35" s="31" t="s">
        <v>71</v>
      </c>
      <c r="B35" s="27">
        <v>16</v>
      </c>
      <c r="C35" s="28">
        <v>15</v>
      </c>
      <c r="D35" s="29">
        <v>31</v>
      </c>
    </row>
    <row r="36" spans="1:4" ht="18" customHeight="1" x14ac:dyDescent="0.2">
      <c r="A36" s="31">
        <v>25</v>
      </c>
      <c r="B36" s="27">
        <v>1</v>
      </c>
      <c r="C36" s="28">
        <v>2</v>
      </c>
      <c r="D36" s="29">
        <v>3</v>
      </c>
    </row>
    <row r="37" spans="1:4" ht="18" customHeight="1" x14ac:dyDescent="0.2">
      <c r="A37" s="31">
        <v>26</v>
      </c>
      <c r="B37" s="27">
        <v>2</v>
      </c>
      <c r="C37" s="28">
        <v>5</v>
      </c>
      <c r="D37" s="29">
        <v>7</v>
      </c>
    </row>
    <row r="38" spans="1:4" ht="18" customHeight="1" x14ac:dyDescent="0.2">
      <c r="A38" s="31">
        <v>27</v>
      </c>
      <c r="B38" s="27">
        <v>1</v>
      </c>
      <c r="C38" s="28">
        <v>4</v>
      </c>
      <c r="D38" s="29">
        <v>5</v>
      </c>
    </row>
    <row r="39" spans="1:4" ht="18" customHeight="1" x14ac:dyDescent="0.2">
      <c r="A39" s="31">
        <v>28</v>
      </c>
      <c r="B39" s="27">
        <v>1</v>
      </c>
      <c r="C39" s="28">
        <v>2</v>
      </c>
      <c r="D39" s="29">
        <v>3</v>
      </c>
    </row>
    <row r="40" spans="1:4" ht="18" customHeight="1" x14ac:dyDescent="0.2">
      <c r="A40" s="31">
        <v>29</v>
      </c>
      <c r="B40" s="27">
        <v>2</v>
      </c>
      <c r="C40" s="28">
        <v>1</v>
      </c>
      <c r="D40" s="29">
        <v>3</v>
      </c>
    </row>
    <row r="41" spans="1:4" ht="18" customHeight="1" x14ac:dyDescent="0.2">
      <c r="A41" s="31" t="s">
        <v>72</v>
      </c>
      <c r="B41" s="27">
        <v>7</v>
      </c>
      <c r="C41" s="28">
        <v>14</v>
      </c>
      <c r="D41" s="29">
        <v>21</v>
      </c>
    </row>
    <row r="42" spans="1:4" ht="18" customHeight="1" x14ac:dyDescent="0.2">
      <c r="A42" s="31">
        <v>30</v>
      </c>
      <c r="B42" s="27">
        <v>1</v>
      </c>
      <c r="C42" s="28">
        <v>2</v>
      </c>
      <c r="D42" s="29">
        <v>3</v>
      </c>
    </row>
    <row r="43" spans="1:4" ht="18" customHeight="1" x14ac:dyDescent="0.2">
      <c r="A43" s="31">
        <v>31</v>
      </c>
      <c r="B43" s="27">
        <v>2</v>
      </c>
      <c r="C43" s="28">
        <v>1</v>
      </c>
      <c r="D43" s="29">
        <v>3</v>
      </c>
    </row>
    <row r="44" spans="1:4" ht="18" customHeight="1" x14ac:dyDescent="0.2">
      <c r="A44" s="31">
        <v>32</v>
      </c>
      <c r="B44" s="27">
        <v>2</v>
      </c>
      <c r="C44" s="28">
        <v>5</v>
      </c>
      <c r="D44" s="29">
        <v>7</v>
      </c>
    </row>
    <row r="45" spans="1:4" ht="18" customHeight="1" x14ac:dyDescent="0.2">
      <c r="A45" s="31">
        <v>33</v>
      </c>
      <c r="B45" s="27">
        <v>7</v>
      </c>
      <c r="C45" s="28">
        <v>3</v>
      </c>
      <c r="D45" s="29">
        <v>10</v>
      </c>
    </row>
    <row r="46" spans="1:4" ht="18" customHeight="1" x14ac:dyDescent="0.2">
      <c r="A46" s="31">
        <v>34</v>
      </c>
      <c r="B46" s="27">
        <v>6</v>
      </c>
      <c r="C46" s="28">
        <v>4</v>
      </c>
      <c r="D46" s="29">
        <v>10</v>
      </c>
    </row>
    <row r="47" spans="1:4" ht="18" customHeight="1" x14ac:dyDescent="0.2">
      <c r="A47" s="31" t="s">
        <v>73</v>
      </c>
      <c r="B47" s="27">
        <v>18</v>
      </c>
      <c r="C47" s="28">
        <v>15</v>
      </c>
      <c r="D47" s="29">
        <v>33</v>
      </c>
    </row>
    <row r="48" spans="1:4" ht="18" customHeight="1" x14ac:dyDescent="0.2">
      <c r="A48" s="31">
        <v>35</v>
      </c>
      <c r="B48" s="27">
        <v>5</v>
      </c>
      <c r="C48" s="28">
        <v>1</v>
      </c>
      <c r="D48" s="29">
        <v>6</v>
      </c>
    </row>
    <row r="49" spans="1:4" ht="18" customHeight="1" x14ac:dyDescent="0.2">
      <c r="A49" s="31">
        <v>36</v>
      </c>
      <c r="B49" s="27">
        <v>2</v>
      </c>
      <c r="C49" s="28">
        <v>1</v>
      </c>
      <c r="D49" s="29">
        <v>3</v>
      </c>
    </row>
    <row r="50" spans="1:4" ht="18" customHeight="1" x14ac:dyDescent="0.2">
      <c r="A50" s="31">
        <v>37</v>
      </c>
      <c r="B50" s="27">
        <v>1</v>
      </c>
      <c r="C50" s="28">
        <v>4</v>
      </c>
      <c r="D50" s="29">
        <v>5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5</v>
      </c>
      <c r="C52" s="28">
        <v>1</v>
      </c>
      <c r="D52" s="29">
        <v>6</v>
      </c>
    </row>
    <row r="53" spans="1:4" ht="18" customHeight="1" x14ac:dyDescent="0.2">
      <c r="A53" s="31" t="s">
        <v>74</v>
      </c>
      <c r="B53" s="27">
        <v>14</v>
      </c>
      <c r="C53" s="28">
        <v>8</v>
      </c>
      <c r="D53" s="29">
        <v>22</v>
      </c>
    </row>
    <row r="54" spans="1:4" ht="18" customHeight="1" x14ac:dyDescent="0.2">
      <c r="A54" s="31">
        <v>40</v>
      </c>
      <c r="B54" s="27">
        <v>4</v>
      </c>
      <c r="C54" s="28">
        <v>2</v>
      </c>
      <c r="D54" s="29">
        <v>6</v>
      </c>
    </row>
    <row r="55" spans="1:4" ht="18" customHeight="1" x14ac:dyDescent="0.2">
      <c r="A55" s="31">
        <v>41</v>
      </c>
      <c r="B55" s="27">
        <v>4</v>
      </c>
      <c r="C55" s="28">
        <v>3</v>
      </c>
      <c r="D55" s="29">
        <v>7</v>
      </c>
    </row>
    <row r="56" spans="1:4" ht="18" customHeight="1" x14ac:dyDescent="0.2">
      <c r="A56" s="31">
        <v>42</v>
      </c>
      <c r="B56" s="27">
        <v>4</v>
      </c>
      <c r="C56" s="28">
        <v>2</v>
      </c>
      <c r="D56" s="29">
        <v>6</v>
      </c>
    </row>
    <row r="57" spans="1:4" ht="18" customHeight="1" x14ac:dyDescent="0.2">
      <c r="A57" s="31">
        <v>43</v>
      </c>
      <c r="B57" s="27">
        <v>0</v>
      </c>
      <c r="C57" s="28">
        <v>3</v>
      </c>
      <c r="D57" s="29">
        <v>3</v>
      </c>
    </row>
    <row r="58" spans="1:4" ht="18" customHeight="1" x14ac:dyDescent="0.2">
      <c r="A58" s="31">
        <v>44</v>
      </c>
      <c r="B58" s="27">
        <v>4</v>
      </c>
      <c r="C58" s="28">
        <v>6</v>
      </c>
      <c r="D58" s="29">
        <v>10</v>
      </c>
    </row>
    <row r="59" spans="1:4" ht="18" customHeight="1" x14ac:dyDescent="0.2">
      <c r="A59" s="31" t="s">
        <v>75</v>
      </c>
      <c r="B59" s="27">
        <v>16</v>
      </c>
      <c r="C59" s="28">
        <v>16</v>
      </c>
      <c r="D59" s="29">
        <v>32</v>
      </c>
    </row>
    <row r="60" spans="1:4" ht="18" customHeight="1" x14ac:dyDescent="0.2">
      <c r="A60" s="31">
        <v>45</v>
      </c>
      <c r="B60" s="27">
        <v>3</v>
      </c>
      <c r="C60" s="28">
        <v>0</v>
      </c>
      <c r="D60" s="29">
        <v>3</v>
      </c>
    </row>
    <row r="61" spans="1:4" ht="18" customHeight="1" x14ac:dyDescent="0.2">
      <c r="A61" s="31">
        <v>46</v>
      </c>
      <c r="B61" s="27">
        <v>2</v>
      </c>
      <c r="C61" s="28">
        <v>3</v>
      </c>
      <c r="D61" s="29">
        <v>5</v>
      </c>
    </row>
    <row r="62" spans="1:4" ht="18" customHeight="1" x14ac:dyDescent="0.2">
      <c r="A62" s="31">
        <v>47</v>
      </c>
      <c r="B62" s="27">
        <v>1</v>
      </c>
      <c r="C62" s="28">
        <v>5</v>
      </c>
      <c r="D62" s="29">
        <v>6</v>
      </c>
    </row>
    <row r="63" spans="1:4" ht="18" customHeight="1" x14ac:dyDescent="0.2">
      <c r="A63" s="31">
        <v>48</v>
      </c>
      <c r="B63" s="27">
        <v>2</v>
      </c>
      <c r="C63" s="28">
        <v>4</v>
      </c>
      <c r="D63" s="29">
        <v>6</v>
      </c>
    </row>
    <row r="64" spans="1:4" ht="18" customHeight="1" x14ac:dyDescent="0.2">
      <c r="A64" s="31">
        <v>49</v>
      </c>
      <c r="B64" s="27">
        <v>4</v>
      </c>
      <c r="C64" s="28">
        <v>2</v>
      </c>
      <c r="D64" s="29">
        <v>6</v>
      </c>
    </row>
    <row r="65" spans="1:4" ht="18" customHeight="1" x14ac:dyDescent="0.2">
      <c r="A65" s="31" t="s">
        <v>76</v>
      </c>
      <c r="B65" s="27">
        <v>12</v>
      </c>
      <c r="C65" s="28">
        <v>14</v>
      </c>
      <c r="D65" s="29">
        <v>26</v>
      </c>
    </row>
    <row r="66" spans="1:4" ht="18" customHeight="1" x14ac:dyDescent="0.2">
      <c r="A66" s="31">
        <v>50</v>
      </c>
      <c r="B66" s="27">
        <v>3</v>
      </c>
      <c r="C66" s="28">
        <v>3</v>
      </c>
      <c r="D66" s="29">
        <v>6</v>
      </c>
    </row>
    <row r="67" spans="1:4" ht="18" customHeight="1" x14ac:dyDescent="0.2">
      <c r="A67" s="31">
        <v>51</v>
      </c>
      <c r="B67" s="27">
        <v>4</v>
      </c>
      <c r="C67" s="28">
        <v>1</v>
      </c>
      <c r="D67" s="29">
        <v>5</v>
      </c>
    </row>
    <row r="68" spans="1:4" ht="18" customHeight="1" x14ac:dyDescent="0.2">
      <c r="A68" s="31">
        <v>52</v>
      </c>
      <c r="B68" s="27">
        <v>5</v>
      </c>
      <c r="C68" s="28">
        <v>1</v>
      </c>
      <c r="D68" s="29">
        <v>6</v>
      </c>
    </row>
    <row r="69" spans="1:4" ht="18" customHeight="1" x14ac:dyDescent="0.2">
      <c r="A69" s="31">
        <v>53</v>
      </c>
      <c r="B69" s="27">
        <v>5</v>
      </c>
      <c r="C69" s="28">
        <v>6</v>
      </c>
      <c r="D69" s="29">
        <v>11</v>
      </c>
    </row>
    <row r="70" spans="1:4" ht="18" customHeight="1" x14ac:dyDescent="0.2">
      <c r="A70" s="31">
        <v>54</v>
      </c>
      <c r="B70" s="27">
        <v>2</v>
      </c>
      <c r="C70" s="28">
        <v>3</v>
      </c>
      <c r="D70" s="29">
        <v>5</v>
      </c>
    </row>
    <row r="71" spans="1:4" ht="18" customHeight="1" x14ac:dyDescent="0.2">
      <c r="A71" s="31" t="s">
        <v>77</v>
      </c>
      <c r="B71" s="27">
        <v>19</v>
      </c>
      <c r="C71" s="28">
        <v>14</v>
      </c>
      <c r="D71" s="29">
        <v>33</v>
      </c>
    </row>
    <row r="72" spans="1:4" ht="18" customHeight="1" x14ac:dyDescent="0.2">
      <c r="A72" s="31">
        <v>55</v>
      </c>
      <c r="B72" s="27">
        <v>8</v>
      </c>
      <c r="C72" s="28">
        <v>5</v>
      </c>
      <c r="D72" s="29">
        <v>13</v>
      </c>
    </row>
    <row r="73" spans="1:4" ht="18" customHeight="1" x14ac:dyDescent="0.2">
      <c r="A73" s="31">
        <v>56</v>
      </c>
      <c r="B73" s="27">
        <v>2</v>
      </c>
      <c r="C73" s="28">
        <v>6</v>
      </c>
      <c r="D73" s="29">
        <v>8</v>
      </c>
    </row>
    <row r="74" spans="1:4" ht="18" customHeight="1" x14ac:dyDescent="0.2">
      <c r="A74" s="31">
        <v>57</v>
      </c>
      <c r="B74" s="27">
        <v>5</v>
      </c>
      <c r="C74" s="28">
        <v>1</v>
      </c>
      <c r="D74" s="29">
        <v>6</v>
      </c>
    </row>
    <row r="75" spans="1:4" ht="18" customHeight="1" x14ac:dyDescent="0.2">
      <c r="A75" s="31">
        <v>58</v>
      </c>
      <c r="B75" s="27">
        <v>6</v>
      </c>
      <c r="C75" s="28">
        <v>5</v>
      </c>
      <c r="D75" s="29">
        <v>11</v>
      </c>
    </row>
    <row r="76" spans="1:4" ht="18" customHeight="1" x14ac:dyDescent="0.2">
      <c r="A76" s="31">
        <v>59</v>
      </c>
      <c r="B76" s="27">
        <v>7</v>
      </c>
      <c r="C76" s="28">
        <v>5</v>
      </c>
      <c r="D76" s="29">
        <v>12</v>
      </c>
    </row>
    <row r="77" spans="1:4" ht="18" customHeight="1" x14ac:dyDescent="0.2">
      <c r="A77" s="31" t="s">
        <v>78</v>
      </c>
      <c r="B77" s="27">
        <v>28</v>
      </c>
      <c r="C77" s="28">
        <v>22</v>
      </c>
      <c r="D77" s="29">
        <v>50</v>
      </c>
    </row>
    <row r="78" spans="1:4" ht="18" customHeight="1" x14ac:dyDescent="0.2">
      <c r="A78" s="31">
        <v>60</v>
      </c>
      <c r="B78" s="27">
        <v>6</v>
      </c>
      <c r="C78" s="28">
        <v>4</v>
      </c>
      <c r="D78" s="29">
        <v>10</v>
      </c>
    </row>
    <row r="79" spans="1:4" ht="18" customHeight="1" x14ac:dyDescent="0.2">
      <c r="A79" s="31">
        <v>61</v>
      </c>
      <c r="B79" s="27">
        <v>8</v>
      </c>
      <c r="C79" s="28">
        <v>4</v>
      </c>
      <c r="D79" s="29">
        <v>12</v>
      </c>
    </row>
    <row r="80" spans="1:4" ht="18" customHeight="1" x14ac:dyDescent="0.2">
      <c r="A80" s="31">
        <v>62</v>
      </c>
      <c r="B80" s="27">
        <v>6</v>
      </c>
      <c r="C80" s="28">
        <v>4</v>
      </c>
      <c r="D80" s="29">
        <v>10</v>
      </c>
    </row>
    <row r="81" spans="1:4" ht="18" customHeight="1" x14ac:dyDescent="0.2">
      <c r="A81" s="31">
        <v>63</v>
      </c>
      <c r="B81" s="27">
        <v>1</v>
      </c>
      <c r="C81" s="28">
        <v>3</v>
      </c>
      <c r="D81" s="29">
        <v>4</v>
      </c>
    </row>
    <row r="82" spans="1:4" ht="18" customHeight="1" x14ac:dyDescent="0.2">
      <c r="A82" s="31">
        <v>64</v>
      </c>
      <c r="B82" s="27">
        <v>2</v>
      </c>
      <c r="C82" s="28">
        <v>5</v>
      </c>
      <c r="D82" s="29">
        <v>7</v>
      </c>
    </row>
    <row r="83" spans="1:4" ht="18" customHeight="1" x14ac:dyDescent="0.2">
      <c r="A83" s="31" t="s">
        <v>79</v>
      </c>
      <c r="B83" s="27">
        <v>23</v>
      </c>
      <c r="C83" s="28">
        <v>20</v>
      </c>
      <c r="D83" s="29">
        <v>43</v>
      </c>
    </row>
    <row r="84" spans="1:4" ht="18" customHeight="1" x14ac:dyDescent="0.2">
      <c r="A84" s="31" t="s">
        <v>80</v>
      </c>
      <c r="B84" s="27">
        <v>163</v>
      </c>
      <c r="C84" s="28">
        <v>153</v>
      </c>
      <c r="D84" s="29">
        <v>316</v>
      </c>
    </row>
    <row r="85" spans="1:4" ht="18" customHeight="1" x14ac:dyDescent="0.2">
      <c r="A85" s="31">
        <v>65</v>
      </c>
      <c r="B85" s="27">
        <v>1</v>
      </c>
      <c r="C85" s="28">
        <v>6</v>
      </c>
      <c r="D85" s="29">
        <v>7</v>
      </c>
    </row>
    <row r="86" spans="1:4" ht="18" customHeight="1" x14ac:dyDescent="0.2">
      <c r="A86" s="31">
        <v>66</v>
      </c>
      <c r="B86" s="27">
        <v>4</v>
      </c>
      <c r="C86" s="28">
        <v>3</v>
      </c>
      <c r="D86" s="29">
        <v>7</v>
      </c>
    </row>
    <row r="87" spans="1:4" ht="18" customHeight="1" x14ac:dyDescent="0.2">
      <c r="A87" s="31">
        <v>67</v>
      </c>
      <c r="B87" s="27">
        <v>4</v>
      </c>
      <c r="C87" s="28">
        <v>2</v>
      </c>
      <c r="D87" s="29">
        <v>6</v>
      </c>
    </row>
    <row r="88" spans="1:4" ht="18" customHeight="1" x14ac:dyDescent="0.2">
      <c r="A88" s="31">
        <v>68</v>
      </c>
      <c r="B88" s="27">
        <v>4</v>
      </c>
      <c r="C88" s="28">
        <v>0</v>
      </c>
      <c r="D88" s="29">
        <v>4</v>
      </c>
    </row>
    <row r="89" spans="1:4" ht="18" customHeight="1" x14ac:dyDescent="0.2">
      <c r="A89" s="31">
        <v>69</v>
      </c>
      <c r="B89" s="27">
        <v>3</v>
      </c>
      <c r="C89" s="28">
        <v>8</v>
      </c>
      <c r="D89" s="29">
        <v>11</v>
      </c>
    </row>
    <row r="90" spans="1:4" ht="18" customHeight="1" x14ac:dyDescent="0.2">
      <c r="A90" s="31" t="s">
        <v>81</v>
      </c>
      <c r="B90" s="27">
        <v>16</v>
      </c>
      <c r="C90" s="28">
        <v>19</v>
      </c>
      <c r="D90" s="29">
        <v>35</v>
      </c>
    </row>
    <row r="91" spans="1:4" ht="18" customHeight="1" x14ac:dyDescent="0.2">
      <c r="A91" s="31">
        <v>70</v>
      </c>
      <c r="B91" s="27">
        <v>2</v>
      </c>
      <c r="C91" s="28">
        <v>5</v>
      </c>
      <c r="D91" s="29">
        <v>7</v>
      </c>
    </row>
    <row r="92" spans="1:4" ht="18" customHeight="1" x14ac:dyDescent="0.2">
      <c r="A92" s="31">
        <v>71</v>
      </c>
      <c r="B92" s="27">
        <v>2</v>
      </c>
      <c r="C92" s="28">
        <v>6</v>
      </c>
      <c r="D92" s="29">
        <v>8</v>
      </c>
    </row>
    <row r="93" spans="1:4" ht="18" customHeight="1" x14ac:dyDescent="0.2">
      <c r="A93" s="31">
        <v>72</v>
      </c>
      <c r="B93" s="27">
        <v>4</v>
      </c>
      <c r="C93" s="28">
        <v>4</v>
      </c>
      <c r="D93" s="29">
        <v>8</v>
      </c>
    </row>
    <row r="94" spans="1:4" ht="18" customHeight="1" x14ac:dyDescent="0.2">
      <c r="A94" s="31">
        <v>73</v>
      </c>
      <c r="B94" s="27">
        <v>3</v>
      </c>
      <c r="C94" s="28">
        <v>6</v>
      </c>
      <c r="D94" s="29">
        <v>9</v>
      </c>
    </row>
    <row r="95" spans="1:4" ht="18" customHeight="1" x14ac:dyDescent="0.2">
      <c r="A95" s="31">
        <v>74</v>
      </c>
      <c r="B95" s="27">
        <v>4</v>
      </c>
      <c r="C95" s="28">
        <v>4</v>
      </c>
      <c r="D95" s="29">
        <v>8</v>
      </c>
    </row>
    <row r="96" spans="1:4" ht="18" customHeight="1" x14ac:dyDescent="0.2">
      <c r="A96" s="31" t="s">
        <v>82</v>
      </c>
      <c r="B96" s="27">
        <v>15</v>
      </c>
      <c r="C96" s="28">
        <v>25</v>
      </c>
      <c r="D96" s="29">
        <v>40</v>
      </c>
    </row>
    <row r="97" spans="1:4" ht="18" customHeight="1" x14ac:dyDescent="0.2">
      <c r="A97" s="31">
        <v>75</v>
      </c>
      <c r="B97" s="27">
        <v>5</v>
      </c>
      <c r="C97" s="28">
        <v>3</v>
      </c>
      <c r="D97" s="29">
        <v>8</v>
      </c>
    </row>
    <row r="98" spans="1:4" ht="18" customHeight="1" x14ac:dyDescent="0.2">
      <c r="A98" s="31">
        <v>76</v>
      </c>
      <c r="B98" s="27">
        <v>7</v>
      </c>
      <c r="C98" s="28">
        <v>7</v>
      </c>
      <c r="D98" s="29">
        <v>14</v>
      </c>
    </row>
    <row r="99" spans="1:4" ht="18" customHeight="1" x14ac:dyDescent="0.2">
      <c r="A99" s="31">
        <v>77</v>
      </c>
      <c r="B99" s="27">
        <v>7</v>
      </c>
      <c r="C99" s="28">
        <v>6</v>
      </c>
      <c r="D99" s="29">
        <v>13</v>
      </c>
    </row>
    <row r="100" spans="1:4" ht="18" customHeight="1" x14ac:dyDescent="0.2">
      <c r="A100" s="31">
        <v>78</v>
      </c>
      <c r="B100" s="27">
        <v>3</v>
      </c>
      <c r="C100" s="28">
        <v>1</v>
      </c>
      <c r="D100" s="29">
        <v>4</v>
      </c>
    </row>
    <row r="101" spans="1:4" ht="18" customHeight="1" x14ac:dyDescent="0.2">
      <c r="A101" s="31">
        <v>79</v>
      </c>
      <c r="B101" s="27">
        <v>4</v>
      </c>
      <c r="C101" s="28">
        <v>5</v>
      </c>
      <c r="D101" s="29">
        <v>9</v>
      </c>
    </row>
    <row r="102" spans="1:4" ht="18" customHeight="1" x14ac:dyDescent="0.2">
      <c r="A102" s="31" t="s">
        <v>83</v>
      </c>
      <c r="B102" s="27">
        <v>26</v>
      </c>
      <c r="C102" s="28">
        <v>22</v>
      </c>
      <c r="D102" s="29">
        <v>48</v>
      </c>
    </row>
    <row r="103" spans="1:4" ht="18" customHeight="1" x14ac:dyDescent="0.2">
      <c r="A103" s="31">
        <v>80</v>
      </c>
      <c r="B103" s="27">
        <v>2</v>
      </c>
      <c r="C103" s="28">
        <v>1</v>
      </c>
      <c r="D103" s="29">
        <v>3</v>
      </c>
    </row>
    <row r="104" spans="1:4" ht="18" customHeight="1" x14ac:dyDescent="0.2">
      <c r="A104" s="31">
        <v>81</v>
      </c>
      <c r="B104" s="27">
        <v>4</v>
      </c>
      <c r="C104" s="28">
        <v>6</v>
      </c>
      <c r="D104" s="29">
        <v>10</v>
      </c>
    </row>
    <row r="105" spans="1:4" ht="18" customHeight="1" x14ac:dyDescent="0.2">
      <c r="A105" s="31">
        <v>82</v>
      </c>
      <c r="B105" s="27">
        <v>1</v>
      </c>
      <c r="C105" s="28">
        <v>5</v>
      </c>
      <c r="D105" s="29">
        <v>6</v>
      </c>
    </row>
    <row r="106" spans="1:4" ht="18" customHeight="1" x14ac:dyDescent="0.2">
      <c r="A106" s="31">
        <v>83</v>
      </c>
      <c r="B106" s="27">
        <v>2</v>
      </c>
      <c r="C106" s="28">
        <v>10</v>
      </c>
      <c r="D106" s="29">
        <v>12</v>
      </c>
    </row>
    <row r="107" spans="1:4" ht="18" customHeight="1" x14ac:dyDescent="0.2">
      <c r="A107" s="31">
        <v>84</v>
      </c>
      <c r="B107" s="27">
        <v>1</v>
      </c>
      <c r="C107" s="28">
        <v>4</v>
      </c>
      <c r="D107" s="29">
        <v>5</v>
      </c>
    </row>
    <row r="108" spans="1:4" ht="18" customHeight="1" x14ac:dyDescent="0.2">
      <c r="A108" s="31" t="s">
        <v>84</v>
      </c>
      <c r="B108" s="27">
        <v>10</v>
      </c>
      <c r="C108" s="28">
        <v>26</v>
      </c>
      <c r="D108" s="29">
        <v>36</v>
      </c>
    </row>
    <row r="109" spans="1:4" ht="18" customHeight="1" x14ac:dyDescent="0.2">
      <c r="A109" s="31">
        <v>85</v>
      </c>
      <c r="B109" s="27">
        <v>3</v>
      </c>
      <c r="C109" s="28">
        <v>2</v>
      </c>
      <c r="D109" s="29">
        <v>5</v>
      </c>
    </row>
    <row r="110" spans="1:4" ht="18" customHeight="1" x14ac:dyDescent="0.2">
      <c r="A110" s="31">
        <v>86</v>
      </c>
      <c r="B110" s="27">
        <v>1</v>
      </c>
      <c r="C110" s="28">
        <v>3</v>
      </c>
      <c r="D110" s="29">
        <v>4</v>
      </c>
    </row>
    <row r="111" spans="1:4" ht="18" customHeight="1" x14ac:dyDescent="0.2">
      <c r="A111" s="31">
        <v>87</v>
      </c>
      <c r="B111" s="27">
        <v>1</v>
      </c>
      <c r="C111" s="28">
        <v>3</v>
      </c>
      <c r="D111" s="29">
        <v>4</v>
      </c>
    </row>
    <row r="112" spans="1:4" ht="18" customHeight="1" x14ac:dyDescent="0.2">
      <c r="A112" s="31">
        <v>88</v>
      </c>
      <c r="B112" s="27">
        <v>1</v>
      </c>
      <c r="C112" s="28">
        <v>3</v>
      </c>
      <c r="D112" s="29">
        <v>4</v>
      </c>
    </row>
    <row r="113" spans="1:4" ht="18" customHeight="1" x14ac:dyDescent="0.2">
      <c r="A113" s="31">
        <v>89</v>
      </c>
      <c r="B113" s="27">
        <v>2</v>
      </c>
      <c r="C113" s="28">
        <v>3</v>
      </c>
      <c r="D113" s="29">
        <v>5</v>
      </c>
    </row>
    <row r="114" spans="1:4" ht="18" customHeight="1" x14ac:dyDescent="0.2">
      <c r="A114" s="31" t="s">
        <v>85</v>
      </c>
      <c r="B114" s="27">
        <v>8</v>
      </c>
      <c r="C114" s="28">
        <v>14</v>
      </c>
      <c r="D114" s="29">
        <v>22</v>
      </c>
    </row>
    <row r="115" spans="1:4" ht="18" customHeight="1" x14ac:dyDescent="0.2">
      <c r="A115" s="31">
        <v>90</v>
      </c>
      <c r="B115" s="27">
        <v>0</v>
      </c>
      <c r="C115" s="28">
        <v>3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86</v>
      </c>
      <c r="B120" s="27">
        <v>0</v>
      </c>
      <c r="C120" s="28">
        <v>7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75</v>
      </c>
      <c r="C130" s="5">
        <v>114</v>
      </c>
      <c r="D130" s="6">
        <v>189</v>
      </c>
    </row>
    <row r="131" spans="1:4" ht="18" customHeight="1" x14ac:dyDescent="0.2">
      <c r="A131" s="33" t="s">
        <v>65</v>
      </c>
      <c r="B131" s="7">
        <v>277</v>
      </c>
      <c r="C131" s="8">
        <v>296</v>
      </c>
      <c r="D131" s="9">
        <v>57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67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</v>
      </c>
      <c r="C5" s="37">
        <v>6</v>
      </c>
      <c r="D5" s="39">
        <v>8</v>
      </c>
    </row>
    <row r="6" spans="1:4" ht="18" customHeight="1" x14ac:dyDescent="0.2">
      <c r="A6" s="31">
        <v>1</v>
      </c>
      <c r="B6" s="35">
        <v>11</v>
      </c>
      <c r="C6" s="28">
        <v>7</v>
      </c>
      <c r="D6" s="29">
        <v>18</v>
      </c>
    </row>
    <row r="7" spans="1:4" ht="18" customHeight="1" x14ac:dyDescent="0.2">
      <c r="A7" s="31">
        <v>2</v>
      </c>
      <c r="B7" s="35">
        <v>3</v>
      </c>
      <c r="C7" s="28">
        <v>4</v>
      </c>
      <c r="D7" s="29">
        <v>7</v>
      </c>
    </row>
    <row r="8" spans="1:4" ht="18" customHeight="1" x14ac:dyDescent="0.2">
      <c r="A8" s="31">
        <v>3</v>
      </c>
      <c r="B8" s="35">
        <v>5</v>
      </c>
      <c r="C8" s="28">
        <v>6</v>
      </c>
      <c r="D8" s="29">
        <v>11</v>
      </c>
    </row>
    <row r="9" spans="1:4" ht="18" customHeight="1" x14ac:dyDescent="0.2">
      <c r="A9" s="31">
        <v>4</v>
      </c>
      <c r="B9" s="36">
        <v>5</v>
      </c>
      <c r="C9" s="38">
        <v>5</v>
      </c>
      <c r="D9" s="40">
        <v>10</v>
      </c>
    </row>
    <row r="10" spans="1:4" ht="18" customHeight="1" x14ac:dyDescent="0.2">
      <c r="A10" s="31" t="s">
        <v>66</v>
      </c>
      <c r="B10" s="27">
        <v>26</v>
      </c>
      <c r="C10" s="28">
        <v>28</v>
      </c>
      <c r="D10" s="29">
        <v>54</v>
      </c>
    </row>
    <row r="11" spans="1:4" ht="18" customHeight="1" x14ac:dyDescent="0.2">
      <c r="A11" s="31">
        <v>5</v>
      </c>
      <c r="B11" s="35">
        <v>7</v>
      </c>
      <c r="C11" s="28">
        <v>8</v>
      </c>
      <c r="D11" s="29">
        <v>15</v>
      </c>
    </row>
    <row r="12" spans="1:4" ht="18" customHeight="1" x14ac:dyDescent="0.2">
      <c r="A12" s="31">
        <v>6</v>
      </c>
      <c r="B12" s="35">
        <v>7</v>
      </c>
      <c r="C12" s="28">
        <v>9</v>
      </c>
      <c r="D12" s="29">
        <v>16</v>
      </c>
    </row>
    <row r="13" spans="1:4" ht="18" customHeight="1" x14ac:dyDescent="0.2">
      <c r="A13" s="31">
        <v>7</v>
      </c>
      <c r="B13" s="35">
        <v>6</v>
      </c>
      <c r="C13" s="28">
        <v>10</v>
      </c>
      <c r="D13" s="29">
        <v>16</v>
      </c>
    </row>
    <row r="14" spans="1:4" ht="18" customHeight="1" x14ac:dyDescent="0.2">
      <c r="A14" s="31">
        <v>8</v>
      </c>
      <c r="B14" s="35">
        <v>7</v>
      </c>
      <c r="C14" s="28">
        <v>13</v>
      </c>
      <c r="D14" s="29">
        <v>20</v>
      </c>
    </row>
    <row r="15" spans="1:4" ht="18" customHeight="1" x14ac:dyDescent="0.2">
      <c r="A15" s="31">
        <v>9</v>
      </c>
      <c r="B15" s="35">
        <v>5</v>
      </c>
      <c r="C15" s="28">
        <v>8</v>
      </c>
      <c r="D15" s="29">
        <v>13</v>
      </c>
    </row>
    <row r="16" spans="1:4" ht="18" customHeight="1" x14ac:dyDescent="0.2">
      <c r="A16" s="31" t="s">
        <v>67</v>
      </c>
      <c r="B16" s="27">
        <v>32</v>
      </c>
      <c r="C16" s="28">
        <v>48</v>
      </c>
      <c r="D16" s="29">
        <v>80</v>
      </c>
    </row>
    <row r="17" spans="1:4" ht="18" customHeight="1" x14ac:dyDescent="0.2">
      <c r="A17" s="31">
        <v>10</v>
      </c>
      <c r="B17" s="27">
        <v>5</v>
      </c>
      <c r="C17" s="28">
        <v>7</v>
      </c>
      <c r="D17" s="29">
        <v>12</v>
      </c>
    </row>
    <row r="18" spans="1:4" ht="18" customHeight="1" x14ac:dyDescent="0.2">
      <c r="A18" s="31">
        <v>11</v>
      </c>
      <c r="B18" s="27">
        <v>8</v>
      </c>
      <c r="C18" s="28">
        <v>9</v>
      </c>
      <c r="D18" s="29">
        <v>17</v>
      </c>
    </row>
    <row r="19" spans="1:4" ht="18" customHeight="1" x14ac:dyDescent="0.2">
      <c r="A19" s="31">
        <v>12</v>
      </c>
      <c r="B19" s="27">
        <v>11</v>
      </c>
      <c r="C19" s="28">
        <v>6</v>
      </c>
      <c r="D19" s="29">
        <v>17</v>
      </c>
    </row>
    <row r="20" spans="1:4" ht="18" customHeight="1" x14ac:dyDescent="0.2">
      <c r="A20" s="31">
        <v>13</v>
      </c>
      <c r="B20" s="27">
        <v>1</v>
      </c>
      <c r="C20" s="28">
        <v>7</v>
      </c>
      <c r="D20" s="29">
        <v>8</v>
      </c>
    </row>
    <row r="21" spans="1:4" ht="18" customHeight="1" x14ac:dyDescent="0.2">
      <c r="A21" s="31">
        <v>14</v>
      </c>
      <c r="B21" s="27">
        <v>10</v>
      </c>
      <c r="C21" s="28">
        <v>6</v>
      </c>
      <c r="D21" s="29">
        <v>16</v>
      </c>
    </row>
    <row r="22" spans="1:4" ht="18" customHeight="1" x14ac:dyDescent="0.2">
      <c r="A22" s="31" t="s">
        <v>68</v>
      </c>
      <c r="B22" s="27">
        <v>35</v>
      </c>
      <c r="C22" s="28">
        <v>35</v>
      </c>
      <c r="D22" s="29">
        <v>70</v>
      </c>
    </row>
    <row r="23" spans="1:4" ht="18" customHeight="1" x14ac:dyDescent="0.2">
      <c r="A23" s="31" t="s">
        <v>69</v>
      </c>
      <c r="B23" s="27">
        <v>93</v>
      </c>
      <c r="C23" s="28">
        <v>111</v>
      </c>
      <c r="D23" s="29">
        <v>204</v>
      </c>
    </row>
    <row r="24" spans="1:4" ht="18" customHeight="1" x14ac:dyDescent="0.2">
      <c r="A24" s="31">
        <v>15</v>
      </c>
      <c r="B24" s="27">
        <v>6</v>
      </c>
      <c r="C24" s="28">
        <v>1</v>
      </c>
      <c r="D24" s="29">
        <v>7</v>
      </c>
    </row>
    <row r="25" spans="1:4" ht="18" customHeight="1" x14ac:dyDescent="0.2">
      <c r="A25" s="31">
        <v>16</v>
      </c>
      <c r="B25" s="27">
        <v>5</v>
      </c>
      <c r="C25" s="28">
        <v>7</v>
      </c>
      <c r="D25" s="29">
        <v>12</v>
      </c>
    </row>
    <row r="26" spans="1:4" ht="18" customHeight="1" x14ac:dyDescent="0.2">
      <c r="A26" s="31">
        <v>17</v>
      </c>
      <c r="B26" s="27">
        <v>2</v>
      </c>
      <c r="C26" s="28">
        <v>5</v>
      </c>
      <c r="D26" s="29">
        <v>7</v>
      </c>
    </row>
    <row r="27" spans="1:4" ht="18" customHeight="1" x14ac:dyDescent="0.2">
      <c r="A27" s="31">
        <v>18</v>
      </c>
      <c r="B27" s="27">
        <v>5</v>
      </c>
      <c r="C27" s="28">
        <v>5</v>
      </c>
      <c r="D27" s="29">
        <v>10</v>
      </c>
    </row>
    <row r="28" spans="1:4" ht="18" customHeight="1" x14ac:dyDescent="0.2">
      <c r="A28" s="31">
        <v>19</v>
      </c>
      <c r="B28" s="27">
        <v>2</v>
      </c>
      <c r="C28" s="28">
        <v>10</v>
      </c>
      <c r="D28" s="29">
        <v>12</v>
      </c>
    </row>
    <row r="29" spans="1:4" ht="18" customHeight="1" x14ac:dyDescent="0.2">
      <c r="A29" s="31" t="s">
        <v>70</v>
      </c>
      <c r="B29" s="27">
        <v>20</v>
      </c>
      <c r="C29" s="28">
        <v>28</v>
      </c>
      <c r="D29" s="29">
        <v>48</v>
      </c>
    </row>
    <row r="30" spans="1:4" ht="18" customHeight="1" x14ac:dyDescent="0.2">
      <c r="A30" s="31">
        <v>20</v>
      </c>
      <c r="B30" s="27">
        <v>9</v>
      </c>
      <c r="C30" s="28">
        <v>10</v>
      </c>
      <c r="D30" s="29">
        <v>19</v>
      </c>
    </row>
    <row r="31" spans="1:4" ht="18" customHeight="1" x14ac:dyDescent="0.2">
      <c r="A31" s="31">
        <v>21</v>
      </c>
      <c r="B31" s="27">
        <v>12</v>
      </c>
      <c r="C31" s="28">
        <v>9</v>
      </c>
      <c r="D31" s="29">
        <v>21</v>
      </c>
    </row>
    <row r="32" spans="1:4" ht="18" customHeight="1" x14ac:dyDescent="0.2">
      <c r="A32" s="31">
        <v>22</v>
      </c>
      <c r="B32" s="27">
        <v>7</v>
      </c>
      <c r="C32" s="28">
        <v>5</v>
      </c>
      <c r="D32" s="29">
        <v>12</v>
      </c>
    </row>
    <row r="33" spans="1:4" ht="18" customHeight="1" x14ac:dyDescent="0.2">
      <c r="A33" s="31">
        <v>23</v>
      </c>
      <c r="B33" s="27">
        <v>8</v>
      </c>
      <c r="C33" s="28">
        <v>10</v>
      </c>
      <c r="D33" s="29">
        <v>18</v>
      </c>
    </row>
    <row r="34" spans="1:4" ht="18" customHeight="1" x14ac:dyDescent="0.2">
      <c r="A34" s="31">
        <v>24</v>
      </c>
      <c r="B34" s="27">
        <v>5</v>
      </c>
      <c r="C34" s="28">
        <v>9</v>
      </c>
      <c r="D34" s="29">
        <v>14</v>
      </c>
    </row>
    <row r="35" spans="1:4" ht="18" customHeight="1" x14ac:dyDescent="0.2">
      <c r="A35" s="31" t="s">
        <v>71</v>
      </c>
      <c r="B35" s="27">
        <v>41</v>
      </c>
      <c r="C35" s="28">
        <v>43</v>
      </c>
      <c r="D35" s="29">
        <v>84</v>
      </c>
    </row>
    <row r="36" spans="1:4" ht="18" customHeight="1" x14ac:dyDescent="0.2">
      <c r="A36" s="31">
        <v>25</v>
      </c>
      <c r="B36" s="27">
        <v>5</v>
      </c>
      <c r="C36" s="28">
        <v>11</v>
      </c>
      <c r="D36" s="29">
        <v>16</v>
      </c>
    </row>
    <row r="37" spans="1:4" ht="18" customHeight="1" x14ac:dyDescent="0.2">
      <c r="A37" s="31">
        <v>26</v>
      </c>
      <c r="B37" s="27">
        <v>8</v>
      </c>
      <c r="C37" s="28">
        <v>9</v>
      </c>
      <c r="D37" s="29">
        <v>17</v>
      </c>
    </row>
    <row r="38" spans="1:4" ht="18" customHeight="1" x14ac:dyDescent="0.2">
      <c r="A38" s="31">
        <v>27</v>
      </c>
      <c r="B38" s="27">
        <v>9</v>
      </c>
      <c r="C38" s="28">
        <v>6</v>
      </c>
      <c r="D38" s="29">
        <v>15</v>
      </c>
    </row>
    <row r="39" spans="1:4" ht="18" customHeight="1" x14ac:dyDescent="0.2">
      <c r="A39" s="31">
        <v>28</v>
      </c>
      <c r="B39" s="27">
        <v>6</v>
      </c>
      <c r="C39" s="28">
        <v>5</v>
      </c>
      <c r="D39" s="29">
        <v>11</v>
      </c>
    </row>
    <row r="40" spans="1:4" ht="18" customHeight="1" x14ac:dyDescent="0.2">
      <c r="A40" s="31">
        <v>29</v>
      </c>
      <c r="B40" s="27">
        <v>10</v>
      </c>
      <c r="C40" s="28">
        <v>10</v>
      </c>
      <c r="D40" s="29">
        <v>20</v>
      </c>
    </row>
    <row r="41" spans="1:4" ht="18" customHeight="1" x14ac:dyDescent="0.2">
      <c r="A41" s="31" t="s">
        <v>72</v>
      </c>
      <c r="B41" s="27">
        <v>38</v>
      </c>
      <c r="C41" s="28">
        <v>41</v>
      </c>
      <c r="D41" s="29">
        <v>79</v>
      </c>
    </row>
    <row r="42" spans="1:4" ht="18" customHeight="1" x14ac:dyDescent="0.2">
      <c r="A42" s="31">
        <v>30</v>
      </c>
      <c r="B42" s="27">
        <v>9</v>
      </c>
      <c r="C42" s="28">
        <v>4</v>
      </c>
      <c r="D42" s="29">
        <v>13</v>
      </c>
    </row>
    <row r="43" spans="1:4" ht="18" customHeight="1" x14ac:dyDescent="0.2">
      <c r="A43" s="31">
        <v>31</v>
      </c>
      <c r="B43" s="27">
        <v>9</v>
      </c>
      <c r="C43" s="28">
        <v>9</v>
      </c>
      <c r="D43" s="29">
        <v>18</v>
      </c>
    </row>
    <row r="44" spans="1:4" ht="18" customHeight="1" x14ac:dyDescent="0.2">
      <c r="A44" s="31">
        <v>32</v>
      </c>
      <c r="B44" s="27">
        <v>6</v>
      </c>
      <c r="C44" s="28">
        <v>7</v>
      </c>
      <c r="D44" s="29">
        <v>13</v>
      </c>
    </row>
    <row r="45" spans="1:4" ht="18" customHeight="1" x14ac:dyDescent="0.2">
      <c r="A45" s="31">
        <v>33</v>
      </c>
      <c r="B45" s="27">
        <v>9</v>
      </c>
      <c r="C45" s="28">
        <v>13</v>
      </c>
      <c r="D45" s="29">
        <v>22</v>
      </c>
    </row>
    <row r="46" spans="1:4" ht="18" customHeight="1" x14ac:dyDescent="0.2">
      <c r="A46" s="31">
        <v>34</v>
      </c>
      <c r="B46" s="27">
        <v>11</v>
      </c>
      <c r="C46" s="28">
        <v>9</v>
      </c>
      <c r="D46" s="29">
        <v>20</v>
      </c>
    </row>
    <row r="47" spans="1:4" ht="18" customHeight="1" x14ac:dyDescent="0.2">
      <c r="A47" s="31" t="s">
        <v>73</v>
      </c>
      <c r="B47" s="27">
        <v>44</v>
      </c>
      <c r="C47" s="28">
        <v>42</v>
      </c>
      <c r="D47" s="29">
        <v>86</v>
      </c>
    </row>
    <row r="48" spans="1:4" ht="18" customHeight="1" x14ac:dyDescent="0.2">
      <c r="A48" s="31">
        <v>35</v>
      </c>
      <c r="B48" s="27">
        <v>13</v>
      </c>
      <c r="C48" s="28">
        <v>13</v>
      </c>
      <c r="D48" s="29">
        <v>26</v>
      </c>
    </row>
    <row r="49" spans="1:4" ht="18" customHeight="1" x14ac:dyDescent="0.2">
      <c r="A49" s="31">
        <v>36</v>
      </c>
      <c r="B49" s="27">
        <v>14</v>
      </c>
      <c r="C49" s="28">
        <v>6</v>
      </c>
      <c r="D49" s="29">
        <v>20</v>
      </c>
    </row>
    <row r="50" spans="1:4" ht="18" customHeight="1" x14ac:dyDescent="0.2">
      <c r="A50" s="31">
        <v>37</v>
      </c>
      <c r="B50" s="27">
        <v>10</v>
      </c>
      <c r="C50" s="28">
        <v>11</v>
      </c>
      <c r="D50" s="29">
        <v>21</v>
      </c>
    </row>
    <row r="51" spans="1:4" ht="18" customHeight="1" x14ac:dyDescent="0.2">
      <c r="A51" s="31">
        <v>38</v>
      </c>
      <c r="B51" s="27">
        <v>11</v>
      </c>
      <c r="C51" s="28">
        <v>16</v>
      </c>
      <c r="D51" s="29">
        <v>27</v>
      </c>
    </row>
    <row r="52" spans="1:4" ht="18" customHeight="1" x14ac:dyDescent="0.2">
      <c r="A52" s="31">
        <v>39</v>
      </c>
      <c r="B52" s="27">
        <v>9</v>
      </c>
      <c r="C52" s="28">
        <v>8</v>
      </c>
      <c r="D52" s="29">
        <v>17</v>
      </c>
    </row>
    <row r="53" spans="1:4" ht="18" customHeight="1" x14ac:dyDescent="0.2">
      <c r="A53" s="31" t="s">
        <v>74</v>
      </c>
      <c r="B53" s="27">
        <v>57</v>
      </c>
      <c r="C53" s="28">
        <v>54</v>
      </c>
      <c r="D53" s="29">
        <v>111</v>
      </c>
    </row>
    <row r="54" spans="1:4" ht="18" customHeight="1" x14ac:dyDescent="0.2">
      <c r="A54" s="31">
        <v>40</v>
      </c>
      <c r="B54" s="27">
        <v>3</v>
      </c>
      <c r="C54" s="28">
        <v>7</v>
      </c>
      <c r="D54" s="29">
        <v>10</v>
      </c>
    </row>
    <row r="55" spans="1:4" ht="18" customHeight="1" x14ac:dyDescent="0.2">
      <c r="A55" s="31">
        <v>41</v>
      </c>
      <c r="B55" s="27">
        <v>8</v>
      </c>
      <c r="C55" s="28">
        <v>9</v>
      </c>
      <c r="D55" s="29">
        <v>17</v>
      </c>
    </row>
    <row r="56" spans="1:4" ht="18" customHeight="1" x14ac:dyDescent="0.2">
      <c r="A56" s="31">
        <v>42</v>
      </c>
      <c r="B56" s="27">
        <v>10</v>
      </c>
      <c r="C56" s="28">
        <v>5</v>
      </c>
      <c r="D56" s="29">
        <v>15</v>
      </c>
    </row>
    <row r="57" spans="1:4" ht="18" customHeight="1" x14ac:dyDescent="0.2">
      <c r="A57" s="31">
        <v>43</v>
      </c>
      <c r="B57" s="27">
        <v>4</v>
      </c>
      <c r="C57" s="28">
        <v>10</v>
      </c>
      <c r="D57" s="29">
        <v>14</v>
      </c>
    </row>
    <row r="58" spans="1:4" ht="18" customHeight="1" x14ac:dyDescent="0.2">
      <c r="A58" s="31">
        <v>44</v>
      </c>
      <c r="B58" s="27">
        <v>7</v>
      </c>
      <c r="C58" s="28">
        <v>8</v>
      </c>
      <c r="D58" s="29">
        <v>15</v>
      </c>
    </row>
    <row r="59" spans="1:4" ht="18" customHeight="1" x14ac:dyDescent="0.2">
      <c r="A59" s="31" t="s">
        <v>75</v>
      </c>
      <c r="B59" s="27">
        <v>32</v>
      </c>
      <c r="C59" s="28">
        <v>39</v>
      </c>
      <c r="D59" s="29">
        <v>71</v>
      </c>
    </row>
    <row r="60" spans="1:4" ht="18" customHeight="1" x14ac:dyDescent="0.2">
      <c r="A60" s="31">
        <v>45</v>
      </c>
      <c r="B60" s="27">
        <v>17</v>
      </c>
      <c r="C60" s="28">
        <v>3</v>
      </c>
      <c r="D60" s="29">
        <v>20</v>
      </c>
    </row>
    <row r="61" spans="1:4" ht="18" customHeight="1" x14ac:dyDescent="0.2">
      <c r="A61" s="31">
        <v>46</v>
      </c>
      <c r="B61" s="27">
        <v>6</v>
      </c>
      <c r="C61" s="28">
        <v>5</v>
      </c>
      <c r="D61" s="29">
        <v>11</v>
      </c>
    </row>
    <row r="62" spans="1:4" ht="18" customHeight="1" x14ac:dyDescent="0.2">
      <c r="A62" s="31">
        <v>47</v>
      </c>
      <c r="B62" s="27">
        <v>4</v>
      </c>
      <c r="C62" s="28">
        <v>8</v>
      </c>
      <c r="D62" s="29">
        <v>12</v>
      </c>
    </row>
    <row r="63" spans="1:4" ht="18" customHeight="1" x14ac:dyDescent="0.2">
      <c r="A63" s="31">
        <v>48</v>
      </c>
      <c r="B63" s="27">
        <v>5</v>
      </c>
      <c r="C63" s="28">
        <v>7</v>
      </c>
      <c r="D63" s="29">
        <v>12</v>
      </c>
    </row>
    <row r="64" spans="1:4" ht="18" customHeight="1" x14ac:dyDescent="0.2">
      <c r="A64" s="31">
        <v>49</v>
      </c>
      <c r="B64" s="27">
        <v>11</v>
      </c>
      <c r="C64" s="28">
        <v>8</v>
      </c>
      <c r="D64" s="29">
        <v>19</v>
      </c>
    </row>
    <row r="65" spans="1:4" ht="18" customHeight="1" x14ac:dyDescent="0.2">
      <c r="A65" s="31" t="s">
        <v>76</v>
      </c>
      <c r="B65" s="27">
        <v>43</v>
      </c>
      <c r="C65" s="28">
        <v>31</v>
      </c>
      <c r="D65" s="29">
        <v>74</v>
      </c>
    </row>
    <row r="66" spans="1:4" ht="18" customHeight="1" x14ac:dyDescent="0.2">
      <c r="A66" s="31">
        <v>50</v>
      </c>
      <c r="B66" s="27">
        <v>12</v>
      </c>
      <c r="C66" s="28">
        <v>13</v>
      </c>
      <c r="D66" s="29">
        <v>25</v>
      </c>
    </row>
    <row r="67" spans="1:4" ht="18" customHeight="1" x14ac:dyDescent="0.2">
      <c r="A67" s="31">
        <v>51</v>
      </c>
      <c r="B67" s="27">
        <v>9</v>
      </c>
      <c r="C67" s="28">
        <v>15</v>
      </c>
      <c r="D67" s="29">
        <v>24</v>
      </c>
    </row>
    <row r="68" spans="1:4" ht="18" customHeight="1" x14ac:dyDescent="0.2">
      <c r="A68" s="31">
        <v>52</v>
      </c>
      <c r="B68" s="27">
        <v>11</v>
      </c>
      <c r="C68" s="28">
        <v>5</v>
      </c>
      <c r="D68" s="29">
        <v>16</v>
      </c>
    </row>
    <row r="69" spans="1:4" ht="18" customHeight="1" x14ac:dyDescent="0.2">
      <c r="A69" s="31">
        <v>53</v>
      </c>
      <c r="B69" s="27">
        <v>9</v>
      </c>
      <c r="C69" s="28">
        <v>5</v>
      </c>
      <c r="D69" s="29">
        <v>14</v>
      </c>
    </row>
    <row r="70" spans="1:4" ht="18" customHeight="1" x14ac:dyDescent="0.2">
      <c r="A70" s="31">
        <v>54</v>
      </c>
      <c r="B70" s="27">
        <v>16</v>
      </c>
      <c r="C70" s="28">
        <v>10</v>
      </c>
      <c r="D70" s="29">
        <v>26</v>
      </c>
    </row>
    <row r="71" spans="1:4" ht="18" customHeight="1" x14ac:dyDescent="0.2">
      <c r="A71" s="31" t="s">
        <v>77</v>
      </c>
      <c r="B71" s="27">
        <v>57</v>
      </c>
      <c r="C71" s="28">
        <v>48</v>
      </c>
      <c r="D71" s="29">
        <v>105</v>
      </c>
    </row>
    <row r="72" spans="1:4" ht="18" customHeight="1" x14ac:dyDescent="0.2">
      <c r="A72" s="31">
        <v>55</v>
      </c>
      <c r="B72" s="27">
        <v>14</v>
      </c>
      <c r="C72" s="28">
        <v>15</v>
      </c>
      <c r="D72" s="29">
        <v>29</v>
      </c>
    </row>
    <row r="73" spans="1:4" ht="18" customHeight="1" x14ac:dyDescent="0.2">
      <c r="A73" s="31">
        <v>56</v>
      </c>
      <c r="B73" s="27">
        <v>14</v>
      </c>
      <c r="C73" s="28">
        <v>15</v>
      </c>
      <c r="D73" s="29">
        <v>29</v>
      </c>
    </row>
    <row r="74" spans="1:4" ht="18" customHeight="1" x14ac:dyDescent="0.2">
      <c r="A74" s="31">
        <v>57</v>
      </c>
      <c r="B74" s="27">
        <v>12</v>
      </c>
      <c r="C74" s="28">
        <v>12</v>
      </c>
      <c r="D74" s="29">
        <v>24</v>
      </c>
    </row>
    <row r="75" spans="1:4" ht="18" customHeight="1" x14ac:dyDescent="0.2">
      <c r="A75" s="31">
        <v>58</v>
      </c>
      <c r="B75" s="27">
        <v>17</v>
      </c>
      <c r="C75" s="28">
        <v>7</v>
      </c>
      <c r="D75" s="29">
        <v>24</v>
      </c>
    </row>
    <row r="76" spans="1:4" ht="18" customHeight="1" x14ac:dyDescent="0.2">
      <c r="A76" s="31">
        <v>59</v>
      </c>
      <c r="B76" s="27">
        <v>4</v>
      </c>
      <c r="C76" s="28">
        <v>11</v>
      </c>
      <c r="D76" s="29">
        <v>15</v>
      </c>
    </row>
    <row r="77" spans="1:4" ht="18" customHeight="1" x14ac:dyDescent="0.2">
      <c r="A77" s="31" t="s">
        <v>78</v>
      </c>
      <c r="B77" s="27">
        <v>61</v>
      </c>
      <c r="C77" s="28">
        <v>60</v>
      </c>
      <c r="D77" s="29">
        <v>121</v>
      </c>
    </row>
    <row r="78" spans="1:4" ht="18" customHeight="1" x14ac:dyDescent="0.2">
      <c r="A78" s="31">
        <v>60</v>
      </c>
      <c r="B78" s="27">
        <v>12</v>
      </c>
      <c r="C78" s="28">
        <v>14</v>
      </c>
      <c r="D78" s="29">
        <v>26</v>
      </c>
    </row>
    <row r="79" spans="1:4" ht="18" customHeight="1" x14ac:dyDescent="0.2">
      <c r="A79" s="31">
        <v>61</v>
      </c>
      <c r="B79" s="27">
        <v>15</v>
      </c>
      <c r="C79" s="28">
        <v>11</v>
      </c>
      <c r="D79" s="29">
        <v>26</v>
      </c>
    </row>
    <row r="80" spans="1:4" ht="18" customHeight="1" x14ac:dyDescent="0.2">
      <c r="A80" s="31">
        <v>62</v>
      </c>
      <c r="B80" s="27">
        <v>13</v>
      </c>
      <c r="C80" s="28">
        <v>18</v>
      </c>
      <c r="D80" s="29">
        <v>31</v>
      </c>
    </row>
    <row r="81" spans="1:4" ht="18" customHeight="1" x14ac:dyDescent="0.2">
      <c r="A81" s="31">
        <v>63</v>
      </c>
      <c r="B81" s="27">
        <v>9</v>
      </c>
      <c r="C81" s="28">
        <v>8</v>
      </c>
      <c r="D81" s="29">
        <v>17</v>
      </c>
    </row>
    <row r="82" spans="1:4" ht="18" customHeight="1" x14ac:dyDescent="0.2">
      <c r="A82" s="31">
        <v>64</v>
      </c>
      <c r="B82" s="27">
        <v>7</v>
      </c>
      <c r="C82" s="28">
        <v>8</v>
      </c>
      <c r="D82" s="29">
        <v>15</v>
      </c>
    </row>
    <row r="83" spans="1:4" ht="18" customHeight="1" x14ac:dyDescent="0.2">
      <c r="A83" s="31" t="s">
        <v>79</v>
      </c>
      <c r="B83" s="27">
        <v>56</v>
      </c>
      <c r="C83" s="28">
        <v>59</v>
      </c>
      <c r="D83" s="29">
        <v>115</v>
      </c>
    </row>
    <row r="84" spans="1:4" ht="18" customHeight="1" x14ac:dyDescent="0.2">
      <c r="A84" s="31" t="s">
        <v>80</v>
      </c>
      <c r="B84" s="27">
        <v>449</v>
      </c>
      <c r="C84" s="28">
        <v>445</v>
      </c>
      <c r="D84" s="29">
        <v>894</v>
      </c>
    </row>
    <row r="85" spans="1:4" ht="18" customHeight="1" x14ac:dyDescent="0.2">
      <c r="A85" s="31">
        <v>65</v>
      </c>
      <c r="B85" s="27">
        <v>7</v>
      </c>
      <c r="C85" s="28">
        <v>8</v>
      </c>
      <c r="D85" s="29">
        <v>15</v>
      </c>
    </row>
    <row r="86" spans="1:4" ht="18" customHeight="1" x14ac:dyDescent="0.2">
      <c r="A86" s="31">
        <v>66</v>
      </c>
      <c r="B86" s="27">
        <v>7</v>
      </c>
      <c r="C86" s="28">
        <v>8</v>
      </c>
      <c r="D86" s="29">
        <v>15</v>
      </c>
    </row>
    <row r="87" spans="1:4" ht="18" customHeight="1" x14ac:dyDescent="0.2">
      <c r="A87" s="31">
        <v>67</v>
      </c>
      <c r="B87" s="27">
        <v>3</v>
      </c>
      <c r="C87" s="28">
        <v>6</v>
      </c>
      <c r="D87" s="29">
        <v>9</v>
      </c>
    </row>
    <row r="88" spans="1:4" ht="18" customHeight="1" x14ac:dyDescent="0.2">
      <c r="A88" s="31">
        <v>68</v>
      </c>
      <c r="B88" s="27">
        <v>11</v>
      </c>
      <c r="C88" s="28">
        <v>9</v>
      </c>
      <c r="D88" s="29">
        <v>20</v>
      </c>
    </row>
    <row r="89" spans="1:4" ht="18" customHeight="1" x14ac:dyDescent="0.2">
      <c r="A89" s="31">
        <v>69</v>
      </c>
      <c r="B89" s="27">
        <v>7</v>
      </c>
      <c r="C89" s="28">
        <v>6</v>
      </c>
      <c r="D89" s="29">
        <v>13</v>
      </c>
    </row>
    <row r="90" spans="1:4" ht="18" customHeight="1" x14ac:dyDescent="0.2">
      <c r="A90" s="31" t="s">
        <v>81</v>
      </c>
      <c r="B90" s="27">
        <v>35</v>
      </c>
      <c r="C90" s="28">
        <v>37</v>
      </c>
      <c r="D90" s="29">
        <v>72</v>
      </c>
    </row>
    <row r="91" spans="1:4" ht="18" customHeight="1" x14ac:dyDescent="0.2">
      <c r="A91" s="31">
        <v>70</v>
      </c>
      <c r="B91" s="27">
        <v>4</v>
      </c>
      <c r="C91" s="28">
        <v>9</v>
      </c>
      <c r="D91" s="29">
        <v>13</v>
      </c>
    </row>
    <row r="92" spans="1:4" ht="18" customHeight="1" x14ac:dyDescent="0.2">
      <c r="A92" s="31">
        <v>71</v>
      </c>
      <c r="B92" s="27">
        <v>9</v>
      </c>
      <c r="C92" s="28">
        <v>8</v>
      </c>
      <c r="D92" s="29">
        <v>17</v>
      </c>
    </row>
    <row r="93" spans="1:4" ht="18" customHeight="1" x14ac:dyDescent="0.2">
      <c r="A93" s="31">
        <v>72</v>
      </c>
      <c r="B93" s="27">
        <v>11</v>
      </c>
      <c r="C93" s="28">
        <v>4</v>
      </c>
      <c r="D93" s="29">
        <v>15</v>
      </c>
    </row>
    <row r="94" spans="1:4" ht="18" customHeight="1" x14ac:dyDescent="0.2">
      <c r="A94" s="31">
        <v>73</v>
      </c>
      <c r="B94" s="27">
        <v>8</v>
      </c>
      <c r="C94" s="28">
        <v>13</v>
      </c>
      <c r="D94" s="29">
        <v>21</v>
      </c>
    </row>
    <row r="95" spans="1:4" ht="18" customHeight="1" x14ac:dyDescent="0.2">
      <c r="A95" s="31">
        <v>74</v>
      </c>
      <c r="B95" s="27">
        <v>9</v>
      </c>
      <c r="C95" s="28">
        <v>4</v>
      </c>
      <c r="D95" s="29">
        <v>13</v>
      </c>
    </row>
    <row r="96" spans="1:4" ht="18" customHeight="1" x14ac:dyDescent="0.2">
      <c r="A96" s="31" t="s">
        <v>82</v>
      </c>
      <c r="B96" s="27">
        <v>41</v>
      </c>
      <c r="C96" s="28">
        <v>38</v>
      </c>
      <c r="D96" s="29">
        <v>79</v>
      </c>
    </row>
    <row r="97" spans="1:4" ht="18" customHeight="1" x14ac:dyDescent="0.2">
      <c r="A97" s="31">
        <v>75</v>
      </c>
      <c r="B97" s="27">
        <v>6</v>
      </c>
      <c r="C97" s="28">
        <v>12</v>
      </c>
      <c r="D97" s="29">
        <v>18</v>
      </c>
    </row>
    <row r="98" spans="1:4" ht="18" customHeight="1" x14ac:dyDescent="0.2">
      <c r="A98" s="31">
        <v>76</v>
      </c>
      <c r="B98" s="27">
        <v>12</v>
      </c>
      <c r="C98" s="28">
        <v>11</v>
      </c>
      <c r="D98" s="29">
        <v>23</v>
      </c>
    </row>
    <row r="99" spans="1:4" ht="18" customHeight="1" x14ac:dyDescent="0.2">
      <c r="A99" s="31">
        <v>77</v>
      </c>
      <c r="B99" s="27">
        <v>7</v>
      </c>
      <c r="C99" s="28">
        <v>13</v>
      </c>
      <c r="D99" s="29">
        <v>20</v>
      </c>
    </row>
    <row r="100" spans="1:4" ht="18" customHeight="1" x14ac:dyDescent="0.2">
      <c r="A100" s="31">
        <v>78</v>
      </c>
      <c r="B100" s="27">
        <v>9</v>
      </c>
      <c r="C100" s="28">
        <v>13</v>
      </c>
      <c r="D100" s="29">
        <v>22</v>
      </c>
    </row>
    <row r="101" spans="1:4" ht="18" customHeight="1" x14ac:dyDescent="0.2">
      <c r="A101" s="31">
        <v>79</v>
      </c>
      <c r="B101" s="27">
        <v>7</v>
      </c>
      <c r="C101" s="28">
        <v>9</v>
      </c>
      <c r="D101" s="29">
        <v>16</v>
      </c>
    </row>
    <row r="102" spans="1:4" ht="18" customHeight="1" x14ac:dyDescent="0.2">
      <c r="A102" s="31" t="s">
        <v>83</v>
      </c>
      <c r="B102" s="27">
        <v>41</v>
      </c>
      <c r="C102" s="28">
        <v>58</v>
      </c>
      <c r="D102" s="29">
        <v>99</v>
      </c>
    </row>
    <row r="103" spans="1:4" ht="18" customHeight="1" x14ac:dyDescent="0.2">
      <c r="A103" s="31">
        <v>80</v>
      </c>
      <c r="B103" s="27">
        <v>8</v>
      </c>
      <c r="C103" s="28">
        <v>10</v>
      </c>
      <c r="D103" s="29">
        <v>18</v>
      </c>
    </row>
    <row r="104" spans="1:4" ht="18" customHeight="1" x14ac:dyDescent="0.2">
      <c r="A104" s="31">
        <v>81</v>
      </c>
      <c r="B104" s="27">
        <v>5</v>
      </c>
      <c r="C104" s="28">
        <v>10</v>
      </c>
      <c r="D104" s="29">
        <v>15</v>
      </c>
    </row>
    <row r="105" spans="1:4" ht="18" customHeight="1" x14ac:dyDescent="0.2">
      <c r="A105" s="31">
        <v>82</v>
      </c>
      <c r="B105" s="27">
        <v>3</v>
      </c>
      <c r="C105" s="28">
        <v>6</v>
      </c>
      <c r="D105" s="29">
        <v>9</v>
      </c>
    </row>
    <row r="106" spans="1:4" ht="18" customHeight="1" x14ac:dyDescent="0.2">
      <c r="A106" s="31">
        <v>83</v>
      </c>
      <c r="B106" s="27">
        <v>5</v>
      </c>
      <c r="C106" s="28">
        <v>5</v>
      </c>
      <c r="D106" s="29">
        <v>10</v>
      </c>
    </row>
    <row r="107" spans="1:4" ht="18" customHeight="1" x14ac:dyDescent="0.2">
      <c r="A107" s="31">
        <v>84</v>
      </c>
      <c r="B107" s="27">
        <v>1</v>
      </c>
      <c r="C107" s="28">
        <v>4</v>
      </c>
      <c r="D107" s="29">
        <v>5</v>
      </c>
    </row>
    <row r="108" spans="1:4" ht="18" customHeight="1" x14ac:dyDescent="0.2">
      <c r="A108" s="31" t="s">
        <v>84</v>
      </c>
      <c r="B108" s="27">
        <v>22</v>
      </c>
      <c r="C108" s="28">
        <v>35</v>
      </c>
      <c r="D108" s="29">
        <v>57</v>
      </c>
    </row>
    <row r="109" spans="1:4" ht="18" customHeight="1" x14ac:dyDescent="0.2">
      <c r="A109" s="31">
        <v>85</v>
      </c>
      <c r="B109" s="27">
        <v>4</v>
      </c>
      <c r="C109" s="28">
        <v>3</v>
      </c>
      <c r="D109" s="29">
        <v>7</v>
      </c>
    </row>
    <row r="110" spans="1:4" ht="18" customHeight="1" x14ac:dyDescent="0.2">
      <c r="A110" s="31">
        <v>86</v>
      </c>
      <c r="B110" s="27">
        <v>3</v>
      </c>
      <c r="C110" s="28">
        <v>8</v>
      </c>
      <c r="D110" s="29">
        <v>11</v>
      </c>
    </row>
    <row r="111" spans="1:4" ht="18" customHeight="1" x14ac:dyDescent="0.2">
      <c r="A111" s="31">
        <v>87</v>
      </c>
      <c r="B111" s="27">
        <v>1</v>
      </c>
      <c r="C111" s="28">
        <v>2</v>
      </c>
      <c r="D111" s="29">
        <v>3</v>
      </c>
    </row>
    <row r="112" spans="1:4" ht="18" customHeight="1" x14ac:dyDescent="0.2">
      <c r="A112" s="31">
        <v>88</v>
      </c>
      <c r="B112" s="27">
        <v>4</v>
      </c>
      <c r="C112" s="28">
        <v>3</v>
      </c>
      <c r="D112" s="29">
        <v>7</v>
      </c>
    </row>
    <row r="113" spans="1:4" ht="18" customHeight="1" x14ac:dyDescent="0.2">
      <c r="A113" s="31">
        <v>89</v>
      </c>
      <c r="B113" s="27">
        <v>2</v>
      </c>
      <c r="C113" s="28">
        <v>2</v>
      </c>
      <c r="D113" s="29">
        <v>4</v>
      </c>
    </row>
    <row r="114" spans="1:4" ht="18" customHeight="1" x14ac:dyDescent="0.2">
      <c r="A114" s="31" t="s">
        <v>85</v>
      </c>
      <c r="B114" s="27">
        <v>14</v>
      </c>
      <c r="C114" s="28">
        <v>18</v>
      </c>
      <c r="D114" s="29">
        <v>32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86</v>
      </c>
      <c r="B120" s="27">
        <v>4</v>
      </c>
      <c r="C120" s="28">
        <v>6</v>
      </c>
      <c r="D120" s="29">
        <v>10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157</v>
      </c>
      <c r="C130" s="5">
        <v>195</v>
      </c>
      <c r="D130" s="6">
        <v>352</v>
      </c>
    </row>
    <row r="131" spans="1:4" ht="18" customHeight="1" x14ac:dyDescent="0.2">
      <c r="A131" s="33" t="s">
        <v>65</v>
      </c>
      <c r="B131" s="7">
        <v>699</v>
      </c>
      <c r="C131" s="8">
        <v>751</v>
      </c>
      <c r="D131" s="9">
        <v>145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68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2</v>
      </c>
      <c r="C6" s="28">
        <v>3</v>
      </c>
      <c r="D6" s="29">
        <v>5</v>
      </c>
    </row>
    <row r="7" spans="1:4" ht="18" customHeight="1" x14ac:dyDescent="0.2">
      <c r="A7" s="31">
        <v>2</v>
      </c>
      <c r="B7" s="35">
        <v>2</v>
      </c>
      <c r="C7" s="28">
        <v>0</v>
      </c>
      <c r="D7" s="29">
        <v>2</v>
      </c>
    </row>
    <row r="8" spans="1:4" ht="18" customHeight="1" x14ac:dyDescent="0.2">
      <c r="A8" s="31">
        <v>3</v>
      </c>
      <c r="B8" s="35">
        <v>1</v>
      </c>
      <c r="C8" s="28">
        <v>4</v>
      </c>
      <c r="D8" s="29">
        <v>5</v>
      </c>
    </row>
    <row r="9" spans="1:4" ht="18" customHeight="1" x14ac:dyDescent="0.2">
      <c r="A9" s="31">
        <v>4</v>
      </c>
      <c r="B9" s="36">
        <v>3</v>
      </c>
      <c r="C9" s="38">
        <v>1</v>
      </c>
      <c r="D9" s="40">
        <v>4</v>
      </c>
    </row>
    <row r="10" spans="1:4" ht="18" customHeight="1" x14ac:dyDescent="0.2">
      <c r="A10" s="31" t="s">
        <v>66</v>
      </c>
      <c r="B10" s="27">
        <v>9</v>
      </c>
      <c r="C10" s="28">
        <v>10</v>
      </c>
      <c r="D10" s="29">
        <v>19</v>
      </c>
    </row>
    <row r="11" spans="1:4" ht="18" customHeight="1" x14ac:dyDescent="0.2">
      <c r="A11" s="31">
        <v>5</v>
      </c>
      <c r="B11" s="35">
        <v>3</v>
      </c>
      <c r="C11" s="28">
        <v>1</v>
      </c>
      <c r="D11" s="29">
        <v>4</v>
      </c>
    </row>
    <row r="12" spans="1:4" ht="18" customHeight="1" x14ac:dyDescent="0.2">
      <c r="A12" s="31">
        <v>6</v>
      </c>
      <c r="B12" s="35">
        <v>3</v>
      </c>
      <c r="C12" s="28">
        <v>0</v>
      </c>
      <c r="D12" s="29">
        <v>3</v>
      </c>
    </row>
    <row r="13" spans="1:4" ht="18" customHeight="1" x14ac:dyDescent="0.2">
      <c r="A13" s="31">
        <v>7</v>
      </c>
      <c r="B13" s="35">
        <v>4</v>
      </c>
      <c r="C13" s="28">
        <v>2</v>
      </c>
      <c r="D13" s="29">
        <v>6</v>
      </c>
    </row>
    <row r="14" spans="1:4" ht="18" customHeight="1" x14ac:dyDescent="0.2">
      <c r="A14" s="31">
        <v>8</v>
      </c>
      <c r="B14" s="35">
        <v>3</v>
      </c>
      <c r="C14" s="28">
        <v>4</v>
      </c>
      <c r="D14" s="29">
        <v>7</v>
      </c>
    </row>
    <row r="15" spans="1:4" ht="18" customHeight="1" x14ac:dyDescent="0.2">
      <c r="A15" s="31">
        <v>9</v>
      </c>
      <c r="B15" s="35">
        <v>2</v>
      </c>
      <c r="C15" s="28">
        <v>4</v>
      </c>
      <c r="D15" s="29">
        <v>6</v>
      </c>
    </row>
    <row r="16" spans="1:4" ht="18" customHeight="1" x14ac:dyDescent="0.2">
      <c r="A16" s="31" t="s">
        <v>67</v>
      </c>
      <c r="B16" s="27">
        <v>15</v>
      </c>
      <c r="C16" s="28">
        <v>11</v>
      </c>
      <c r="D16" s="29">
        <v>26</v>
      </c>
    </row>
    <row r="17" spans="1:4" ht="18" customHeight="1" x14ac:dyDescent="0.2">
      <c r="A17" s="31">
        <v>10</v>
      </c>
      <c r="B17" s="27">
        <v>4</v>
      </c>
      <c r="C17" s="28">
        <v>5</v>
      </c>
      <c r="D17" s="29">
        <v>9</v>
      </c>
    </row>
    <row r="18" spans="1:4" ht="18" customHeight="1" x14ac:dyDescent="0.2">
      <c r="A18" s="31">
        <v>11</v>
      </c>
      <c r="B18" s="27">
        <v>4</v>
      </c>
      <c r="C18" s="28">
        <v>2</v>
      </c>
      <c r="D18" s="29">
        <v>6</v>
      </c>
    </row>
    <row r="19" spans="1:4" ht="18" customHeight="1" x14ac:dyDescent="0.2">
      <c r="A19" s="31">
        <v>12</v>
      </c>
      <c r="B19" s="27">
        <v>2</v>
      </c>
      <c r="C19" s="28">
        <v>4</v>
      </c>
      <c r="D19" s="29">
        <v>6</v>
      </c>
    </row>
    <row r="20" spans="1:4" ht="18" customHeight="1" x14ac:dyDescent="0.2">
      <c r="A20" s="31">
        <v>13</v>
      </c>
      <c r="B20" s="27">
        <v>1</v>
      </c>
      <c r="C20" s="28">
        <v>3</v>
      </c>
      <c r="D20" s="29">
        <v>4</v>
      </c>
    </row>
    <row r="21" spans="1:4" ht="18" customHeight="1" x14ac:dyDescent="0.2">
      <c r="A21" s="31">
        <v>14</v>
      </c>
      <c r="B21" s="27">
        <v>3</v>
      </c>
      <c r="C21" s="28">
        <v>4</v>
      </c>
      <c r="D21" s="29">
        <v>7</v>
      </c>
    </row>
    <row r="22" spans="1:4" ht="18" customHeight="1" x14ac:dyDescent="0.2">
      <c r="A22" s="31" t="s">
        <v>68</v>
      </c>
      <c r="B22" s="27">
        <v>14</v>
      </c>
      <c r="C22" s="28">
        <v>18</v>
      </c>
      <c r="D22" s="29">
        <v>32</v>
      </c>
    </row>
    <row r="23" spans="1:4" ht="18" customHeight="1" x14ac:dyDescent="0.2">
      <c r="A23" s="31" t="s">
        <v>69</v>
      </c>
      <c r="B23" s="27">
        <v>38</v>
      </c>
      <c r="C23" s="28">
        <v>39</v>
      </c>
      <c r="D23" s="29">
        <v>77</v>
      </c>
    </row>
    <row r="24" spans="1:4" ht="18" customHeight="1" x14ac:dyDescent="0.2">
      <c r="A24" s="31">
        <v>15</v>
      </c>
      <c r="B24" s="27">
        <v>5</v>
      </c>
      <c r="C24" s="28">
        <v>3</v>
      </c>
      <c r="D24" s="29">
        <v>8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2</v>
      </c>
      <c r="C26" s="28">
        <v>5</v>
      </c>
      <c r="D26" s="29">
        <v>7</v>
      </c>
    </row>
    <row r="27" spans="1:4" ht="18" customHeight="1" x14ac:dyDescent="0.2">
      <c r="A27" s="31">
        <v>18</v>
      </c>
      <c r="B27" s="27">
        <v>4</v>
      </c>
      <c r="C27" s="28">
        <v>2</v>
      </c>
      <c r="D27" s="29">
        <v>6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70</v>
      </c>
      <c r="B29" s="27">
        <v>13</v>
      </c>
      <c r="C29" s="28">
        <v>11</v>
      </c>
      <c r="D29" s="29">
        <v>24</v>
      </c>
    </row>
    <row r="30" spans="1:4" ht="18" customHeight="1" x14ac:dyDescent="0.2">
      <c r="A30" s="31">
        <v>20</v>
      </c>
      <c r="B30" s="27">
        <v>4</v>
      </c>
      <c r="C30" s="28">
        <v>5</v>
      </c>
      <c r="D30" s="29">
        <v>9</v>
      </c>
    </row>
    <row r="31" spans="1:4" ht="18" customHeight="1" x14ac:dyDescent="0.2">
      <c r="A31" s="31">
        <v>21</v>
      </c>
      <c r="B31" s="27">
        <v>2</v>
      </c>
      <c r="C31" s="28">
        <v>2</v>
      </c>
      <c r="D31" s="29">
        <v>4</v>
      </c>
    </row>
    <row r="32" spans="1:4" ht="18" customHeight="1" x14ac:dyDescent="0.2">
      <c r="A32" s="31">
        <v>22</v>
      </c>
      <c r="B32" s="27">
        <v>0</v>
      </c>
      <c r="C32" s="28">
        <v>5</v>
      </c>
      <c r="D32" s="29">
        <v>5</v>
      </c>
    </row>
    <row r="33" spans="1:4" ht="18" customHeight="1" x14ac:dyDescent="0.2">
      <c r="A33" s="31">
        <v>23</v>
      </c>
      <c r="B33" s="27">
        <v>3</v>
      </c>
      <c r="C33" s="28">
        <v>3</v>
      </c>
      <c r="D33" s="29">
        <v>6</v>
      </c>
    </row>
    <row r="34" spans="1:4" ht="18" customHeight="1" x14ac:dyDescent="0.2">
      <c r="A34" s="31">
        <v>24</v>
      </c>
      <c r="B34" s="27">
        <v>5</v>
      </c>
      <c r="C34" s="28">
        <v>3</v>
      </c>
      <c r="D34" s="29">
        <v>8</v>
      </c>
    </row>
    <row r="35" spans="1:4" ht="18" customHeight="1" x14ac:dyDescent="0.2">
      <c r="A35" s="31" t="s">
        <v>71</v>
      </c>
      <c r="B35" s="27">
        <v>14</v>
      </c>
      <c r="C35" s="28">
        <v>18</v>
      </c>
      <c r="D35" s="29">
        <v>32</v>
      </c>
    </row>
    <row r="36" spans="1:4" ht="18" customHeight="1" x14ac:dyDescent="0.2">
      <c r="A36" s="31">
        <v>25</v>
      </c>
      <c r="B36" s="27">
        <v>5</v>
      </c>
      <c r="C36" s="28">
        <v>4</v>
      </c>
      <c r="D36" s="29">
        <v>9</v>
      </c>
    </row>
    <row r="37" spans="1:4" ht="18" customHeight="1" x14ac:dyDescent="0.2">
      <c r="A37" s="31">
        <v>26</v>
      </c>
      <c r="B37" s="27">
        <v>4</v>
      </c>
      <c r="C37" s="28">
        <v>4</v>
      </c>
      <c r="D37" s="29">
        <v>8</v>
      </c>
    </row>
    <row r="38" spans="1:4" ht="18" customHeight="1" x14ac:dyDescent="0.2">
      <c r="A38" s="31">
        <v>27</v>
      </c>
      <c r="B38" s="27">
        <v>4</v>
      </c>
      <c r="C38" s="28">
        <v>7</v>
      </c>
      <c r="D38" s="29">
        <v>11</v>
      </c>
    </row>
    <row r="39" spans="1:4" ht="18" customHeight="1" x14ac:dyDescent="0.2">
      <c r="A39" s="31">
        <v>28</v>
      </c>
      <c r="B39" s="27">
        <v>9</v>
      </c>
      <c r="C39" s="28">
        <v>4</v>
      </c>
      <c r="D39" s="29">
        <v>13</v>
      </c>
    </row>
    <row r="40" spans="1:4" ht="18" customHeight="1" x14ac:dyDescent="0.2">
      <c r="A40" s="31">
        <v>29</v>
      </c>
      <c r="B40" s="27">
        <v>11</v>
      </c>
      <c r="C40" s="28">
        <v>1</v>
      </c>
      <c r="D40" s="29">
        <v>12</v>
      </c>
    </row>
    <row r="41" spans="1:4" ht="18" customHeight="1" x14ac:dyDescent="0.2">
      <c r="A41" s="31" t="s">
        <v>72</v>
      </c>
      <c r="B41" s="27">
        <v>33</v>
      </c>
      <c r="C41" s="28">
        <v>20</v>
      </c>
      <c r="D41" s="29">
        <v>53</v>
      </c>
    </row>
    <row r="42" spans="1:4" ht="18" customHeight="1" x14ac:dyDescent="0.2">
      <c r="A42" s="31">
        <v>30</v>
      </c>
      <c r="B42" s="27">
        <v>5</v>
      </c>
      <c r="C42" s="28">
        <v>3</v>
      </c>
      <c r="D42" s="29">
        <v>8</v>
      </c>
    </row>
    <row r="43" spans="1:4" ht="18" customHeight="1" x14ac:dyDescent="0.2">
      <c r="A43" s="31">
        <v>31</v>
      </c>
      <c r="B43" s="27">
        <v>3</v>
      </c>
      <c r="C43" s="28">
        <v>8</v>
      </c>
      <c r="D43" s="29">
        <v>11</v>
      </c>
    </row>
    <row r="44" spans="1:4" ht="18" customHeight="1" x14ac:dyDescent="0.2">
      <c r="A44" s="31">
        <v>32</v>
      </c>
      <c r="B44" s="27">
        <v>5</v>
      </c>
      <c r="C44" s="28">
        <v>6</v>
      </c>
      <c r="D44" s="29">
        <v>11</v>
      </c>
    </row>
    <row r="45" spans="1:4" ht="18" customHeight="1" x14ac:dyDescent="0.2">
      <c r="A45" s="31">
        <v>33</v>
      </c>
      <c r="B45" s="27">
        <v>8</v>
      </c>
      <c r="C45" s="28">
        <v>2</v>
      </c>
      <c r="D45" s="29">
        <v>10</v>
      </c>
    </row>
    <row r="46" spans="1:4" ht="18" customHeight="1" x14ac:dyDescent="0.2">
      <c r="A46" s="31">
        <v>34</v>
      </c>
      <c r="B46" s="27">
        <v>4</v>
      </c>
      <c r="C46" s="28">
        <v>3</v>
      </c>
      <c r="D46" s="29">
        <v>7</v>
      </c>
    </row>
    <row r="47" spans="1:4" ht="18" customHeight="1" x14ac:dyDescent="0.2">
      <c r="A47" s="31" t="s">
        <v>73</v>
      </c>
      <c r="B47" s="27">
        <v>25</v>
      </c>
      <c r="C47" s="28">
        <v>22</v>
      </c>
      <c r="D47" s="29">
        <v>47</v>
      </c>
    </row>
    <row r="48" spans="1:4" ht="18" customHeight="1" x14ac:dyDescent="0.2">
      <c r="A48" s="31">
        <v>35</v>
      </c>
      <c r="B48" s="27">
        <v>8</v>
      </c>
      <c r="C48" s="28">
        <v>7</v>
      </c>
      <c r="D48" s="29">
        <v>15</v>
      </c>
    </row>
    <row r="49" spans="1:4" ht="18" customHeight="1" x14ac:dyDescent="0.2">
      <c r="A49" s="31">
        <v>36</v>
      </c>
      <c r="B49" s="27">
        <v>5</v>
      </c>
      <c r="C49" s="28">
        <v>3</v>
      </c>
      <c r="D49" s="29">
        <v>8</v>
      </c>
    </row>
    <row r="50" spans="1:4" ht="18" customHeight="1" x14ac:dyDescent="0.2">
      <c r="A50" s="31">
        <v>37</v>
      </c>
      <c r="B50" s="27">
        <v>5</v>
      </c>
      <c r="C50" s="28">
        <v>1</v>
      </c>
      <c r="D50" s="29">
        <v>6</v>
      </c>
    </row>
    <row r="51" spans="1:4" ht="18" customHeight="1" x14ac:dyDescent="0.2">
      <c r="A51" s="31">
        <v>38</v>
      </c>
      <c r="B51" s="27">
        <v>3</v>
      </c>
      <c r="C51" s="28">
        <v>3</v>
      </c>
      <c r="D51" s="29">
        <v>6</v>
      </c>
    </row>
    <row r="52" spans="1:4" ht="18" customHeight="1" x14ac:dyDescent="0.2">
      <c r="A52" s="31">
        <v>39</v>
      </c>
      <c r="B52" s="27">
        <v>4</v>
      </c>
      <c r="C52" s="28">
        <v>1</v>
      </c>
      <c r="D52" s="29">
        <v>5</v>
      </c>
    </row>
    <row r="53" spans="1:4" ht="18" customHeight="1" x14ac:dyDescent="0.2">
      <c r="A53" s="31" t="s">
        <v>74</v>
      </c>
      <c r="B53" s="27">
        <v>25</v>
      </c>
      <c r="C53" s="28">
        <v>15</v>
      </c>
      <c r="D53" s="29">
        <v>40</v>
      </c>
    </row>
    <row r="54" spans="1:4" ht="18" customHeight="1" x14ac:dyDescent="0.2">
      <c r="A54" s="31">
        <v>40</v>
      </c>
      <c r="B54" s="27">
        <v>6</v>
      </c>
      <c r="C54" s="28">
        <v>4</v>
      </c>
      <c r="D54" s="29">
        <v>10</v>
      </c>
    </row>
    <row r="55" spans="1:4" ht="18" customHeight="1" x14ac:dyDescent="0.2">
      <c r="A55" s="31">
        <v>41</v>
      </c>
      <c r="B55" s="27">
        <v>6</v>
      </c>
      <c r="C55" s="28">
        <v>3</v>
      </c>
      <c r="D55" s="29">
        <v>9</v>
      </c>
    </row>
    <row r="56" spans="1:4" ht="18" customHeight="1" x14ac:dyDescent="0.2">
      <c r="A56" s="31">
        <v>42</v>
      </c>
      <c r="B56" s="27">
        <v>2</v>
      </c>
      <c r="C56" s="28">
        <v>3</v>
      </c>
      <c r="D56" s="29">
        <v>5</v>
      </c>
    </row>
    <row r="57" spans="1:4" ht="18" customHeight="1" x14ac:dyDescent="0.2">
      <c r="A57" s="31">
        <v>43</v>
      </c>
      <c r="B57" s="27">
        <v>5</v>
      </c>
      <c r="C57" s="28">
        <v>2</v>
      </c>
      <c r="D57" s="29">
        <v>7</v>
      </c>
    </row>
    <row r="58" spans="1:4" ht="18" customHeight="1" x14ac:dyDescent="0.2">
      <c r="A58" s="31">
        <v>44</v>
      </c>
      <c r="B58" s="27">
        <v>4</v>
      </c>
      <c r="C58" s="28">
        <v>5</v>
      </c>
      <c r="D58" s="29">
        <v>9</v>
      </c>
    </row>
    <row r="59" spans="1:4" ht="18" customHeight="1" x14ac:dyDescent="0.2">
      <c r="A59" s="31" t="s">
        <v>75</v>
      </c>
      <c r="B59" s="27">
        <v>23</v>
      </c>
      <c r="C59" s="28">
        <v>17</v>
      </c>
      <c r="D59" s="29">
        <v>40</v>
      </c>
    </row>
    <row r="60" spans="1:4" ht="18" customHeight="1" x14ac:dyDescent="0.2">
      <c r="A60" s="31">
        <v>45</v>
      </c>
      <c r="B60" s="27">
        <v>5</v>
      </c>
      <c r="C60" s="28">
        <v>7</v>
      </c>
      <c r="D60" s="29">
        <v>12</v>
      </c>
    </row>
    <row r="61" spans="1:4" ht="18" customHeight="1" x14ac:dyDescent="0.2">
      <c r="A61" s="31">
        <v>46</v>
      </c>
      <c r="B61" s="27">
        <v>4</v>
      </c>
      <c r="C61" s="28">
        <v>5</v>
      </c>
      <c r="D61" s="29">
        <v>9</v>
      </c>
    </row>
    <row r="62" spans="1:4" ht="18" customHeight="1" x14ac:dyDescent="0.2">
      <c r="A62" s="31">
        <v>47</v>
      </c>
      <c r="B62" s="27">
        <v>5</v>
      </c>
      <c r="C62" s="28">
        <v>3</v>
      </c>
      <c r="D62" s="29">
        <v>8</v>
      </c>
    </row>
    <row r="63" spans="1:4" ht="18" customHeight="1" x14ac:dyDescent="0.2">
      <c r="A63" s="31">
        <v>48</v>
      </c>
      <c r="B63" s="27">
        <v>6</v>
      </c>
      <c r="C63" s="28">
        <v>6</v>
      </c>
      <c r="D63" s="29">
        <v>12</v>
      </c>
    </row>
    <row r="64" spans="1:4" ht="18" customHeight="1" x14ac:dyDescent="0.2">
      <c r="A64" s="31">
        <v>49</v>
      </c>
      <c r="B64" s="27">
        <v>7</v>
      </c>
      <c r="C64" s="28">
        <v>3</v>
      </c>
      <c r="D64" s="29">
        <v>10</v>
      </c>
    </row>
    <row r="65" spans="1:4" ht="18" customHeight="1" x14ac:dyDescent="0.2">
      <c r="A65" s="31" t="s">
        <v>76</v>
      </c>
      <c r="B65" s="27">
        <v>27</v>
      </c>
      <c r="C65" s="28">
        <v>24</v>
      </c>
      <c r="D65" s="29">
        <v>51</v>
      </c>
    </row>
    <row r="66" spans="1:4" ht="18" customHeight="1" x14ac:dyDescent="0.2">
      <c r="A66" s="31">
        <v>50</v>
      </c>
      <c r="B66" s="27">
        <v>1</v>
      </c>
      <c r="C66" s="28">
        <v>5</v>
      </c>
      <c r="D66" s="29">
        <v>6</v>
      </c>
    </row>
    <row r="67" spans="1:4" ht="18" customHeight="1" x14ac:dyDescent="0.2">
      <c r="A67" s="31">
        <v>51</v>
      </c>
      <c r="B67" s="27">
        <v>6</v>
      </c>
      <c r="C67" s="28">
        <v>5</v>
      </c>
      <c r="D67" s="29">
        <v>11</v>
      </c>
    </row>
    <row r="68" spans="1:4" ht="18" customHeight="1" x14ac:dyDescent="0.2">
      <c r="A68" s="31">
        <v>52</v>
      </c>
      <c r="B68" s="27">
        <v>6</v>
      </c>
      <c r="C68" s="28">
        <v>8</v>
      </c>
      <c r="D68" s="29">
        <v>14</v>
      </c>
    </row>
    <row r="69" spans="1:4" ht="18" customHeight="1" x14ac:dyDescent="0.2">
      <c r="A69" s="31">
        <v>53</v>
      </c>
      <c r="B69" s="27">
        <v>8</v>
      </c>
      <c r="C69" s="28">
        <v>5</v>
      </c>
      <c r="D69" s="29">
        <v>13</v>
      </c>
    </row>
    <row r="70" spans="1:4" ht="18" customHeight="1" x14ac:dyDescent="0.2">
      <c r="A70" s="31">
        <v>54</v>
      </c>
      <c r="B70" s="27">
        <v>7</v>
      </c>
      <c r="C70" s="28">
        <v>13</v>
      </c>
      <c r="D70" s="29">
        <v>20</v>
      </c>
    </row>
    <row r="71" spans="1:4" ht="18" customHeight="1" x14ac:dyDescent="0.2">
      <c r="A71" s="31" t="s">
        <v>77</v>
      </c>
      <c r="B71" s="27">
        <v>28</v>
      </c>
      <c r="C71" s="28">
        <v>36</v>
      </c>
      <c r="D71" s="29">
        <v>64</v>
      </c>
    </row>
    <row r="72" spans="1:4" ht="18" customHeight="1" x14ac:dyDescent="0.2">
      <c r="A72" s="31">
        <v>55</v>
      </c>
      <c r="B72" s="27">
        <v>8</v>
      </c>
      <c r="C72" s="28">
        <v>11</v>
      </c>
      <c r="D72" s="29">
        <v>19</v>
      </c>
    </row>
    <row r="73" spans="1:4" ht="18" customHeight="1" x14ac:dyDescent="0.2">
      <c r="A73" s="31">
        <v>56</v>
      </c>
      <c r="B73" s="27">
        <v>12</v>
      </c>
      <c r="C73" s="28">
        <v>8</v>
      </c>
      <c r="D73" s="29">
        <v>20</v>
      </c>
    </row>
    <row r="74" spans="1:4" ht="18" customHeight="1" x14ac:dyDescent="0.2">
      <c r="A74" s="31">
        <v>57</v>
      </c>
      <c r="B74" s="27">
        <v>11</v>
      </c>
      <c r="C74" s="28">
        <v>7</v>
      </c>
      <c r="D74" s="29">
        <v>18</v>
      </c>
    </row>
    <row r="75" spans="1:4" ht="18" customHeight="1" x14ac:dyDescent="0.2">
      <c r="A75" s="31">
        <v>58</v>
      </c>
      <c r="B75" s="27">
        <v>13</v>
      </c>
      <c r="C75" s="28">
        <v>7</v>
      </c>
      <c r="D75" s="29">
        <v>20</v>
      </c>
    </row>
    <row r="76" spans="1:4" ht="18" customHeight="1" x14ac:dyDescent="0.2">
      <c r="A76" s="31">
        <v>59</v>
      </c>
      <c r="B76" s="27">
        <v>14</v>
      </c>
      <c r="C76" s="28">
        <v>4</v>
      </c>
      <c r="D76" s="29">
        <v>18</v>
      </c>
    </row>
    <row r="77" spans="1:4" ht="18" customHeight="1" x14ac:dyDescent="0.2">
      <c r="A77" s="31" t="s">
        <v>78</v>
      </c>
      <c r="B77" s="27">
        <v>58</v>
      </c>
      <c r="C77" s="28">
        <v>37</v>
      </c>
      <c r="D77" s="29">
        <v>95</v>
      </c>
    </row>
    <row r="78" spans="1:4" ht="18" customHeight="1" x14ac:dyDescent="0.2">
      <c r="A78" s="31">
        <v>60</v>
      </c>
      <c r="B78" s="27">
        <v>8</v>
      </c>
      <c r="C78" s="28">
        <v>8</v>
      </c>
      <c r="D78" s="29">
        <v>16</v>
      </c>
    </row>
    <row r="79" spans="1:4" ht="18" customHeight="1" x14ac:dyDescent="0.2">
      <c r="A79" s="31">
        <v>61</v>
      </c>
      <c r="B79" s="27">
        <v>13</v>
      </c>
      <c r="C79" s="28">
        <v>8</v>
      </c>
      <c r="D79" s="29">
        <v>21</v>
      </c>
    </row>
    <row r="80" spans="1:4" ht="18" customHeight="1" x14ac:dyDescent="0.2">
      <c r="A80" s="31">
        <v>62</v>
      </c>
      <c r="B80" s="27">
        <v>9</v>
      </c>
      <c r="C80" s="28">
        <v>7</v>
      </c>
      <c r="D80" s="29">
        <v>16</v>
      </c>
    </row>
    <row r="81" spans="1:4" ht="18" customHeight="1" x14ac:dyDescent="0.2">
      <c r="A81" s="31">
        <v>63</v>
      </c>
      <c r="B81" s="27">
        <v>5</v>
      </c>
      <c r="C81" s="28">
        <v>6</v>
      </c>
      <c r="D81" s="29">
        <v>11</v>
      </c>
    </row>
    <row r="82" spans="1:4" ht="18" customHeight="1" x14ac:dyDescent="0.2">
      <c r="A82" s="31">
        <v>64</v>
      </c>
      <c r="B82" s="27">
        <v>5</v>
      </c>
      <c r="C82" s="28">
        <v>5</v>
      </c>
      <c r="D82" s="29">
        <v>10</v>
      </c>
    </row>
    <row r="83" spans="1:4" ht="18" customHeight="1" x14ac:dyDescent="0.2">
      <c r="A83" s="31" t="s">
        <v>79</v>
      </c>
      <c r="B83" s="27">
        <v>40</v>
      </c>
      <c r="C83" s="28">
        <v>34</v>
      </c>
      <c r="D83" s="29">
        <v>74</v>
      </c>
    </row>
    <row r="84" spans="1:4" ht="18" customHeight="1" x14ac:dyDescent="0.2">
      <c r="A84" s="31" t="s">
        <v>80</v>
      </c>
      <c r="B84" s="27">
        <v>286</v>
      </c>
      <c r="C84" s="28">
        <v>234</v>
      </c>
      <c r="D84" s="29">
        <v>520</v>
      </c>
    </row>
    <row r="85" spans="1:4" ht="18" customHeight="1" x14ac:dyDescent="0.2">
      <c r="A85" s="31">
        <v>65</v>
      </c>
      <c r="B85" s="27">
        <v>4</v>
      </c>
      <c r="C85" s="28">
        <v>5</v>
      </c>
      <c r="D85" s="29">
        <v>9</v>
      </c>
    </row>
    <row r="86" spans="1:4" ht="18" customHeight="1" x14ac:dyDescent="0.2">
      <c r="A86" s="31">
        <v>66</v>
      </c>
      <c r="B86" s="27">
        <v>11</v>
      </c>
      <c r="C86" s="28">
        <v>6</v>
      </c>
      <c r="D86" s="29">
        <v>17</v>
      </c>
    </row>
    <row r="87" spans="1:4" ht="18" customHeight="1" x14ac:dyDescent="0.2">
      <c r="A87" s="31">
        <v>67</v>
      </c>
      <c r="B87" s="27">
        <v>3</v>
      </c>
      <c r="C87" s="28">
        <v>8</v>
      </c>
      <c r="D87" s="29">
        <v>11</v>
      </c>
    </row>
    <row r="88" spans="1:4" ht="18" customHeight="1" x14ac:dyDescent="0.2">
      <c r="A88" s="31">
        <v>68</v>
      </c>
      <c r="B88" s="27">
        <v>7</v>
      </c>
      <c r="C88" s="28">
        <v>7</v>
      </c>
      <c r="D88" s="29">
        <v>14</v>
      </c>
    </row>
    <row r="89" spans="1:4" ht="18" customHeight="1" x14ac:dyDescent="0.2">
      <c r="A89" s="31">
        <v>69</v>
      </c>
      <c r="B89" s="27">
        <v>3</v>
      </c>
      <c r="C89" s="28">
        <v>4</v>
      </c>
      <c r="D89" s="29">
        <v>7</v>
      </c>
    </row>
    <row r="90" spans="1:4" ht="18" customHeight="1" x14ac:dyDescent="0.2">
      <c r="A90" s="31" t="s">
        <v>81</v>
      </c>
      <c r="B90" s="27">
        <v>28</v>
      </c>
      <c r="C90" s="28">
        <v>30</v>
      </c>
      <c r="D90" s="29">
        <v>58</v>
      </c>
    </row>
    <row r="91" spans="1:4" ht="18" customHeight="1" x14ac:dyDescent="0.2">
      <c r="A91" s="31">
        <v>70</v>
      </c>
      <c r="B91" s="27">
        <v>5</v>
      </c>
      <c r="C91" s="28">
        <v>6</v>
      </c>
      <c r="D91" s="29">
        <v>11</v>
      </c>
    </row>
    <row r="92" spans="1:4" ht="18" customHeight="1" x14ac:dyDescent="0.2">
      <c r="A92" s="31">
        <v>71</v>
      </c>
      <c r="B92" s="27">
        <v>5</v>
      </c>
      <c r="C92" s="28">
        <v>9</v>
      </c>
      <c r="D92" s="29">
        <v>14</v>
      </c>
    </row>
    <row r="93" spans="1:4" ht="18" customHeight="1" x14ac:dyDescent="0.2">
      <c r="A93" s="31">
        <v>72</v>
      </c>
      <c r="B93" s="27">
        <v>5</v>
      </c>
      <c r="C93" s="28">
        <v>7</v>
      </c>
      <c r="D93" s="29">
        <v>12</v>
      </c>
    </row>
    <row r="94" spans="1:4" ht="18" customHeight="1" x14ac:dyDescent="0.2">
      <c r="A94" s="31">
        <v>73</v>
      </c>
      <c r="B94" s="27">
        <v>5</v>
      </c>
      <c r="C94" s="28">
        <v>5</v>
      </c>
      <c r="D94" s="29">
        <v>10</v>
      </c>
    </row>
    <row r="95" spans="1:4" ht="18" customHeight="1" x14ac:dyDescent="0.2">
      <c r="A95" s="31">
        <v>74</v>
      </c>
      <c r="B95" s="27">
        <v>4</v>
      </c>
      <c r="C95" s="28">
        <v>9</v>
      </c>
      <c r="D95" s="29">
        <v>13</v>
      </c>
    </row>
    <row r="96" spans="1:4" ht="18" customHeight="1" x14ac:dyDescent="0.2">
      <c r="A96" s="31" t="s">
        <v>82</v>
      </c>
      <c r="B96" s="27">
        <v>24</v>
      </c>
      <c r="C96" s="28">
        <v>36</v>
      </c>
      <c r="D96" s="29">
        <v>60</v>
      </c>
    </row>
    <row r="97" spans="1:4" ht="18" customHeight="1" x14ac:dyDescent="0.2">
      <c r="A97" s="31">
        <v>75</v>
      </c>
      <c r="B97" s="27">
        <v>6</v>
      </c>
      <c r="C97" s="28">
        <v>5</v>
      </c>
      <c r="D97" s="29">
        <v>11</v>
      </c>
    </row>
    <row r="98" spans="1:4" ht="18" customHeight="1" x14ac:dyDescent="0.2">
      <c r="A98" s="31">
        <v>76</v>
      </c>
      <c r="B98" s="27">
        <v>7</v>
      </c>
      <c r="C98" s="28">
        <v>12</v>
      </c>
      <c r="D98" s="29">
        <v>19</v>
      </c>
    </row>
    <row r="99" spans="1:4" ht="18" customHeight="1" x14ac:dyDescent="0.2">
      <c r="A99" s="31">
        <v>77</v>
      </c>
      <c r="B99" s="27">
        <v>7</v>
      </c>
      <c r="C99" s="28">
        <v>6</v>
      </c>
      <c r="D99" s="29">
        <v>13</v>
      </c>
    </row>
    <row r="100" spans="1:4" ht="18" customHeight="1" x14ac:dyDescent="0.2">
      <c r="A100" s="31">
        <v>78</v>
      </c>
      <c r="B100" s="27">
        <v>8</v>
      </c>
      <c r="C100" s="28">
        <v>10</v>
      </c>
      <c r="D100" s="29">
        <v>18</v>
      </c>
    </row>
    <row r="101" spans="1:4" ht="18" customHeight="1" x14ac:dyDescent="0.2">
      <c r="A101" s="31">
        <v>79</v>
      </c>
      <c r="B101" s="27">
        <v>4</v>
      </c>
      <c r="C101" s="28">
        <v>11</v>
      </c>
      <c r="D101" s="29">
        <v>15</v>
      </c>
    </row>
    <row r="102" spans="1:4" ht="18" customHeight="1" x14ac:dyDescent="0.2">
      <c r="A102" s="31" t="s">
        <v>83</v>
      </c>
      <c r="B102" s="27">
        <v>32</v>
      </c>
      <c r="C102" s="28">
        <v>44</v>
      </c>
      <c r="D102" s="29">
        <v>76</v>
      </c>
    </row>
    <row r="103" spans="1:4" ht="18" customHeight="1" x14ac:dyDescent="0.2">
      <c r="A103" s="31">
        <v>80</v>
      </c>
      <c r="B103" s="27">
        <v>5</v>
      </c>
      <c r="C103" s="28">
        <v>13</v>
      </c>
      <c r="D103" s="29">
        <v>18</v>
      </c>
    </row>
    <row r="104" spans="1:4" ht="18" customHeight="1" x14ac:dyDescent="0.2">
      <c r="A104" s="31">
        <v>81</v>
      </c>
      <c r="B104" s="27">
        <v>7</v>
      </c>
      <c r="C104" s="28">
        <v>11</v>
      </c>
      <c r="D104" s="29">
        <v>18</v>
      </c>
    </row>
    <row r="105" spans="1:4" ht="18" customHeight="1" x14ac:dyDescent="0.2">
      <c r="A105" s="31">
        <v>82</v>
      </c>
      <c r="B105" s="27">
        <v>4</v>
      </c>
      <c r="C105" s="28">
        <v>8</v>
      </c>
      <c r="D105" s="29">
        <v>12</v>
      </c>
    </row>
    <row r="106" spans="1:4" ht="18" customHeight="1" x14ac:dyDescent="0.2">
      <c r="A106" s="31">
        <v>83</v>
      </c>
      <c r="B106" s="27">
        <v>3</v>
      </c>
      <c r="C106" s="28">
        <v>10</v>
      </c>
      <c r="D106" s="29">
        <v>13</v>
      </c>
    </row>
    <row r="107" spans="1:4" ht="18" customHeight="1" x14ac:dyDescent="0.2">
      <c r="A107" s="31">
        <v>84</v>
      </c>
      <c r="B107" s="27">
        <v>1</v>
      </c>
      <c r="C107" s="28">
        <v>10</v>
      </c>
      <c r="D107" s="29">
        <v>11</v>
      </c>
    </row>
    <row r="108" spans="1:4" ht="18" customHeight="1" x14ac:dyDescent="0.2">
      <c r="A108" s="31" t="s">
        <v>84</v>
      </c>
      <c r="B108" s="27">
        <v>20</v>
      </c>
      <c r="C108" s="28">
        <v>52</v>
      </c>
      <c r="D108" s="29">
        <v>72</v>
      </c>
    </row>
    <row r="109" spans="1:4" ht="18" customHeight="1" x14ac:dyDescent="0.2">
      <c r="A109" s="31">
        <v>85</v>
      </c>
      <c r="B109" s="27">
        <v>5</v>
      </c>
      <c r="C109" s="28">
        <v>5</v>
      </c>
      <c r="D109" s="29">
        <v>10</v>
      </c>
    </row>
    <row r="110" spans="1:4" ht="18" customHeight="1" x14ac:dyDescent="0.2">
      <c r="A110" s="31">
        <v>86</v>
      </c>
      <c r="B110" s="27">
        <v>2</v>
      </c>
      <c r="C110" s="28">
        <v>10</v>
      </c>
      <c r="D110" s="29">
        <v>12</v>
      </c>
    </row>
    <row r="111" spans="1:4" ht="18" customHeight="1" x14ac:dyDescent="0.2">
      <c r="A111" s="31">
        <v>87</v>
      </c>
      <c r="B111" s="27">
        <v>3</v>
      </c>
      <c r="C111" s="28">
        <v>9</v>
      </c>
      <c r="D111" s="29">
        <v>12</v>
      </c>
    </row>
    <row r="112" spans="1:4" ht="18" customHeight="1" x14ac:dyDescent="0.2">
      <c r="A112" s="31">
        <v>88</v>
      </c>
      <c r="B112" s="27">
        <v>2</v>
      </c>
      <c r="C112" s="28">
        <v>9</v>
      </c>
      <c r="D112" s="29">
        <v>11</v>
      </c>
    </row>
    <row r="113" spans="1:4" ht="18" customHeight="1" x14ac:dyDescent="0.2">
      <c r="A113" s="31">
        <v>89</v>
      </c>
      <c r="B113" s="27">
        <v>2</v>
      </c>
      <c r="C113" s="28">
        <v>8</v>
      </c>
      <c r="D113" s="29">
        <v>10</v>
      </c>
    </row>
    <row r="114" spans="1:4" ht="18" customHeight="1" x14ac:dyDescent="0.2">
      <c r="A114" s="31" t="s">
        <v>85</v>
      </c>
      <c r="B114" s="27">
        <v>14</v>
      </c>
      <c r="C114" s="28">
        <v>41</v>
      </c>
      <c r="D114" s="29">
        <v>55</v>
      </c>
    </row>
    <row r="115" spans="1:4" ht="18" customHeight="1" x14ac:dyDescent="0.2">
      <c r="A115" s="31">
        <v>90</v>
      </c>
      <c r="B115" s="27">
        <v>2</v>
      </c>
      <c r="C115" s="28">
        <v>8</v>
      </c>
      <c r="D115" s="29">
        <v>10</v>
      </c>
    </row>
    <row r="116" spans="1:4" ht="18" customHeight="1" x14ac:dyDescent="0.2">
      <c r="A116" s="31">
        <v>91</v>
      </c>
      <c r="B116" s="27">
        <v>2</v>
      </c>
      <c r="C116" s="28">
        <v>3</v>
      </c>
      <c r="D116" s="29">
        <v>5</v>
      </c>
    </row>
    <row r="117" spans="1:4" ht="18" customHeight="1" x14ac:dyDescent="0.2">
      <c r="A117" s="31">
        <v>92</v>
      </c>
      <c r="B117" s="27">
        <v>2</v>
      </c>
      <c r="C117" s="28">
        <v>6</v>
      </c>
      <c r="D117" s="29">
        <v>8</v>
      </c>
    </row>
    <row r="118" spans="1:4" ht="18" customHeight="1" x14ac:dyDescent="0.2">
      <c r="A118" s="31">
        <v>93</v>
      </c>
      <c r="B118" s="27">
        <v>0</v>
      </c>
      <c r="C118" s="28">
        <v>4</v>
      </c>
      <c r="D118" s="29">
        <v>4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86</v>
      </c>
      <c r="B120" s="27">
        <v>7</v>
      </c>
      <c r="C120" s="28">
        <v>22</v>
      </c>
      <c r="D120" s="29">
        <v>29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87</v>
      </c>
      <c r="B126" s="27">
        <v>0</v>
      </c>
      <c r="C126" s="28">
        <v>11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90</v>
      </c>
      <c r="B130" s="4">
        <v>125</v>
      </c>
      <c r="C130" s="5">
        <v>238</v>
      </c>
      <c r="D130" s="6">
        <v>363</v>
      </c>
    </row>
    <row r="131" spans="1:4" ht="18" customHeight="1" x14ac:dyDescent="0.2">
      <c r="A131" s="33" t="s">
        <v>65</v>
      </c>
      <c r="B131" s="7">
        <v>449</v>
      </c>
      <c r="C131" s="8">
        <v>511</v>
      </c>
      <c r="D131" s="9">
        <v>96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6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9</v>
      </c>
      <c r="C5" s="12">
        <v>14</v>
      </c>
      <c r="D5" s="13">
        <v>33</v>
      </c>
    </row>
    <row r="6" spans="1:4" ht="18" customHeight="1" x14ac:dyDescent="0.2">
      <c r="A6" s="14">
        <v>1</v>
      </c>
      <c r="B6" s="15">
        <v>14</v>
      </c>
      <c r="C6" s="16">
        <v>32</v>
      </c>
      <c r="D6" s="17">
        <v>46</v>
      </c>
    </row>
    <row r="7" spans="1:4" ht="18" customHeight="1" x14ac:dyDescent="0.2">
      <c r="A7" s="14">
        <v>2</v>
      </c>
      <c r="B7" s="15">
        <v>17</v>
      </c>
      <c r="C7" s="16">
        <v>20</v>
      </c>
      <c r="D7" s="17">
        <v>37</v>
      </c>
    </row>
    <row r="8" spans="1:4" ht="18" customHeight="1" x14ac:dyDescent="0.2">
      <c r="A8" s="14">
        <v>3</v>
      </c>
      <c r="B8" s="15">
        <v>22</v>
      </c>
      <c r="C8" s="16">
        <v>23</v>
      </c>
      <c r="D8" s="17">
        <v>45</v>
      </c>
    </row>
    <row r="9" spans="1:4" ht="18" customHeight="1" x14ac:dyDescent="0.2">
      <c r="A9" s="14">
        <v>4</v>
      </c>
      <c r="B9" s="15">
        <v>23</v>
      </c>
      <c r="C9" s="16">
        <v>17</v>
      </c>
      <c r="D9" s="17">
        <v>40</v>
      </c>
    </row>
    <row r="10" spans="1:4" ht="18" customHeight="1" x14ac:dyDescent="0.2">
      <c r="A10" s="18" t="s">
        <v>66</v>
      </c>
      <c r="B10" s="15">
        <v>95</v>
      </c>
      <c r="C10" s="16">
        <v>106</v>
      </c>
      <c r="D10" s="17">
        <v>201</v>
      </c>
    </row>
    <row r="11" spans="1:4" ht="18" customHeight="1" x14ac:dyDescent="0.2">
      <c r="A11" s="14">
        <v>5</v>
      </c>
      <c r="B11" s="15">
        <v>20</v>
      </c>
      <c r="C11" s="16">
        <v>19</v>
      </c>
      <c r="D11" s="17">
        <v>39</v>
      </c>
    </row>
    <row r="12" spans="1:4" ht="18" customHeight="1" x14ac:dyDescent="0.2">
      <c r="A12" s="14">
        <v>6</v>
      </c>
      <c r="B12" s="15">
        <v>22</v>
      </c>
      <c r="C12" s="16">
        <v>24</v>
      </c>
      <c r="D12" s="17">
        <v>46</v>
      </c>
    </row>
    <row r="13" spans="1:4" ht="18" customHeight="1" x14ac:dyDescent="0.2">
      <c r="A13" s="14">
        <v>7</v>
      </c>
      <c r="B13" s="15">
        <v>20</v>
      </c>
      <c r="C13" s="16">
        <v>17</v>
      </c>
      <c r="D13" s="17">
        <v>37</v>
      </c>
    </row>
    <row r="14" spans="1:4" ht="18" customHeight="1" x14ac:dyDescent="0.2">
      <c r="A14" s="14">
        <v>8</v>
      </c>
      <c r="B14" s="15">
        <v>20</v>
      </c>
      <c r="C14" s="16">
        <v>17</v>
      </c>
      <c r="D14" s="17">
        <v>37</v>
      </c>
    </row>
    <row r="15" spans="1:4" ht="18" customHeight="1" x14ac:dyDescent="0.2">
      <c r="A15" s="14">
        <v>9</v>
      </c>
      <c r="B15" s="15">
        <v>22</v>
      </c>
      <c r="C15" s="16">
        <v>16</v>
      </c>
      <c r="D15" s="17">
        <v>38</v>
      </c>
    </row>
    <row r="16" spans="1:4" ht="18" customHeight="1" x14ac:dyDescent="0.2">
      <c r="A16" s="18" t="s">
        <v>67</v>
      </c>
      <c r="B16" s="15">
        <v>104</v>
      </c>
      <c r="C16" s="16">
        <v>93</v>
      </c>
      <c r="D16" s="17">
        <v>197</v>
      </c>
    </row>
    <row r="17" spans="1:4" ht="18" customHeight="1" x14ac:dyDescent="0.2">
      <c r="A17" s="14">
        <v>10</v>
      </c>
      <c r="B17" s="15">
        <v>15</v>
      </c>
      <c r="C17" s="16">
        <v>19</v>
      </c>
      <c r="D17" s="17">
        <v>34</v>
      </c>
    </row>
    <row r="18" spans="1:4" ht="18" customHeight="1" x14ac:dyDescent="0.2">
      <c r="A18" s="14">
        <v>11</v>
      </c>
      <c r="B18" s="15">
        <v>35</v>
      </c>
      <c r="C18" s="16">
        <v>16</v>
      </c>
      <c r="D18" s="17">
        <v>51</v>
      </c>
    </row>
    <row r="19" spans="1:4" ht="18" customHeight="1" x14ac:dyDescent="0.2">
      <c r="A19" s="14">
        <v>12</v>
      </c>
      <c r="B19" s="15">
        <v>30</v>
      </c>
      <c r="C19" s="16">
        <v>17</v>
      </c>
      <c r="D19" s="17">
        <v>47</v>
      </c>
    </row>
    <row r="20" spans="1:4" ht="18" customHeight="1" x14ac:dyDescent="0.2">
      <c r="A20" s="14">
        <v>13</v>
      </c>
      <c r="B20" s="15">
        <v>24</v>
      </c>
      <c r="C20" s="16">
        <v>18</v>
      </c>
      <c r="D20" s="17">
        <v>42</v>
      </c>
    </row>
    <row r="21" spans="1:4" ht="18" customHeight="1" x14ac:dyDescent="0.2">
      <c r="A21" s="14">
        <v>14</v>
      </c>
      <c r="B21" s="15">
        <v>23</v>
      </c>
      <c r="C21" s="16">
        <v>21</v>
      </c>
      <c r="D21" s="17">
        <v>44</v>
      </c>
    </row>
    <row r="22" spans="1:4" ht="18" customHeight="1" x14ac:dyDescent="0.2">
      <c r="A22" s="18" t="s">
        <v>68</v>
      </c>
      <c r="B22" s="15">
        <v>127</v>
      </c>
      <c r="C22" s="16">
        <v>91</v>
      </c>
      <c r="D22" s="17">
        <v>218</v>
      </c>
    </row>
    <row r="23" spans="1:4" ht="18" customHeight="1" x14ac:dyDescent="0.2">
      <c r="A23" s="18" t="s">
        <v>69</v>
      </c>
      <c r="B23" s="15">
        <v>326</v>
      </c>
      <c r="C23" s="16">
        <v>290</v>
      </c>
      <c r="D23" s="17">
        <v>616</v>
      </c>
    </row>
    <row r="24" spans="1:4" ht="18" customHeight="1" x14ac:dyDescent="0.2">
      <c r="A24" s="14">
        <v>15</v>
      </c>
      <c r="B24" s="15">
        <v>21</v>
      </c>
      <c r="C24" s="16">
        <v>20</v>
      </c>
      <c r="D24" s="17">
        <v>41</v>
      </c>
    </row>
    <row r="25" spans="1:4" ht="18" customHeight="1" x14ac:dyDescent="0.2">
      <c r="A25" s="14">
        <v>16</v>
      </c>
      <c r="B25" s="15">
        <v>23</v>
      </c>
      <c r="C25" s="16">
        <v>16</v>
      </c>
      <c r="D25" s="17">
        <v>39</v>
      </c>
    </row>
    <row r="26" spans="1:4" ht="18" customHeight="1" x14ac:dyDescent="0.2">
      <c r="A26" s="14">
        <v>17</v>
      </c>
      <c r="B26" s="15">
        <v>17</v>
      </c>
      <c r="C26" s="16">
        <v>34</v>
      </c>
      <c r="D26" s="17">
        <v>51</v>
      </c>
    </row>
    <row r="27" spans="1:4" ht="18" customHeight="1" x14ac:dyDescent="0.2">
      <c r="A27" s="14">
        <v>18</v>
      </c>
      <c r="B27" s="15">
        <v>22</v>
      </c>
      <c r="C27" s="16">
        <v>24</v>
      </c>
      <c r="D27" s="17">
        <v>46</v>
      </c>
    </row>
    <row r="28" spans="1:4" ht="18" customHeight="1" x14ac:dyDescent="0.2">
      <c r="A28" s="14">
        <v>19</v>
      </c>
      <c r="B28" s="15">
        <v>18</v>
      </c>
      <c r="C28" s="16">
        <v>27</v>
      </c>
      <c r="D28" s="17">
        <v>45</v>
      </c>
    </row>
    <row r="29" spans="1:4" ht="18" customHeight="1" x14ac:dyDescent="0.2">
      <c r="A29" s="18" t="s">
        <v>70</v>
      </c>
      <c r="B29" s="15">
        <v>101</v>
      </c>
      <c r="C29" s="16">
        <v>121</v>
      </c>
      <c r="D29" s="17">
        <v>222</v>
      </c>
    </row>
    <row r="30" spans="1:4" ht="18" customHeight="1" x14ac:dyDescent="0.2">
      <c r="A30" s="14">
        <v>20</v>
      </c>
      <c r="B30" s="15">
        <v>26</v>
      </c>
      <c r="C30" s="16">
        <v>29</v>
      </c>
      <c r="D30" s="17">
        <v>55</v>
      </c>
    </row>
    <row r="31" spans="1:4" ht="18" customHeight="1" x14ac:dyDescent="0.2">
      <c r="A31" s="14">
        <v>21</v>
      </c>
      <c r="B31" s="15">
        <v>27</v>
      </c>
      <c r="C31" s="16">
        <v>20</v>
      </c>
      <c r="D31" s="17">
        <v>47</v>
      </c>
    </row>
    <row r="32" spans="1:4" ht="18" customHeight="1" x14ac:dyDescent="0.2">
      <c r="A32" s="14">
        <v>22</v>
      </c>
      <c r="B32" s="15">
        <v>21</v>
      </c>
      <c r="C32" s="16">
        <v>27</v>
      </c>
      <c r="D32" s="17">
        <v>48</v>
      </c>
    </row>
    <row r="33" spans="1:4" ht="18" customHeight="1" x14ac:dyDescent="0.2">
      <c r="A33" s="14">
        <v>23</v>
      </c>
      <c r="B33" s="15">
        <v>29</v>
      </c>
      <c r="C33" s="16">
        <v>19</v>
      </c>
      <c r="D33" s="17">
        <v>48</v>
      </c>
    </row>
    <row r="34" spans="1:4" ht="18" customHeight="1" x14ac:dyDescent="0.2">
      <c r="A34" s="14">
        <v>24</v>
      </c>
      <c r="B34" s="15">
        <v>28</v>
      </c>
      <c r="C34" s="16">
        <v>12</v>
      </c>
      <c r="D34" s="17">
        <v>40</v>
      </c>
    </row>
    <row r="35" spans="1:4" ht="18" customHeight="1" x14ac:dyDescent="0.2">
      <c r="A35" s="18" t="s">
        <v>71</v>
      </c>
      <c r="B35" s="15">
        <v>131</v>
      </c>
      <c r="C35" s="16">
        <v>107</v>
      </c>
      <c r="D35" s="17">
        <v>238</v>
      </c>
    </row>
    <row r="36" spans="1:4" ht="18" customHeight="1" x14ac:dyDescent="0.2">
      <c r="A36" s="14">
        <v>25</v>
      </c>
      <c r="B36" s="15">
        <v>31</v>
      </c>
      <c r="C36" s="16">
        <v>25</v>
      </c>
      <c r="D36" s="17">
        <v>56</v>
      </c>
    </row>
    <row r="37" spans="1:4" ht="18" customHeight="1" x14ac:dyDescent="0.2">
      <c r="A37" s="14">
        <v>26</v>
      </c>
      <c r="B37" s="15">
        <v>31</v>
      </c>
      <c r="C37" s="16">
        <v>29</v>
      </c>
      <c r="D37" s="17">
        <v>60</v>
      </c>
    </row>
    <row r="38" spans="1:4" ht="18" customHeight="1" x14ac:dyDescent="0.2">
      <c r="A38" s="14">
        <v>27</v>
      </c>
      <c r="B38" s="15">
        <v>27</v>
      </c>
      <c r="C38" s="16">
        <v>30</v>
      </c>
      <c r="D38" s="17">
        <v>57</v>
      </c>
    </row>
    <row r="39" spans="1:4" ht="18" customHeight="1" x14ac:dyDescent="0.2">
      <c r="A39" s="14">
        <v>28</v>
      </c>
      <c r="B39" s="15">
        <v>31</v>
      </c>
      <c r="C39" s="16">
        <v>20</v>
      </c>
      <c r="D39" s="17">
        <v>51</v>
      </c>
    </row>
    <row r="40" spans="1:4" ht="18" customHeight="1" x14ac:dyDescent="0.2">
      <c r="A40" s="14">
        <v>29</v>
      </c>
      <c r="B40" s="15">
        <v>32</v>
      </c>
      <c r="C40" s="16">
        <v>21</v>
      </c>
      <c r="D40" s="17">
        <v>53</v>
      </c>
    </row>
    <row r="41" spans="1:4" ht="18" customHeight="1" x14ac:dyDescent="0.2">
      <c r="A41" s="18" t="s">
        <v>72</v>
      </c>
      <c r="B41" s="15">
        <v>152</v>
      </c>
      <c r="C41" s="16">
        <v>125</v>
      </c>
      <c r="D41" s="17">
        <v>277</v>
      </c>
    </row>
    <row r="42" spans="1:4" ht="18" customHeight="1" x14ac:dyDescent="0.2">
      <c r="A42" s="14">
        <v>30</v>
      </c>
      <c r="B42" s="15">
        <v>39</v>
      </c>
      <c r="C42" s="16">
        <v>35</v>
      </c>
      <c r="D42" s="17">
        <v>74</v>
      </c>
    </row>
    <row r="43" spans="1:4" ht="18" customHeight="1" x14ac:dyDescent="0.2">
      <c r="A43" s="14">
        <v>31</v>
      </c>
      <c r="B43" s="15">
        <v>33</v>
      </c>
      <c r="C43" s="16">
        <v>34</v>
      </c>
      <c r="D43" s="17">
        <v>67</v>
      </c>
    </row>
    <row r="44" spans="1:4" ht="18" customHeight="1" x14ac:dyDescent="0.2">
      <c r="A44" s="14">
        <v>32</v>
      </c>
      <c r="B44" s="15">
        <v>48</v>
      </c>
      <c r="C44" s="16">
        <v>34</v>
      </c>
      <c r="D44" s="17">
        <v>82</v>
      </c>
    </row>
    <row r="45" spans="1:4" ht="18" customHeight="1" x14ac:dyDescent="0.2">
      <c r="A45" s="14">
        <v>33</v>
      </c>
      <c r="B45" s="15">
        <v>43</v>
      </c>
      <c r="C45" s="16">
        <v>40</v>
      </c>
      <c r="D45" s="17">
        <v>83</v>
      </c>
    </row>
    <row r="46" spans="1:4" ht="18" customHeight="1" x14ac:dyDescent="0.2">
      <c r="A46" s="14">
        <v>34</v>
      </c>
      <c r="B46" s="15">
        <v>31</v>
      </c>
      <c r="C46" s="16">
        <v>40</v>
      </c>
      <c r="D46" s="17">
        <v>71</v>
      </c>
    </row>
    <row r="47" spans="1:4" ht="18" customHeight="1" x14ac:dyDescent="0.2">
      <c r="A47" s="18" t="s">
        <v>73</v>
      </c>
      <c r="B47" s="15">
        <v>194</v>
      </c>
      <c r="C47" s="16">
        <v>183</v>
      </c>
      <c r="D47" s="17">
        <v>377</v>
      </c>
    </row>
    <row r="48" spans="1:4" ht="18" customHeight="1" x14ac:dyDescent="0.2">
      <c r="A48" s="14">
        <v>35</v>
      </c>
      <c r="B48" s="15">
        <v>42</v>
      </c>
      <c r="C48" s="16">
        <v>40</v>
      </c>
      <c r="D48" s="17">
        <v>82</v>
      </c>
    </row>
    <row r="49" spans="1:4" ht="18" customHeight="1" x14ac:dyDescent="0.2">
      <c r="A49" s="14">
        <v>36</v>
      </c>
      <c r="B49" s="15">
        <v>42</v>
      </c>
      <c r="C49" s="16">
        <v>26</v>
      </c>
      <c r="D49" s="17">
        <v>68</v>
      </c>
    </row>
    <row r="50" spans="1:4" ht="18" customHeight="1" x14ac:dyDescent="0.2">
      <c r="A50" s="14">
        <v>37</v>
      </c>
      <c r="B50" s="15">
        <v>49</v>
      </c>
      <c r="C50" s="16">
        <v>50</v>
      </c>
      <c r="D50" s="17">
        <v>99</v>
      </c>
    </row>
    <row r="51" spans="1:4" ht="18" customHeight="1" x14ac:dyDescent="0.2">
      <c r="A51" s="14">
        <v>38</v>
      </c>
      <c r="B51" s="15">
        <v>47</v>
      </c>
      <c r="C51" s="16">
        <v>49</v>
      </c>
      <c r="D51" s="17">
        <v>96</v>
      </c>
    </row>
    <row r="52" spans="1:4" ht="18" customHeight="1" x14ac:dyDescent="0.2">
      <c r="A52" s="14">
        <v>39</v>
      </c>
      <c r="B52" s="15">
        <v>52</v>
      </c>
      <c r="C52" s="16">
        <v>33</v>
      </c>
      <c r="D52" s="17">
        <v>85</v>
      </c>
    </row>
    <row r="53" spans="1:4" ht="18" customHeight="1" x14ac:dyDescent="0.2">
      <c r="A53" s="18" t="s">
        <v>74</v>
      </c>
      <c r="B53" s="15">
        <v>232</v>
      </c>
      <c r="C53" s="16">
        <v>198</v>
      </c>
      <c r="D53" s="17">
        <v>430</v>
      </c>
    </row>
    <row r="54" spans="1:4" ht="18" customHeight="1" x14ac:dyDescent="0.2">
      <c r="A54" s="14">
        <v>40</v>
      </c>
      <c r="B54" s="15">
        <v>36</v>
      </c>
      <c r="C54" s="16">
        <v>41</v>
      </c>
      <c r="D54" s="17">
        <v>77</v>
      </c>
    </row>
    <row r="55" spans="1:4" ht="18" customHeight="1" x14ac:dyDescent="0.2">
      <c r="A55" s="14">
        <v>41</v>
      </c>
      <c r="B55" s="15">
        <v>64</v>
      </c>
      <c r="C55" s="16">
        <v>36</v>
      </c>
      <c r="D55" s="17">
        <v>100</v>
      </c>
    </row>
    <row r="56" spans="1:4" ht="18" customHeight="1" x14ac:dyDescent="0.2">
      <c r="A56" s="14">
        <v>42</v>
      </c>
      <c r="B56" s="15">
        <v>38</v>
      </c>
      <c r="C56" s="16">
        <v>33</v>
      </c>
      <c r="D56" s="17">
        <v>71</v>
      </c>
    </row>
    <row r="57" spans="1:4" ht="18" customHeight="1" x14ac:dyDescent="0.2">
      <c r="A57" s="14">
        <v>43</v>
      </c>
      <c r="B57" s="15">
        <v>38</v>
      </c>
      <c r="C57" s="16">
        <v>32</v>
      </c>
      <c r="D57" s="17">
        <v>70</v>
      </c>
    </row>
    <row r="58" spans="1:4" ht="18" customHeight="1" x14ac:dyDescent="0.2">
      <c r="A58" s="14">
        <v>44</v>
      </c>
      <c r="B58" s="15">
        <v>36</v>
      </c>
      <c r="C58" s="16">
        <v>50</v>
      </c>
      <c r="D58" s="17">
        <v>86</v>
      </c>
    </row>
    <row r="59" spans="1:4" ht="18" customHeight="1" x14ac:dyDescent="0.2">
      <c r="A59" s="18" t="s">
        <v>75</v>
      </c>
      <c r="B59" s="15">
        <v>212</v>
      </c>
      <c r="C59" s="16">
        <v>192</v>
      </c>
      <c r="D59" s="17">
        <v>404</v>
      </c>
    </row>
    <row r="60" spans="1:4" ht="18" customHeight="1" x14ac:dyDescent="0.2">
      <c r="A60" s="14">
        <v>45</v>
      </c>
      <c r="B60" s="15">
        <v>38</v>
      </c>
      <c r="C60" s="16">
        <v>35</v>
      </c>
      <c r="D60" s="17">
        <v>73</v>
      </c>
    </row>
    <row r="61" spans="1:4" ht="18" customHeight="1" x14ac:dyDescent="0.2">
      <c r="A61" s="14">
        <v>46</v>
      </c>
      <c r="B61" s="15">
        <v>40</v>
      </c>
      <c r="C61" s="16">
        <v>41</v>
      </c>
      <c r="D61" s="17">
        <v>81</v>
      </c>
    </row>
    <row r="62" spans="1:4" ht="18" customHeight="1" x14ac:dyDescent="0.2">
      <c r="A62" s="14">
        <v>47</v>
      </c>
      <c r="B62" s="15">
        <v>39</v>
      </c>
      <c r="C62" s="16">
        <v>38</v>
      </c>
      <c r="D62" s="17">
        <v>77</v>
      </c>
    </row>
    <row r="63" spans="1:4" ht="18" customHeight="1" x14ac:dyDescent="0.2">
      <c r="A63" s="14">
        <v>48</v>
      </c>
      <c r="B63" s="15">
        <v>39</v>
      </c>
      <c r="C63" s="16">
        <v>36</v>
      </c>
      <c r="D63" s="17">
        <v>75</v>
      </c>
    </row>
    <row r="64" spans="1:4" ht="18" customHeight="1" x14ac:dyDescent="0.2">
      <c r="A64" s="14">
        <v>49</v>
      </c>
      <c r="B64" s="15">
        <v>33</v>
      </c>
      <c r="C64" s="16">
        <v>40</v>
      </c>
      <c r="D64" s="17">
        <v>73</v>
      </c>
    </row>
    <row r="65" spans="1:4" ht="18" customHeight="1" x14ac:dyDescent="0.2">
      <c r="A65" s="18" t="s">
        <v>76</v>
      </c>
      <c r="B65" s="15">
        <v>189</v>
      </c>
      <c r="C65" s="16">
        <v>190</v>
      </c>
      <c r="D65" s="17">
        <v>379</v>
      </c>
    </row>
    <row r="66" spans="1:4" ht="18" customHeight="1" x14ac:dyDescent="0.2">
      <c r="A66" s="14">
        <v>50</v>
      </c>
      <c r="B66" s="15">
        <v>45</v>
      </c>
      <c r="C66" s="16">
        <v>43</v>
      </c>
      <c r="D66" s="17">
        <v>88</v>
      </c>
    </row>
    <row r="67" spans="1:4" ht="18" customHeight="1" x14ac:dyDescent="0.2">
      <c r="A67" s="14">
        <v>51</v>
      </c>
      <c r="B67" s="15">
        <v>36</v>
      </c>
      <c r="C67" s="16">
        <v>37</v>
      </c>
      <c r="D67" s="17">
        <v>73</v>
      </c>
    </row>
    <row r="68" spans="1:4" ht="18" customHeight="1" x14ac:dyDescent="0.2">
      <c r="A68" s="14">
        <v>52</v>
      </c>
      <c r="B68" s="15">
        <v>34</v>
      </c>
      <c r="C68" s="16">
        <v>37</v>
      </c>
      <c r="D68" s="17">
        <v>71</v>
      </c>
    </row>
    <row r="69" spans="1:4" ht="18" customHeight="1" x14ac:dyDescent="0.2">
      <c r="A69" s="14">
        <v>53</v>
      </c>
      <c r="B69" s="15">
        <v>39</v>
      </c>
      <c r="C69" s="16">
        <v>32</v>
      </c>
      <c r="D69" s="17">
        <v>71</v>
      </c>
    </row>
    <row r="70" spans="1:4" ht="18" customHeight="1" x14ac:dyDescent="0.2">
      <c r="A70" s="14">
        <v>54</v>
      </c>
      <c r="B70" s="15">
        <v>44</v>
      </c>
      <c r="C70" s="16">
        <v>38</v>
      </c>
      <c r="D70" s="17">
        <v>82</v>
      </c>
    </row>
    <row r="71" spans="1:4" ht="18" customHeight="1" x14ac:dyDescent="0.2">
      <c r="A71" s="18" t="s">
        <v>77</v>
      </c>
      <c r="B71" s="15">
        <v>198</v>
      </c>
      <c r="C71" s="16">
        <v>187</v>
      </c>
      <c r="D71" s="17">
        <v>385</v>
      </c>
    </row>
    <row r="72" spans="1:4" ht="18" customHeight="1" x14ac:dyDescent="0.2">
      <c r="A72" s="14">
        <v>55</v>
      </c>
      <c r="B72" s="15">
        <v>34</v>
      </c>
      <c r="C72" s="16">
        <v>45</v>
      </c>
      <c r="D72" s="17">
        <v>79</v>
      </c>
    </row>
    <row r="73" spans="1:4" ht="18" customHeight="1" x14ac:dyDescent="0.2">
      <c r="A73" s="14">
        <v>56</v>
      </c>
      <c r="B73" s="15">
        <v>41</v>
      </c>
      <c r="C73" s="16">
        <v>46</v>
      </c>
      <c r="D73" s="17">
        <v>87</v>
      </c>
    </row>
    <row r="74" spans="1:4" ht="18" customHeight="1" x14ac:dyDescent="0.2">
      <c r="A74" s="14">
        <v>57</v>
      </c>
      <c r="B74" s="15">
        <v>57</v>
      </c>
      <c r="C74" s="16">
        <v>37</v>
      </c>
      <c r="D74" s="17">
        <v>94</v>
      </c>
    </row>
    <row r="75" spans="1:4" ht="18" customHeight="1" x14ac:dyDescent="0.2">
      <c r="A75" s="14">
        <v>58</v>
      </c>
      <c r="B75" s="15">
        <v>41</v>
      </c>
      <c r="C75" s="16">
        <v>57</v>
      </c>
      <c r="D75" s="17">
        <v>98</v>
      </c>
    </row>
    <row r="76" spans="1:4" ht="18" customHeight="1" x14ac:dyDescent="0.2">
      <c r="A76" s="14">
        <v>59</v>
      </c>
      <c r="B76" s="15">
        <v>47</v>
      </c>
      <c r="C76" s="16">
        <v>49</v>
      </c>
      <c r="D76" s="17">
        <v>96</v>
      </c>
    </row>
    <row r="77" spans="1:4" ht="18" customHeight="1" x14ac:dyDescent="0.2">
      <c r="A77" s="18" t="s">
        <v>78</v>
      </c>
      <c r="B77" s="15">
        <v>220</v>
      </c>
      <c r="C77" s="16">
        <v>234</v>
      </c>
      <c r="D77" s="17">
        <v>454</v>
      </c>
    </row>
    <row r="78" spans="1:4" ht="18" customHeight="1" x14ac:dyDescent="0.2">
      <c r="A78" s="14">
        <v>60</v>
      </c>
      <c r="B78" s="15">
        <v>74</v>
      </c>
      <c r="C78" s="16">
        <v>48</v>
      </c>
      <c r="D78" s="17">
        <v>122</v>
      </c>
    </row>
    <row r="79" spans="1:4" ht="18" customHeight="1" x14ac:dyDescent="0.2">
      <c r="A79" s="14">
        <v>61</v>
      </c>
      <c r="B79" s="15">
        <v>61</v>
      </c>
      <c r="C79" s="16">
        <v>65</v>
      </c>
      <c r="D79" s="17">
        <v>126</v>
      </c>
    </row>
    <row r="80" spans="1:4" ht="18" customHeight="1" x14ac:dyDescent="0.2">
      <c r="A80" s="14">
        <v>62</v>
      </c>
      <c r="B80" s="15">
        <v>63</v>
      </c>
      <c r="C80" s="16">
        <v>73</v>
      </c>
      <c r="D80" s="17">
        <v>136</v>
      </c>
    </row>
    <row r="81" spans="1:4" ht="18" customHeight="1" x14ac:dyDescent="0.2">
      <c r="A81" s="14">
        <v>63</v>
      </c>
      <c r="B81" s="15">
        <v>30</v>
      </c>
      <c r="C81" s="16">
        <v>36</v>
      </c>
      <c r="D81" s="17">
        <v>66</v>
      </c>
    </row>
    <row r="82" spans="1:4" ht="18" customHeight="1" x14ac:dyDescent="0.2">
      <c r="A82" s="14">
        <v>64</v>
      </c>
      <c r="B82" s="15">
        <v>34</v>
      </c>
      <c r="C82" s="16">
        <v>37</v>
      </c>
      <c r="D82" s="17">
        <v>71</v>
      </c>
    </row>
    <row r="83" spans="1:4" ht="18" customHeight="1" x14ac:dyDescent="0.2">
      <c r="A83" s="18" t="s">
        <v>79</v>
      </c>
      <c r="B83" s="15">
        <v>262</v>
      </c>
      <c r="C83" s="16">
        <v>259</v>
      </c>
      <c r="D83" s="17">
        <v>521</v>
      </c>
    </row>
    <row r="84" spans="1:4" ht="18" customHeight="1" x14ac:dyDescent="0.2">
      <c r="A84" s="18" t="s">
        <v>80</v>
      </c>
      <c r="B84" s="15">
        <v>1891</v>
      </c>
      <c r="C84" s="16">
        <v>1796</v>
      </c>
      <c r="D84" s="17">
        <v>3687</v>
      </c>
    </row>
    <row r="85" spans="1:4" ht="18" customHeight="1" x14ac:dyDescent="0.2">
      <c r="A85" s="14">
        <v>65</v>
      </c>
      <c r="B85" s="15">
        <v>57</v>
      </c>
      <c r="C85" s="16">
        <v>58</v>
      </c>
      <c r="D85" s="17">
        <v>115</v>
      </c>
    </row>
    <row r="86" spans="1:4" ht="18" customHeight="1" x14ac:dyDescent="0.2">
      <c r="A86" s="14">
        <v>66</v>
      </c>
      <c r="B86" s="15">
        <v>53</v>
      </c>
      <c r="C86" s="16">
        <v>58</v>
      </c>
      <c r="D86" s="17">
        <v>111</v>
      </c>
    </row>
    <row r="87" spans="1:4" ht="18" customHeight="1" x14ac:dyDescent="0.2">
      <c r="A87" s="14">
        <v>67</v>
      </c>
      <c r="B87" s="15">
        <v>62</v>
      </c>
      <c r="C87" s="16">
        <v>54</v>
      </c>
      <c r="D87" s="17">
        <v>116</v>
      </c>
    </row>
    <row r="88" spans="1:4" ht="18" customHeight="1" x14ac:dyDescent="0.2">
      <c r="A88" s="14">
        <v>68</v>
      </c>
      <c r="B88" s="15">
        <v>47</v>
      </c>
      <c r="C88" s="16">
        <v>56</v>
      </c>
      <c r="D88" s="17">
        <v>103</v>
      </c>
    </row>
    <row r="89" spans="1:4" ht="18" customHeight="1" x14ac:dyDescent="0.2">
      <c r="A89" s="14">
        <v>69</v>
      </c>
      <c r="B89" s="15">
        <v>40</v>
      </c>
      <c r="C89" s="16">
        <v>43</v>
      </c>
      <c r="D89" s="17">
        <v>83</v>
      </c>
    </row>
    <row r="90" spans="1:4" ht="18" customHeight="1" x14ac:dyDescent="0.2">
      <c r="A90" s="18" t="s">
        <v>81</v>
      </c>
      <c r="B90" s="15">
        <v>259</v>
      </c>
      <c r="C90" s="16">
        <v>269</v>
      </c>
      <c r="D90" s="17">
        <v>528</v>
      </c>
    </row>
    <row r="91" spans="1:4" ht="18" customHeight="1" x14ac:dyDescent="0.2">
      <c r="A91" s="14">
        <v>70</v>
      </c>
      <c r="B91" s="15">
        <v>34</v>
      </c>
      <c r="C91" s="16">
        <v>43</v>
      </c>
      <c r="D91" s="17">
        <v>77</v>
      </c>
    </row>
    <row r="92" spans="1:4" ht="18" customHeight="1" x14ac:dyDescent="0.2">
      <c r="A92" s="14">
        <v>71</v>
      </c>
      <c r="B92" s="15">
        <v>27</v>
      </c>
      <c r="C92" s="16">
        <v>52</v>
      </c>
      <c r="D92" s="17">
        <v>79</v>
      </c>
    </row>
    <row r="93" spans="1:4" ht="18" customHeight="1" x14ac:dyDescent="0.2">
      <c r="A93" s="14">
        <v>72</v>
      </c>
      <c r="B93" s="15">
        <v>28</v>
      </c>
      <c r="C93" s="16">
        <v>44</v>
      </c>
      <c r="D93" s="17">
        <v>72</v>
      </c>
    </row>
    <row r="94" spans="1:4" ht="18" customHeight="1" x14ac:dyDescent="0.2">
      <c r="A94" s="14">
        <v>73</v>
      </c>
      <c r="B94" s="15">
        <v>39</v>
      </c>
      <c r="C94" s="16">
        <v>64</v>
      </c>
      <c r="D94" s="17">
        <v>103</v>
      </c>
    </row>
    <row r="95" spans="1:4" ht="18" customHeight="1" x14ac:dyDescent="0.2">
      <c r="A95" s="14">
        <v>74</v>
      </c>
      <c r="B95" s="15">
        <v>32</v>
      </c>
      <c r="C95" s="16">
        <v>48</v>
      </c>
      <c r="D95" s="17">
        <v>80</v>
      </c>
    </row>
    <row r="96" spans="1:4" ht="18" customHeight="1" x14ac:dyDescent="0.2">
      <c r="A96" s="18" t="s">
        <v>82</v>
      </c>
      <c r="B96" s="15">
        <v>160</v>
      </c>
      <c r="C96" s="16">
        <v>251</v>
      </c>
      <c r="D96" s="17">
        <v>411</v>
      </c>
    </row>
    <row r="97" spans="1:4" ht="18" customHeight="1" x14ac:dyDescent="0.2">
      <c r="A97" s="14">
        <v>75</v>
      </c>
      <c r="B97" s="15">
        <v>38</v>
      </c>
      <c r="C97" s="16">
        <v>55</v>
      </c>
      <c r="D97" s="17">
        <v>93</v>
      </c>
    </row>
    <row r="98" spans="1:4" ht="18" customHeight="1" x14ac:dyDescent="0.2">
      <c r="A98" s="14">
        <v>76</v>
      </c>
      <c r="B98" s="15">
        <v>33</v>
      </c>
      <c r="C98" s="16">
        <v>53</v>
      </c>
      <c r="D98" s="17">
        <v>86</v>
      </c>
    </row>
    <row r="99" spans="1:4" ht="18" customHeight="1" x14ac:dyDescent="0.2">
      <c r="A99" s="14">
        <v>77</v>
      </c>
      <c r="B99" s="15">
        <v>26</v>
      </c>
      <c r="C99" s="16">
        <v>51</v>
      </c>
      <c r="D99" s="17">
        <v>77</v>
      </c>
    </row>
    <row r="100" spans="1:4" ht="18" customHeight="1" x14ac:dyDescent="0.2">
      <c r="A100" s="14">
        <v>78</v>
      </c>
      <c r="B100" s="15">
        <v>23</v>
      </c>
      <c r="C100" s="16">
        <v>45</v>
      </c>
      <c r="D100" s="17">
        <v>68</v>
      </c>
    </row>
    <row r="101" spans="1:4" ht="18" customHeight="1" x14ac:dyDescent="0.2">
      <c r="A101" s="14">
        <v>79</v>
      </c>
      <c r="B101" s="15">
        <v>23</v>
      </c>
      <c r="C101" s="16">
        <v>40</v>
      </c>
      <c r="D101" s="17">
        <v>63</v>
      </c>
    </row>
    <row r="102" spans="1:4" ht="18" customHeight="1" x14ac:dyDescent="0.2">
      <c r="A102" s="18" t="s">
        <v>83</v>
      </c>
      <c r="B102" s="15">
        <v>143</v>
      </c>
      <c r="C102" s="16">
        <v>244</v>
      </c>
      <c r="D102" s="17">
        <v>387</v>
      </c>
    </row>
    <row r="103" spans="1:4" ht="18" customHeight="1" x14ac:dyDescent="0.2">
      <c r="A103" s="14">
        <v>80</v>
      </c>
      <c r="B103" s="15">
        <v>28</v>
      </c>
      <c r="C103" s="16">
        <v>42</v>
      </c>
      <c r="D103" s="17">
        <v>70</v>
      </c>
    </row>
    <row r="104" spans="1:4" ht="18" customHeight="1" x14ac:dyDescent="0.2">
      <c r="A104" s="14">
        <v>81</v>
      </c>
      <c r="B104" s="15">
        <v>21</v>
      </c>
      <c r="C104" s="16">
        <v>28</v>
      </c>
      <c r="D104" s="17">
        <v>49</v>
      </c>
    </row>
    <row r="105" spans="1:4" ht="18" customHeight="1" x14ac:dyDescent="0.2">
      <c r="A105" s="14">
        <v>82</v>
      </c>
      <c r="B105" s="15">
        <v>20</v>
      </c>
      <c r="C105" s="16">
        <v>47</v>
      </c>
      <c r="D105" s="17">
        <v>67</v>
      </c>
    </row>
    <row r="106" spans="1:4" ht="18" customHeight="1" x14ac:dyDescent="0.2">
      <c r="A106" s="14">
        <v>83</v>
      </c>
      <c r="B106" s="15">
        <v>17</v>
      </c>
      <c r="C106" s="16">
        <v>45</v>
      </c>
      <c r="D106" s="17">
        <v>62</v>
      </c>
    </row>
    <row r="107" spans="1:4" ht="18" customHeight="1" x14ac:dyDescent="0.2">
      <c r="A107" s="14">
        <v>84</v>
      </c>
      <c r="B107" s="15">
        <v>18</v>
      </c>
      <c r="C107" s="16">
        <v>34</v>
      </c>
      <c r="D107" s="17">
        <v>52</v>
      </c>
    </row>
    <row r="108" spans="1:4" ht="18" customHeight="1" x14ac:dyDescent="0.2">
      <c r="A108" s="18" t="s">
        <v>84</v>
      </c>
      <c r="B108" s="15">
        <v>104</v>
      </c>
      <c r="C108" s="16">
        <v>196</v>
      </c>
      <c r="D108" s="17">
        <v>300</v>
      </c>
    </row>
    <row r="109" spans="1:4" ht="18" customHeight="1" x14ac:dyDescent="0.2">
      <c r="A109" s="14">
        <v>85</v>
      </c>
      <c r="B109" s="15">
        <v>11</v>
      </c>
      <c r="C109" s="16">
        <v>30</v>
      </c>
      <c r="D109" s="17">
        <v>41</v>
      </c>
    </row>
    <row r="110" spans="1:4" ht="18" customHeight="1" x14ac:dyDescent="0.2">
      <c r="A110" s="14">
        <v>86</v>
      </c>
      <c r="B110" s="15">
        <v>19</v>
      </c>
      <c r="C110" s="16">
        <v>29</v>
      </c>
      <c r="D110" s="17">
        <v>48</v>
      </c>
    </row>
    <row r="111" spans="1:4" ht="18" customHeight="1" x14ac:dyDescent="0.2">
      <c r="A111" s="14">
        <v>87</v>
      </c>
      <c r="B111" s="15">
        <v>8</v>
      </c>
      <c r="C111" s="16">
        <v>27</v>
      </c>
      <c r="D111" s="17">
        <v>35</v>
      </c>
    </row>
    <row r="112" spans="1:4" ht="18" customHeight="1" x14ac:dyDescent="0.2">
      <c r="A112" s="14">
        <v>88</v>
      </c>
      <c r="B112" s="15">
        <v>14</v>
      </c>
      <c r="C112" s="16">
        <v>26</v>
      </c>
      <c r="D112" s="17">
        <v>40</v>
      </c>
    </row>
    <row r="113" spans="1:4" ht="18" customHeight="1" x14ac:dyDescent="0.2">
      <c r="A113" s="14">
        <v>89</v>
      </c>
      <c r="B113" s="15">
        <v>5</v>
      </c>
      <c r="C113" s="16">
        <v>23</v>
      </c>
      <c r="D113" s="17">
        <v>28</v>
      </c>
    </row>
    <row r="114" spans="1:4" ht="18" customHeight="1" x14ac:dyDescent="0.2">
      <c r="A114" s="18" t="s">
        <v>85</v>
      </c>
      <c r="B114" s="15">
        <v>57</v>
      </c>
      <c r="C114" s="16">
        <v>135</v>
      </c>
      <c r="D114" s="17">
        <v>192</v>
      </c>
    </row>
    <row r="115" spans="1:4" ht="18" customHeight="1" x14ac:dyDescent="0.2">
      <c r="A115" s="14">
        <v>90</v>
      </c>
      <c r="B115" s="15">
        <v>4</v>
      </c>
      <c r="C115" s="16">
        <v>7</v>
      </c>
      <c r="D115" s="17">
        <v>11</v>
      </c>
    </row>
    <row r="116" spans="1:4" ht="18" customHeight="1" x14ac:dyDescent="0.2">
      <c r="A116" s="14">
        <v>91</v>
      </c>
      <c r="B116" s="15">
        <v>5</v>
      </c>
      <c r="C116" s="16">
        <v>13</v>
      </c>
      <c r="D116" s="17">
        <v>18</v>
      </c>
    </row>
    <row r="117" spans="1:4" ht="18" customHeight="1" x14ac:dyDescent="0.2">
      <c r="A117" s="14">
        <v>92</v>
      </c>
      <c r="B117" s="15">
        <v>4</v>
      </c>
      <c r="C117" s="16">
        <v>8</v>
      </c>
      <c r="D117" s="17">
        <v>12</v>
      </c>
    </row>
    <row r="118" spans="1:4" ht="18" customHeight="1" x14ac:dyDescent="0.2">
      <c r="A118" s="14">
        <v>93</v>
      </c>
      <c r="B118" s="15">
        <v>5</v>
      </c>
      <c r="C118" s="16">
        <v>11</v>
      </c>
      <c r="D118" s="17">
        <v>16</v>
      </c>
    </row>
    <row r="119" spans="1:4" ht="18" customHeight="1" x14ac:dyDescent="0.2">
      <c r="A119" s="14">
        <v>94</v>
      </c>
      <c r="B119" s="15">
        <v>4</v>
      </c>
      <c r="C119" s="16">
        <v>9</v>
      </c>
      <c r="D119" s="17">
        <v>13</v>
      </c>
    </row>
    <row r="120" spans="1:4" ht="18" customHeight="1" x14ac:dyDescent="0.2">
      <c r="A120" s="18" t="s">
        <v>86</v>
      </c>
      <c r="B120" s="15">
        <v>22</v>
      </c>
      <c r="C120" s="16">
        <v>48</v>
      </c>
      <c r="D120" s="17">
        <v>70</v>
      </c>
    </row>
    <row r="121" spans="1:4" ht="18" customHeight="1" x14ac:dyDescent="0.2">
      <c r="A121" s="14">
        <v>95</v>
      </c>
      <c r="B121" s="15">
        <v>2</v>
      </c>
      <c r="C121" s="16">
        <v>11</v>
      </c>
      <c r="D121" s="17">
        <v>13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2</v>
      </c>
      <c r="C123" s="16">
        <v>2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2</v>
      </c>
      <c r="C125" s="16">
        <v>1</v>
      </c>
      <c r="D125" s="17">
        <v>3</v>
      </c>
    </row>
    <row r="126" spans="1:4" ht="18" customHeight="1" x14ac:dyDescent="0.2">
      <c r="A126" s="18" t="s">
        <v>87</v>
      </c>
      <c r="B126" s="15">
        <v>6</v>
      </c>
      <c r="C126" s="16">
        <v>22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88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89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90</v>
      </c>
      <c r="B130" s="4">
        <v>751</v>
      </c>
      <c r="C130" s="5">
        <v>1171</v>
      </c>
      <c r="D130" s="6">
        <v>1922</v>
      </c>
    </row>
    <row r="131" spans="1:4" ht="18" customHeight="1" x14ac:dyDescent="0.2">
      <c r="A131" s="20" t="s">
        <v>65</v>
      </c>
      <c r="B131" s="7">
        <v>2968</v>
      </c>
      <c r="C131" s="8">
        <v>3257</v>
      </c>
      <c r="D131" s="9">
        <v>622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69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66</v>
      </c>
      <c r="B10" s="27">
        <v>1</v>
      </c>
      <c r="C10" s="28">
        <v>1</v>
      </c>
      <c r="D10" s="29">
        <v>2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1</v>
      </c>
      <c r="C14" s="28">
        <v>1</v>
      </c>
      <c r="D14" s="29">
        <v>2</v>
      </c>
    </row>
    <row r="15" spans="1:4" ht="18" customHeight="1" x14ac:dyDescent="0.2">
      <c r="A15" s="31">
        <v>9</v>
      </c>
      <c r="B15" s="35">
        <v>1</v>
      </c>
      <c r="C15" s="28">
        <v>0</v>
      </c>
      <c r="D15" s="29">
        <v>1</v>
      </c>
    </row>
    <row r="16" spans="1:4" ht="18" customHeight="1" x14ac:dyDescent="0.2">
      <c r="A16" s="31" t="s">
        <v>67</v>
      </c>
      <c r="B16" s="27">
        <v>4</v>
      </c>
      <c r="C16" s="28">
        <v>2</v>
      </c>
      <c r="D16" s="29">
        <v>6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3</v>
      </c>
      <c r="D20" s="29">
        <v>3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68</v>
      </c>
      <c r="B22" s="27">
        <v>1</v>
      </c>
      <c r="C22" s="28">
        <v>5</v>
      </c>
      <c r="D22" s="29">
        <v>6</v>
      </c>
    </row>
    <row r="23" spans="1:4" ht="18" customHeight="1" x14ac:dyDescent="0.2">
      <c r="A23" s="31" t="s">
        <v>69</v>
      </c>
      <c r="B23" s="27">
        <v>6</v>
      </c>
      <c r="C23" s="28">
        <v>8</v>
      </c>
      <c r="D23" s="29">
        <v>14</v>
      </c>
    </row>
    <row r="24" spans="1:4" ht="18" customHeight="1" x14ac:dyDescent="0.2">
      <c r="A24" s="31">
        <v>15</v>
      </c>
      <c r="B24" s="27">
        <v>3</v>
      </c>
      <c r="C24" s="28">
        <v>2</v>
      </c>
      <c r="D24" s="29">
        <v>5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1</v>
      </c>
      <c r="C26" s="28">
        <v>2</v>
      </c>
      <c r="D26" s="29">
        <v>3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70</v>
      </c>
      <c r="B29" s="27">
        <v>4</v>
      </c>
      <c r="C29" s="28">
        <v>4</v>
      </c>
      <c r="D29" s="29">
        <v>8</v>
      </c>
    </row>
    <row r="30" spans="1:4" ht="18" customHeight="1" x14ac:dyDescent="0.2">
      <c r="A30" s="31">
        <v>20</v>
      </c>
      <c r="B30" s="27">
        <v>2</v>
      </c>
      <c r="C30" s="28">
        <v>1</v>
      </c>
      <c r="D30" s="29">
        <v>3</v>
      </c>
    </row>
    <row r="31" spans="1:4" ht="18" customHeight="1" x14ac:dyDescent="0.2">
      <c r="A31" s="31">
        <v>21</v>
      </c>
      <c r="B31" s="27">
        <v>1</v>
      </c>
      <c r="C31" s="28">
        <v>1</v>
      </c>
      <c r="D31" s="29">
        <v>2</v>
      </c>
    </row>
    <row r="32" spans="1:4" ht="18" customHeight="1" x14ac:dyDescent="0.2">
      <c r="A32" s="31">
        <v>22</v>
      </c>
      <c r="B32" s="27">
        <v>3</v>
      </c>
      <c r="C32" s="28">
        <v>0</v>
      </c>
      <c r="D32" s="29">
        <v>3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2</v>
      </c>
      <c r="C34" s="28">
        <v>0</v>
      </c>
      <c r="D34" s="29">
        <v>2</v>
      </c>
    </row>
    <row r="35" spans="1:4" ht="18" customHeight="1" x14ac:dyDescent="0.2">
      <c r="A35" s="31" t="s">
        <v>71</v>
      </c>
      <c r="B35" s="27">
        <v>10</v>
      </c>
      <c r="C35" s="28">
        <v>4</v>
      </c>
      <c r="D35" s="29">
        <v>14</v>
      </c>
    </row>
    <row r="36" spans="1:4" ht="18" customHeight="1" x14ac:dyDescent="0.2">
      <c r="A36" s="31">
        <v>25</v>
      </c>
      <c r="B36" s="27">
        <v>3</v>
      </c>
      <c r="C36" s="28">
        <v>3</v>
      </c>
      <c r="D36" s="29">
        <v>6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4</v>
      </c>
      <c r="C38" s="28">
        <v>0</v>
      </c>
      <c r="D38" s="29">
        <v>4</v>
      </c>
    </row>
    <row r="39" spans="1:4" ht="18" customHeight="1" x14ac:dyDescent="0.2">
      <c r="A39" s="31">
        <v>28</v>
      </c>
      <c r="B39" s="27">
        <v>1</v>
      </c>
      <c r="C39" s="28">
        <v>4</v>
      </c>
      <c r="D39" s="29">
        <v>5</v>
      </c>
    </row>
    <row r="40" spans="1:4" ht="18" customHeight="1" x14ac:dyDescent="0.2">
      <c r="A40" s="31">
        <v>29</v>
      </c>
      <c r="B40" s="27">
        <v>2</v>
      </c>
      <c r="C40" s="28">
        <v>0</v>
      </c>
      <c r="D40" s="29">
        <v>2</v>
      </c>
    </row>
    <row r="41" spans="1:4" ht="18" customHeight="1" x14ac:dyDescent="0.2">
      <c r="A41" s="31" t="s">
        <v>72</v>
      </c>
      <c r="B41" s="27">
        <v>10</v>
      </c>
      <c r="C41" s="28">
        <v>8</v>
      </c>
      <c r="D41" s="29">
        <v>18</v>
      </c>
    </row>
    <row r="42" spans="1:4" ht="18" customHeight="1" x14ac:dyDescent="0.2">
      <c r="A42" s="31">
        <v>30</v>
      </c>
      <c r="B42" s="27">
        <v>3</v>
      </c>
      <c r="C42" s="28">
        <v>0</v>
      </c>
      <c r="D42" s="29">
        <v>3</v>
      </c>
    </row>
    <row r="43" spans="1:4" ht="18" customHeight="1" x14ac:dyDescent="0.2">
      <c r="A43" s="31">
        <v>31</v>
      </c>
      <c r="B43" s="27">
        <v>0</v>
      </c>
      <c r="C43" s="28">
        <v>3</v>
      </c>
      <c r="D43" s="29">
        <v>3</v>
      </c>
    </row>
    <row r="44" spans="1:4" ht="18" customHeight="1" x14ac:dyDescent="0.2">
      <c r="A44" s="31">
        <v>32</v>
      </c>
      <c r="B44" s="27">
        <v>0</v>
      </c>
      <c r="C44" s="28">
        <v>1</v>
      </c>
      <c r="D44" s="29">
        <v>1</v>
      </c>
    </row>
    <row r="45" spans="1:4" ht="18" customHeight="1" x14ac:dyDescent="0.2">
      <c r="A45" s="31">
        <v>33</v>
      </c>
      <c r="B45" s="27">
        <v>1</v>
      </c>
      <c r="C45" s="28">
        <v>0</v>
      </c>
      <c r="D45" s="29">
        <v>1</v>
      </c>
    </row>
    <row r="46" spans="1:4" ht="18" customHeight="1" x14ac:dyDescent="0.2">
      <c r="A46" s="31">
        <v>34</v>
      </c>
      <c r="B46" s="27">
        <v>2</v>
      </c>
      <c r="C46" s="28">
        <v>0</v>
      </c>
      <c r="D46" s="29">
        <v>2</v>
      </c>
    </row>
    <row r="47" spans="1:4" ht="18" customHeight="1" x14ac:dyDescent="0.2">
      <c r="A47" s="31" t="s">
        <v>73</v>
      </c>
      <c r="B47" s="27">
        <v>6</v>
      </c>
      <c r="C47" s="28">
        <v>4</v>
      </c>
      <c r="D47" s="29">
        <v>1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1</v>
      </c>
      <c r="C50" s="28">
        <v>0</v>
      </c>
      <c r="D50" s="29">
        <v>1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0</v>
      </c>
      <c r="C52" s="28">
        <v>1</v>
      </c>
      <c r="D52" s="29">
        <v>1</v>
      </c>
    </row>
    <row r="53" spans="1:4" ht="18" customHeight="1" x14ac:dyDescent="0.2">
      <c r="A53" s="31" t="s">
        <v>74</v>
      </c>
      <c r="B53" s="27">
        <v>1</v>
      </c>
      <c r="C53" s="28">
        <v>2</v>
      </c>
      <c r="D53" s="29">
        <v>3</v>
      </c>
    </row>
    <row r="54" spans="1:4" ht="18" customHeight="1" x14ac:dyDescent="0.2">
      <c r="A54" s="31">
        <v>40</v>
      </c>
      <c r="B54" s="27">
        <v>0</v>
      </c>
      <c r="C54" s="28">
        <v>1</v>
      </c>
      <c r="D54" s="29">
        <v>1</v>
      </c>
    </row>
    <row r="55" spans="1:4" ht="18" customHeight="1" x14ac:dyDescent="0.2">
      <c r="A55" s="31">
        <v>41</v>
      </c>
      <c r="B55" s="27">
        <v>1</v>
      </c>
      <c r="C55" s="28">
        <v>0</v>
      </c>
      <c r="D55" s="29">
        <v>1</v>
      </c>
    </row>
    <row r="56" spans="1:4" ht="18" customHeight="1" x14ac:dyDescent="0.2">
      <c r="A56" s="31">
        <v>42</v>
      </c>
      <c r="B56" s="27">
        <v>2</v>
      </c>
      <c r="C56" s="28">
        <v>1</v>
      </c>
      <c r="D56" s="29">
        <v>3</v>
      </c>
    </row>
    <row r="57" spans="1:4" ht="18" customHeight="1" x14ac:dyDescent="0.2">
      <c r="A57" s="31">
        <v>43</v>
      </c>
      <c r="B57" s="27">
        <v>0</v>
      </c>
      <c r="C57" s="28">
        <v>2</v>
      </c>
      <c r="D57" s="29">
        <v>2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75</v>
      </c>
      <c r="B59" s="27">
        <v>4</v>
      </c>
      <c r="C59" s="28">
        <v>5</v>
      </c>
      <c r="D59" s="29">
        <v>9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1</v>
      </c>
      <c r="C61" s="28">
        <v>1</v>
      </c>
      <c r="D61" s="29">
        <v>2</v>
      </c>
    </row>
    <row r="62" spans="1:4" ht="18" customHeight="1" x14ac:dyDescent="0.2">
      <c r="A62" s="31">
        <v>47</v>
      </c>
      <c r="B62" s="27">
        <v>2</v>
      </c>
      <c r="C62" s="28">
        <v>0</v>
      </c>
      <c r="D62" s="29">
        <v>2</v>
      </c>
    </row>
    <row r="63" spans="1:4" ht="18" customHeight="1" x14ac:dyDescent="0.2">
      <c r="A63" s="31">
        <v>48</v>
      </c>
      <c r="B63" s="27">
        <v>2</v>
      </c>
      <c r="C63" s="28">
        <v>3</v>
      </c>
      <c r="D63" s="29">
        <v>5</v>
      </c>
    </row>
    <row r="64" spans="1:4" ht="18" customHeight="1" x14ac:dyDescent="0.2">
      <c r="A64" s="31">
        <v>49</v>
      </c>
      <c r="B64" s="27">
        <v>2</v>
      </c>
      <c r="C64" s="28">
        <v>1</v>
      </c>
      <c r="D64" s="29">
        <v>3</v>
      </c>
    </row>
    <row r="65" spans="1:4" ht="18" customHeight="1" x14ac:dyDescent="0.2">
      <c r="A65" s="31" t="s">
        <v>76</v>
      </c>
      <c r="B65" s="27">
        <v>8</v>
      </c>
      <c r="C65" s="28">
        <v>5</v>
      </c>
      <c r="D65" s="29">
        <v>13</v>
      </c>
    </row>
    <row r="66" spans="1:4" ht="18" customHeight="1" x14ac:dyDescent="0.2">
      <c r="A66" s="31">
        <v>50</v>
      </c>
      <c r="B66" s="27">
        <v>1</v>
      </c>
      <c r="C66" s="28">
        <v>1</v>
      </c>
      <c r="D66" s="29">
        <v>2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2</v>
      </c>
      <c r="C68" s="28">
        <v>4</v>
      </c>
      <c r="D68" s="29">
        <v>6</v>
      </c>
    </row>
    <row r="69" spans="1:4" ht="18" customHeight="1" x14ac:dyDescent="0.2">
      <c r="A69" s="31">
        <v>53</v>
      </c>
      <c r="B69" s="27">
        <v>0</v>
      </c>
      <c r="C69" s="28">
        <v>6</v>
      </c>
      <c r="D69" s="29">
        <v>6</v>
      </c>
    </row>
    <row r="70" spans="1:4" ht="18" customHeight="1" x14ac:dyDescent="0.2">
      <c r="A70" s="31">
        <v>54</v>
      </c>
      <c r="B70" s="27">
        <v>0</v>
      </c>
      <c r="C70" s="28">
        <v>2</v>
      </c>
      <c r="D70" s="29">
        <v>2</v>
      </c>
    </row>
    <row r="71" spans="1:4" ht="18" customHeight="1" x14ac:dyDescent="0.2">
      <c r="A71" s="31" t="s">
        <v>77</v>
      </c>
      <c r="B71" s="27">
        <v>3</v>
      </c>
      <c r="C71" s="28">
        <v>13</v>
      </c>
      <c r="D71" s="29">
        <v>16</v>
      </c>
    </row>
    <row r="72" spans="1:4" ht="18" customHeight="1" x14ac:dyDescent="0.2">
      <c r="A72" s="31">
        <v>55</v>
      </c>
      <c r="B72" s="27">
        <v>3</v>
      </c>
      <c r="C72" s="28">
        <v>1</v>
      </c>
      <c r="D72" s="29">
        <v>4</v>
      </c>
    </row>
    <row r="73" spans="1:4" ht="18" customHeight="1" x14ac:dyDescent="0.2">
      <c r="A73" s="31">
        <v>56</v>
      </c>
      <c r="B73" s="27">
        <v>2</v>
      </c>
      <c r="C73" s="28">
        <v>1</v>
      </c>
      <c r="D73" s="29">
        <v>3</v>
      </c>
    </row>
    <row r="74" spans="1:4" ht="18" customHeight="1" x14ac:dyDescent="0.2">
      <c r="A74" s="31">
        <v>57</v>
      </c>
      <c r="B74" s="27">
        <v>3</v>
      </c>
      <c r="C74" s="28">
        <v>1</v>
      </c>
      <c r="D74" s="29">
        <v>4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4</v>
      </c>
      <c r="C76" s="28">
        <v>0</v>
      </c>
      <c r="D76" s="29">
        <v>4</v>
      </c>
    </row>
    <row r="77" spans="1:4" ht="18" customHeight="1" x14ac:dyDescent="0.2">
      <c r="A77" s="31" t="s">
        <v>78</v>
      </c>
      <c r="B77" s="27">
        <v>14</v>
      </c>
      <c r="C77" s="28">
        <v>4</v>
      </c>
      <c r="D77" s="29">
        <v>18</v>
      </c>
    </row>
    <row r="78" spans="1:4" ht="18" customHeight="1" x14ac:dyDescent="0.2">
      <c r="A78" s="31">
        <v>60</v>
      </c>
      <c r="B78" s="27">
        <v>3</v>
      </c>
      <c r="C78" s="28">
        <v>1</v>
      </c>
      <c r="D78" s="29">
        <v>4</v>
      </c>
    </row>
    <row r="79" spans="1:4" ht="18" customHeight="1" x14ac:dyDescent="0.2">
      <c r="A79" s="31">
        <v>61</v>
      </c>
      <c r="B79" s="27">
        <v>4</v>
      </c>
      <c r="C79" s="28">
        <v>5</v>
      </c>
      <c r="D79" s="29">
        <v>9</v>
      </c>
    </row>
    <row r="80" spans="1:4" ht="18" customHeight="1" x14ac:dyDescent="0.2">
      <c r="A80" s="31">
        <v>62</v>
      </c>
      <c r="B80" s="27">
        <v>2</v>
      </c>
      <c r="C80" s="28">
        <v>2</v>
      </c>
      <c r="D80" s="29">
        <v>4</v>
      </c>
    </row>
    <row r="81" spans="1:4" ht="18" customHeight="1" x14ac:dyDescent="0.2">
      <c r="A81" s="31">
        <v>63</v>
      </c>
      <c r="B81" s="27">
        <v>1</v>
      </c>
      <c r="C81" s="28">
        <v>3</v>
      </c>
      <c r="D81" s="29">
        <v>4</v>
      </c>
    </row>
    <row r="82" spans="1:4" ht="18" customHeight="1" x14ac:dyDescent="0.2">
      <c r="A82" s="31">
        <v>64</v>
      </c>
      <c r="B82" s="27">
        <v>1</v>
      </c>
      <c r="C82" s="28">
        <v>0</v>
      </c>
      <c r="D82" s="29">
        <v>1</v>
      </c>
    </row>
    <row r="83" spans="1:4" ht="18" customHeight="1" x14ac:dyDescent="0.2">
      <c r="A83" s="31" t="s">
        <v>79</v>
      </c>
      <c r="B83" s="27">
        <v>11</v>
      </c>
      <c r="C83" s="28">
        <v>11</v>
      </c>
      <c r="D83" s="29">
        <v>22</v>
      </c>
    </row>
    <row r="84" spans="1:4" ht="18" customHeight="1" x14ac:dyDescent="0.2">
      <c r="A84" s="31" t="s">
        <v>80</v>
      </c>
      <c r="B84" s="27">
        <v>71</v>
      </c>
      <c r="C84" s="28">
        <v>60</v>
      </c>
      <c r="D84" s="29">
        <v>131</v>
      </c>
    </row>
    <row r="85" spans="1:4" ht="18" customHeight="1" x14ac:dyDescent="0.2">
      <c r="A85" s="31">
        <v>65</v>
      </c>
      <c r="B85" s="27">
        <v>1</v>
      </c>
      <c r="C85" s="28">
        <v>2</v>
      </c>
      <c r="D85" s="29">
        <v>3</v>
      </c>
    </row>
    <row r="86" spans="1:4" ht="18" customHeight="1" x14ac:dyDescent="0.2">
      <c r="A86" s="31">
        <v>66</v>
      </c>
      <c r="B86" s="27">
        <v>3</v>
      </c>
      <c r="C86" s="28">
        <v>1</v>
      </c>
      <c r="D86" s="29">
        <v>4</v>
      </c>
    </row>
    <row r="87" spans="1:4" ht="18" customHeight="1" x14ac:dyDescent="0.2">
      <c r="A87" s="31">
        <v>67</v>
      </c>
      <c r="B87" s="27">
        <v>0</v>
      </c>
      <c r="C87" s="28">
        <v>4</v>
      </c>
      <c r="D87" s="29">
        <v>4</v>
      </c>
    </row>
    <row r="88" spans="1:4" ht="18" customHeight="1" x14ac:dyDescent="0.2">
      <c r="A88" s="31">
        <v>68</v>
      </c>
      <c r="B88" s="27">
        <v>2</v>
      </c>
      <c r="C88" s="28">
        <v>0</v>
      </c>
      <c r="D88" s="29">
        <v>2</v>
      </c>
    </row>
    <row r="89" spans="1:4" ht="18" customHeight="1" x14ac:dyDescent="0.2">
      <c r="A89" s="31">
        <v>69</v>
      </c>
      <c r="B89" s="27">
        <v>4</v>
      </c>
      <c r="C89" s="28">
        <v>4</v>
      </c>
      <c r="D89" s="29">
        <v>8</v>
      </c>
    </row>
    <row r="90" spans="1:4" ht="18" customHeight="1" x14ac:dyDescent="0.2">
      <c r="A90" s="31" t="s">
        <v>81</v>
      </c>
      <c r="B90" s="27">
        <v>10</v>
      </c>
      <c r="C90" s="28">
        <v>11</v>
      </c>
      <c r="D90" s="29">
        <v>21</v>
      </c>
    </row>
    <row r="91" spans="1:4" ht="18" customHeight="1" x14ac:dyDescent="0.2">
      <c r="A91" s="31">
        <v>70</v>
      </c>
      <c r="B91" s="27">
        <v>2</v>
      </c>
      <c r="C91" s="28">
        <v>1</v>
      </c>
      <c r="D91" s="29">
        <v>3</v>
      </c>
    </row>
    <row r="92" spans="1:4" ht="18" customHeight="1" x14ac:dyDescent="0.2">
      <c r="A92" s="31">
        <v>71</v>
      </c>
      <c r="B92" s="27">
        <v>3</v>
      </c>
      <c r="C92" s="28">
        <v>4</v>
      </c>
      <c r="D92" s="29">
        <v>7</v>
      </c>
    </row>
    <row r="93" spans="1:4" ht="18" customHeight="1" x14ac:dyDescent="0.2">
      <c r="A93" s="31">
        <v>72</v>
      </c>
      <c r="B93" s="27">
        <v>3</v>
      </c>
      <c r="C93" s="28">
        <v>3</v>
      </c>
      <c r="D93" s="29">
        <v>6</v>
      </c>
    </row>
    <row r="94" spans="1:4" ht="18" customHeight="1" x14ac:dyDescent="0.2">
      <c r="A94" s="31">
        <v>73</v>
      </c>
      <c r="B94" s="27">
        <v>4</v>
      </c>
      <c r="C94" s="28">
        <v>4</v>
      </c>
      <c r="D94" s="29">
        <v>8</v>
      </c>
    </row>
    <row r="95" spans="1:4" ht="18" customHeight="1" x14ac:dyDescent="0.2">
      <c r="A95" s="31">
        <v>74</v>
      </c>
      <c r="B95" s="27">
        <v>1</v>
      </c>
      <c r="C95" s="28">
        <v>1</v>
      </c>
      <c r="D95" s="29">
        <v>2</v>
      </c>
    </row>
    <row r="96" spans="1:4" ht="18" customHeight="1" x14ac:dyDescent="0.2">
      <c r="A96" s="31" t="s">
        <v>82</v>
      </c>
      <c r="B96" s="27">
        <v>13</v>
      </c>
      <c r="C96" s="28">
        <v>13</v>
      </c>
      <c r="D96" s="29">
        <v>26</v>
      </c>
    </row>
    <row r="97" spans="1:4" ht="18" customHeight="1" x14ac:dyDescent="0.2">
      <c r="A97" s="31">
        <v>75</v>
      </c>
      <c r="B97" s="27">
        <v>2</v>
      </c>
      <c r="C97" s="28">
        <v>4</v>
      </c>
      <c r="D97" s="29">
        <v>6</v>
      </c>
    </row>
    <row r="98" spans="1:4" ht="18" customHeight="1" x14ac:dyDescent="0.2">
      <c r="A98" s="31">
        <v>76</v>
      </c>
      <c r="B98" s="27">
        <v>2</v>
      </c>
      <c r="C98" s="28">
        <v>2</v>
      </c>
      <c r="D98" s="29">
        <v>4</v>
      </c>
    </row>
    <row r="99" spans="1:4" ht="18" customHeight="1" x14ac:dyDescent="0.2">
      <c r="A99" s="31">
        <v>77</v>
      </c>
      <c r="B99" s="27">
        <v>6</v>
      </c>
      <c r="C99" s="28">
        <v>2</v>
      </c>
      <c r="D99" s="29">
        <v>8</v>
      </c>
    </row>
    <row r="100" spans="1:4" ht="18" customHeight="1" x14ac:dyDescent="0.2">
      <c r="A100" s="31">
        <v>78</v>
      </c>
      <c r="B100" s="27">
        <v>2</v>
      </c>
      <c r="C100" s="28">
        <v>2</v>
      </c>
      <c r="D100" s="29">
        <v>4</v>
      </c>
    </row>
    <row r="101" spans="1:4" ht="18" customHeight="1" x14ac:dyDescent="0.2">
      <c r="A101" s="31">
        <v>79</v>
      </c>
      <c r="B101" s="27">
        <v>1</v>
      </c>
      <c r="C101" s="28">
        <v>2</v>
      </c>
      <c r="D101" s="29">
        <v>3</v>
      </c>
    </row>
    <row r="102" spans="1:4" ht="18" customHeight="1" x14ac:dyDescent="0.2">
      <c r="A102" s="31" t="s">
        <v>83</v>
      </c>
      <c r="B102" s="27">
        <v>13</v>
      </c>
      <c r="C102" s="28">
        <v>12</v>
      </c>
      <c r="D102" s="29">
        <v>25</v>
      </c>
    </row>
    <row r="103" spans="1:4" ht="18" customHeight="1" x14ac:dyDescent="0.2">
      <c r="A103" s="31">
        <v>80</v>
      </c>
      <c r="B103" s="27">
        <v>1</v>
      </c>
      <c r="C103" s="28">
        <v>3</v>
      </c>
      <c r="D103" s="29">
        <v>4</v>
      </c>
    </row>
    <row r="104" spans="1:4" ht="18" customHeight="1" x14ac:dyDescent="0.2">
      <c r="A104" s="31">
        <v>81</v>
      </c>
      <c r="B104" s="27">
        <v>2</v>
      </c>
      <c r="C104" s="28">
        <v>1</v>
      </c>
      <c r="D104" s="29">
        <v>3</v>
      </c>
    </row>
    <row r="105" spans="1:4" ht="18" customHeight="1" x14ac:dyDescent="0.2">
      <c r="A105" s="31">
        <v>82</v>
      </c>
      <c r="B105" s="27">
        <v>1</v>
      </c>
      <c r="C105" s="28">
        <v>3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3</v>
      </c>
      <c r="D106" s="29">
        <v>4</v>
      </c>
    </row>
    <row r="107" spans="1:4" ht="18" customHeight="1" x14ac:dyDescent="0.2">
      <c r="A107" s="31">
        <v>84</v>
      </c>
      <c r="B107" s="27">
        <v>1</v>
      </c>
      <c r="C107" s="28">
        <v>2</v>
      </c>
      <c r="D107" s="29">
        <v>3</v>
      </c>
    </row>
    <row r="108" spans="1:4" ht="18" customHeight="1" x14ac:dyDescent="0.2">
      <c r="A108" s="31" t="s">
        <v>84</v>
      </c>
      <c r="B108" s="27">
        <v>6</v>
      </c>
      <c r="C108" s="28">
        <v>12</v>
      </c>
      <c r="D108" s="29">
        <v>18</v>
      </c>
    </row>
    <row r="109" spans="1:4" ht="18" customHeight="1" x14ac:dyDescent="0.2">
      <c r="A109" s="31">
        <v>85</v>
      </c>
      <c r="B109" s="27">
        <v>2</v>
      </c>
      <c r="C109" s="28">
        <v>2</v>
      </c>
      <c r="D109" s="29">
        <v>4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2</v>
      </c>
      <c r="C111" s="28">
        <v>1</v>
      </c>
      <c r="D111" s="29">
        <v>3</v>
      </c>
    </row>
    <row r="112" spans="1:4" ht="18" customHeight="1" x14ac:dyDescent="0.2">
      <c r="A112" s="31">
        <v>88</v>
      </c>
      <c r="B112" s="27">
        <v>1</v>
      </c>
      <c r="C112" s="28">
        <v>1</v>
      </c>
      <c r="D112" s="29">
        <v>2</v>
      </c>
    </row>
    <row r="113" spans="1:4" ht="18" customHeight="1" x14ac:dyDescent="0.2">
      <c r="A113" s="31">
        <v>89</v>
      </c>
      <c r="B113" s="27">
        <v>1</v>
      </c>
      <c r="C113" s="28">
        <v>2</v>
      </c>
      <c r="D113" s="29">
        <v>3</v>
      </c>
    </row>
    <row r="114" spans="1:4" ht="18" customHeight="1" x14ac:dyDescent="0.2">
      <c r="A114" s="31" t="s">
        <v>85</v>
      </c>
      <c r="B114" s="27">
        <v>6</v>
      </c>
      <c r="C114" s="28">
        <v>6</v>
      </c>
      <c r="D114" s="29">
        <v>12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0</v>
      </c>
      <c r="C120" s="28">
        <v>4</v>
      </c>
      <c r="D120" s="29">
        <v>4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48</v>
      </c>
      <c r="C130" s="5">
        <v>59</v>
      </c>
      <c r="D130" s="6">
        <v>107</v>
      </c>
    </row>
    <row r="131" spans="1:4" ht="18" customHeight="1" x14ac:dyDescent="0.2">
      <c r="A131" s="33" t="s">
        <v>65</v>
      </c>
      <c r="B131" s="7">
        <v>125</v>
      </c>
      <c r="C131" s="8">
        <v>127</v>
      </c>
      <c r="D131" s="9">
        <v>25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70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66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68</v>
      </c>
      <c r="B22" s="27">
        <v>1</v>
      </c>
      <c r="C22" s="28">
        <v>1</v>
      </c>
      <c r="D22" s="29">
        <v>2</v>
      </c>
    </row>
    <row r="23" spans="1:4" ht="18" customHeight="1" x14ac:dyDescent="0.2">
      <c r="A23" s="31" t="s">
        <v>69</v>
      </c>
      <c r="B23" s="27">
        <v>1</v>
      </c>
      <c r="C23" s="28">
        <v>1</v>
      </c>
      <c r="D23" s="29">
        <v>2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70</v>
      </c>
      <c r="B29" s="27">
        <v>1</v>
      </c>
      <c r="C29" s="28">
        <v>0</v>
      </c>
      <c r="D29" s="29">
        <v>1</v>
      </c>
    </row>
    <row r="30" spans="1:4" ht="18" customHeight="1" x14ac:dyDescent="0.2">
      <c r="A30" s="31">
        <v>20</v>
      </c>
      <c r="B30" s="27">
        <v>1</v>
      </c>
      <c r="C30" s="28">
        <v>0</v>
      </c>
      <c r="D30" s="29">
        <v>1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1</v>
      </c>
      <c r="C33" s="28">
        <v>0</v>
      </c>
      <c r="D33" s="29">
        <v>1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71</v>
      </c>
      <c r="B35" s="27">
        <v>2</v>
      </c>
      <c r="C35" s="28">
        <v>1</v>
      </c>
      <c r="D35" s="29">
        <v>3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72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73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74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75</v>
      </c>
      <c r="B59" s="27">
        <v>1</v>
      </c>
      <c r="C59" s="28">
        <v>0</v>
      </c>
      <c r="D59" s="29">
        <v>1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2</v>
      </c>
      <c r="C63" s="28">
        <v>0</v>
      </c>
      <c r="D63" s="29">
        <v>2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76</v>
      </c>
      <c r="B65" s="27">
        <v>2</v>
      </c>
      <c r="C65" s="28">
        <v>0</v>
      </c>
      <c r="D65" s="29">
        <v>2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1</v>
      </c>
      <c r="C67" s="28">
        <v>1</v>
      </c>
      <c r="D67" s="29">
        <v>2</v>
      </c>
    </row>
    <row r="68" spans="1:4" ht="18" customHeight="1" x14ac:dyDescent="0.2">
      <c r="A68" s="31">
        <v>52</v>
      </c>
      <c r="B68" s="27">
        <v>1</v>
      </c>
      <c r="C68" s="28">
        <v>1</v>
      </c>
      <c r="D68" s="29">
        <v>2</v>
      </c>
    </row>
    <row r="69" spans="1:4" ht="18" customHeight="1" x14ac:dyDescent="0.2">
      <c r="A69" s="31">
        <v>53</v>
      </c>
      <c r="B69" s="27">
        <v>1</v>
      </c>
      <c r="C69" s="28">
        <v>0</v>
      </c>
      <c r="D69" s="29">
        <v>1</v>
      </c>
    </row>
    <row r="70" spans="1:4" ht="18" customHeight="1" x14ac:dyDescent="0.2">
      <c r="A70" s="31">
        <v>54</v>
      </c>
      <c r="B70" s="27">
        <v>1</v>
      </c>
      <c r="C70" s="28">
        <v>0</v>
      </c>
      <c r="D70" s="29">
        <v>1</v>
      </c>
    </row>
    <row r="71" spans="1:4" ht="18" customHeight="1" x14ac:dyDescent="0.2">
      <c r="A71" s="31" t="s">
        <v>77</v>
      </c>
      <c r="B71" s="27">
        <v>4</v>
      </c>
      <c r="C71" s="28">
        <v>3</v>
      </c>
      <c r="D71" s="29">
        <v>7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3</v>
      </c>
      <c r="C73" s="28">
        <v>0</v>
      </c>
      <c r="D73" s="29">
        <v>3</v>
      </c>
    </row>
    <row r="74" spans="1:4" ht="18" customHeight="1" x14ac:dyDescent="0.2">
      <c r="A74" s="31">
        <v>57</v>
      </c>
      <c r="B74" s="27">
        <v>2</v>
      </c>
      <c r="C74" s="28">
        <v>0</v>
      </c>
      <c r="D74" s="29">
        <v>2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1</v>
      </c>
      <c r="C76" s="28">
        <v>0</v>
      </c>
      <c r="D76" s="29">
        <v>1</v>
      </c>
    </row>
    <row r="77" spans="1:4" ht="18" customHeight="1" x14ac:dyDescent="0.2">
      <c r="A77" s="31" t="s">
        <v>78</v>
      </c>
      <c r="B77" s="27">
        <v>6</v>
      </c>
      <c r="C77" s="28">
        <v>0</v>
      </c>
      <c r="D77" s="29">
        <v>6</v>
      </c>
    </row>
    <row r="78" spans="1:4" ht="18" customHeight="1" x14ac:dyDescent="0.2">
      <c r="A78" s="31">
        <v>60</v>
      </c>
      <c r="B78" s="27">
        <v>1</v>
      </c>
      <c r="C78" s="28">
        <v>1</v>
      </c>
      <c r="D78" s="29">
        <v>2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1</v>
      </c>
      <c r="C80" s="28">
        <v>0</v>
      </c>
      <c r="D80" s="29">
        <v>1</v>
      </c>
    </row>
    <row r="81" spans="1:4" ht="18" customHeight="1" x14ac:dyDescent="0.2">
      <c r="A81" s="31">
        <v>63</v>
      </c>
      <c r="B81" s="27">
        <v>0</v>
      </c>
      <c r="C81" s="28">
        <v>1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79</v>
      </c>
      <c r="B83" s="27">
        <v>2</v>
      </c>
      <c r="C83" s="28">
        <v>2</v>
      </c>
      <c r="D83" s="29">
        <v>4</v>
      </c>
    </row>
    <row r="84" spans="1:4" ht="18" customHeight="1" x14ac:dyDescent="0.2">
      <c r="A84" s="31" t="s">
        <v>80</v>
      </c>
      <c r="B84" s="27">
        <v>18</v>
      </c>
      <c r="C84" s="28">
        <v>6</v>
      </c>
      <c r="D84" s="29">
        <v>24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0</v>
      </c>
      <c r="C88" s="28">
        <v>1</v>
      </c>
      <c r="D88" s="29">
        <v>1</v>
      </c>
    </row>
    <row r="89" spans="1:4" ht="18" customHeight="1" x14ac:dyDescent="0.2">
      <c r="A89" s="31">
        <v>69</v>
      </c>
      <c r="B89" s="27">
        <v>0</v>
      </c>
      <c r="C89" s="28">
        <v>2</v>
      </c>
      <c r="D89" s="29">
        <v>2</v>
      </c>
    </row>
    <row r="90" spans="1:4" ht="18" customHeight="1" x14ac:dyDescent="0.2">
      <c r="A90" s="31" t="s">
        <v>81</v>
      </c>
      <c r="B90" s="27">
        <v>1</v>
      </c>
      <c r="C90" s="28">
        <v>3</v>
      </c>
      <c r="D90" s="29">
        <v>4</v>
      </c>
    </row>
    <row r="91" spans="1:4" ht="18" customHeight="1" x14ac:dyDescent="0.2">
      <c r="A91" s="31">
        <v>70</v>
      </c>
      <c r="B91" s="27">
        <v>1</v>
      </c>
      <c r="C91" s="28">
        <v>1</v>
      </c>
      <c r="D91" s="29">
        <v>2</v>
      </c>
    </row>
    <row r="92" spans="1:4" ht="18" customHeight="1" x14ac:dyDescent="0.2">
      <c r="A92" s="31">
        <v>71</v>
      </c>
      <c r="B92" s="27">
        <v>1</v>
      </c>
      <c r="C92" s="28">
        <v>0</v>
      </c>
      <c r="D92" s="29">
        <v>1</v>
      </c>
    </row>
    <row r="93" spans="1:4" ht="18" customHeight="1" x14ac:dyDescent="0.2">
      <c r="A93" s="31">
        <v>72</v>
      </c>
      <c r="B93" s="27">
        <v>2</v>
      </c>
      <c r="C93" s="28">
        <v>3</v>
      </c>
      <c r="D93" s="29">
        <v>5</v>
      </c>
    </row>
    <row r="94" spans="1:4" ht="18" customHeight="1" x14ac:dyDescent="0.2">
      <c r="A94" s="31">
        <v>73</v>
      </c>
      <c r="B94" s="27">
        <v>1</v>
      </c>
      <c r="C94" s="28">
        <v>4</v>
      </c>
      <c r="D94" s="29">
        <v>5</v>
      </c>
    </row>
    <row r="95" spans="1:4" ht="18" customHeight="1" x14ac:dyDescent="0.2">
      <c r="A95" s="31">
        <v>74</v>
      </c>
      <c r="B95" s="27">
        <v>3</v>
      </c>
      <c r="C95" s="28">
        <v>2</v>
      </c>
      <c r="D95" s="29">
        <v>5</v>
      </c>
    </row>
    <row r="96" spans="1:4" ht="18" customHeight="1" x14ac:dyDescent="0.2">
      <c r="A96" s="31" t="s">
        <v>82</v>
      </c>
      <c r="B96" s="27">
        <v>8</v>
      </c>
      <c r="C96" s="28">
        <v>10</v>
      </c>
      <c r="D96" s="29">
        <v>18</v>
      </c>
    </row>
    <row r="97" spans="1:4" ht="18" customHeight="1" x14ac:dyDescent="0.2">
      <c r="A97" s="31">
        <v>75</v>
      </c>
      <c r="B97" s="27">
        <v>2</v>
      </c>
      <c r="C97" s="28">
        <v>0</v>
      </c>
      <c r="D97" s="29">
        <v>2</v>
      </c>
    </row>
    <row r="98" spans="1:4" ht="18" customHeight="1" x14ac:dyDescent="0.2">
      <c r="A98" s="31">
        <v>76</v>
      </c>
      <c r="B98" s="27">
        <v>4</v>
      </c>
      <c r="C98" s="28">
        <v>1</v>
      </c>
      <c r="D98" s="29">
        <v>5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1</v>
      </c>
      <c r="C100" s="28">
        <v>0</v>
      </c>
      <c r="D100" s="29">
        <v>1</v>
      </c>
    </row>
    <row r="101" spans="1:4" ht="18" customHeight="1" x14ac:dyDescent="0.2">
      <c r="A101" s="31">
        <v>79</v>
      </c>
      <c r="B101" s="27">
        <v>0</v>
      </c>
      <c r="C101" s="28">
        <v>1</v>
      </c>
      <c r="D101" s="29">
        <v>1</v>
      </c>
    </row>
    <row r="102" spans="1:4" ht="18" customHeight="1" x14ac:dyDescent="0.2">
      <c r="A102" s="31" t="s">
        <v>83</v>
      </c>
      <c r="B102" s="27">
        <v>8</v>
      </c>
      <c r="C102" s="28">
        <v>2</v>
      </c>
      <c r="D102" s="29">
        <v>10</v>
      </c>
    </row>
    <row r="103" spans="1:4" ht="18" customHeight="1" x14ac:dyDescent="0.2">
      <c r="A103" s="31">
        <v>80</v>
      </c>
      <c r="B103" s="27">
        <v>1</v>
      </c>
      <c r="C103" s="28">
        <v>1</v>
      </c>
      <c r="D103" s="29">
        <v>2</v>
      </c>
    </row>
    <row r="104" spans="1:4" ht="18" customHeight="1" x14ac:dyDescent="0.2">
      <c r="A104" s="31">
        <v>81</v>
      </c>
      <c r="B104" s="27">
        <v>0</v>
      </c>
      <c r="C104" s="28">
        <v>1</v>
      </c>
      <c r="D104" s="29">
        <v>1</v>
      </c>
    </row>
    <row r="105" spans="1:4" ht="18" customHeight="1" x14ac:dyDescent="0.2">
      <c r="A105" s="31">
        <v>82</v>
      </c>
      <c r="B105" s="27">
        <v>0</v>
      </c>
      <c r="C105" s="28">
        <v>1</v>
      </c>
      <c r="D105" s="29">
        <v>1</v>
      </c>
    </row>
    <row r="106" spans="1:4" ht="18" customHeight="1" x14ac:dyDescent="0.2">
      <c r="A106" s="31">
        <v>83</v>
      </c>
      <c r="B106" s="27">
        <v>2</v>
      </c>
      <c r="C106" s="28">
        <v>1</v>
      </c>
      <c r="D106" s="29">
        <v>3</v>
      </c>
    </row>
    <row r="107" spans="1:4" ht="18" customHeight="1" x14ac:dyDescent="0.2">
      <c r="A107" s="31">
        <v>84</v>
      </c>
      <c r="B107" s="27">
        <v>1</v>
      </c>
      <c r="C107" s="28">
        <v>0</v>
      </c>
      <c r="D107" s="29">
        <v>1</v>
      </c>
    </row>
    <row r="108" spans="1:4" ht="18" customHeight="1" x14ac:dyDescent="0.2">
      <c r="A108" s="31" t="s">
        <v>84</v>
      </c>
      <c r="B108" s="27">
        <v>4</v>
      </c>
      <c r="C108" s="28">
        <v>4</v>
      </c>
      <c r="D108" s="29">
        <v>8</v>
      </c>
    </row>
    <row r="109" spans="1:4" ht="18" customHeight="1" x14ac:dyDescent="0.2">
      <c r="A109" s="31">
        <v>85</v>
      </c>
      <c r="B109" s="27">
        <v>0</v>
      </c>
      <c r="C109" s="28">
        <v>3</v>
      </c>
      <c r="D109" s="29">
        <v>3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85</v>
      </c>
      <c r="B114" s="27">
        <v>0</v>
      </c>
      <c r="C114" s="28">
        <v>4</v>
      </c>
      <c r="D114" s="29">
        <v>4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1</v>
      </c>
      <c r="C120" s="28">
        <v>1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2</v>
      </c>
      <c r="C130" s="5">
        <v>24</v>
      </c>
      <c r="D130" s="6">
        <v>46</v>
      </c>
    </row>
    <row r="131" spans="1:4" ht="18" customHeight="1" x14ac:dyDescent="0.2">
      <c r="A131" s="33" t="s">
        <v>65</v>
      </c>
      <c r="B131" s="7">
        <v>41</v>
      </c>
      <c r="C131" s="8">
        <v>31</v>
      </c>
      <c r="D131" s="9">
        <v>7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71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74</v>
      </c>
      <c r="C5" s="37">
        <v>70</v>
      </c>
      <c r="D5" s="39">
        <v>144</v>
      </c>
    </row>
    <row r="6" spans="1:4" ht="18" customHeight="1" x14ac:dyDescent="0.2">
      <c r="A6" s="31">
        <v>1</v>
      </c>
      <c r="B6" s="35">
        <v>87</v>
      </c>
      <c r="C6" s="28">
        <v>80</v>
      </c>
      <c r="D6" s="29">
        <v>167</v>
      </c>
    </row>
    <row r="7" spans="1:4" ht="18" customHeight="1" x14ac:dyDescent="0.2">
      <c r="A7" s="31">
        <v>2</v>
      </c>
      <c r="B7" s="35">
        <v>88</v>
      </c>
      <c r="C7" s="28">
        <v>70</v>
      </c>
      <c r="D7" s="29">
        <v>158</v>
      </c>
    </row>
    <row r="8" spans="1:4" ht="18" customHeight="1" x14ac:dyDescent="0.2">
      <c r="A8" s="31">
        <v>3</v>
      </c>
      <c r="B8" s="35">
        <v>101</v>
      </c>
      <c r="C8" s="28">
        <v>87</v>
      </c>
      <c r="D8" s="29">
        <v>188</v>
      </c>
    </row>
    <row r="9" spans="1:4" ht="18" customHeight="1" x14ac:dyDescent="0.2">
      <c r="A9" s="31">
        <v>4</v>
      </c>
      <c r="B9" s="36">
        <v>87</v>
      </c>
      <c r="C9" s="38">
        <v>85</v>
      </c>
      <c r="D9" s="40">
        <v>172</v>
      </c>
    </row>
    <row r="10" spans="1:4" ht="18" customHeight="1" x14ac:dyDescent="0.2">
      <c r="A10" s="31" t="s">
        <v>66</v>
      </c>
      <c r="B10" s="27">
        <v>437</v>
      </c>
      <c r="C10" s="28">
        <v>392</v>
      </c>
      <c r="D10" s="29">
        <v>829</v>
      </c>
    </row>
    <row r="11" spans="1:4" ht="18" customHeight="1" x14ac:dyDescent="0.2">
      <c r="A11" s="31">
        <v>5</v>
      </c>
      <c r="B11" s="35">
        <v>91</v>
      </c>
      <c r="C11" s="28">
        <v>93</v>
      </c>
      <c r="D11" s="29">
        <v>184</v>
      </c>
    </row>
    <row r="12" spans="1:4" ht="18" customHeight="1" x14ac:dyDescent="0.2">
      <c r="A12" s="31">
        <v>6</v>
      </c>
      <c r="B12" s="35">
        <v>101</v>
      </c>
      <c r="C12" s="28">
        <v>99</v>
      </c>
      <c r="D12" s="29">
        <v>200</v>
      </c>
    </row>
    <row r="13" spans="1:4" ht="18" customHeight="1" x14ac:dyDescent="0.2">
      <c r="A13" s="31">
        <v>7</v>
      </c>
      <c r="B13" s="35">
        <v>117</v>
      </c>
      <c r="C13" s="28">
        <v>98</v>
      </c>
      <c r="D13" s="29">
        <v>215</v>
      </c>
    </row>
    <row r="14" spans="1:4" ht="18" customHeight="1" x14ac:dyDescent="0.2">
      <c r="A14" s="31">
        <v>8</v>
      </c>
      <c r="B14" s="35">
        <v>113</v>
      </c>
      <c r="C14" s="28">
        <v>102</v>
      </c>
      <c r="D14" s="29">
        <v>215</v>
      </c>
    </row>
    <row r="15" spans="1:4" ht="18" customHeight="1" x14ac:dyDescent="0.2">
      <c r="A15" s="31">
        <v>9</v>
      </c>
      <c r="B15" s="35">
        <v>99</v>
      </c>
      <c r="C15" s="28">
        <v>111</v>
      </c>
      <c r="D15" s="29">
        <v>210</v>
      </c>
    </row>
    <row r="16" spans="1:4" ht="18" customHeight="1" x14ac:dyDescent="0.2">
      <c r="A16" s="31" t="s">
        <v>67</v>
      </c>
      <c r="B16" s="27">
        <v>521</v>
      </c>
      <c r="C16" s="28">
        <v>503</v>
      </c>
      <c r="D16" s="29">
        <v>1024</v>
      </c>
    </row>
    <row r="17" spans="1:4" ht="18" customHeight="1" x14ac:dyDescent="0.2">
      <c r="A17" s="31">
        <v>10</v>
      </c>
      <c r="B17" s="27">
        <v>117</v>
      </c>
      <c r="C17" s="28">
        <v>109</v>
      </c>
      <c r="D17" s="29">
        <v>226</v>
      </c>
    </row>
    <row r="18" spans="1:4" ht="18" customHeight="1" x14ac:dyDescent="0.2">
      <c r="A18" s="31">
        <v>11</v>
      </c>
      <c r="B18" s="27">
        <v>124</v>
      </c>
      <c r="C18" s="28">
        <v>99</v>
      </c>
      <c r="D18" s="29">
        <v>223</v>
      </c>
    </row>
    <row r="19" spans="1:4" ht="18" customHeight="1" x14ac:dyDescent="0.2">
      <c r="A19" s="31">
        <v>12</v>
      </c>
      <c r="B19" s="27">
        <v>101</v>
      </c>
      <c r="C19" s="28">
        <v>98</v>
      </c>
      <c r="D19" s="29">
        <v>199</v>
      </c>
    </row>
    <row r="20" spans="1:4" ht="18" customHeight="1" x14ac:dyDescent="0.2">
      <c r="A20" s="31">
        <v>13</v>
      </c>
      <c r="B20" s="27">
        <v>112</v>
      </c>
      <c r="C20" s="28">
        <v>110</v>
      </c>
      <c r="D20" s="29">
        <v>222</v>
      </c>
    </row>
    <row r="21" spans="1:4" ht="18" customHeight="1" x14ac:dyDescent="0.2">
      <c r="A21" s="31">
        <v>14</v>
      </c>
      <c r="B21" s="27">
        <v>88</v>
      </c>
      <c r="C21" s="28">
        <v>90</v>
      </c>
      <c r="D21" s="29">
        <v>178</v>
      </c>
    </row>
    <row r="22" spans="1:4" ht="18" customHeight="1" x14ac:dyDescent="0.2">
      <c r="A22" s="31" t="s">
        <v>68</v>
      </c>
      <c r="B22" s="27">
        <v>542</v>
      </c>
      <c r="C22" s="28">
        <v>506</v>
      </c>
      <c r="D22" s="29">
        <v>1048</v>
      </c>
    </row>
    <row r="23" spans="1:4" ht="18" customHeight="1" x14ac:dyDescent="0.2">
      <c r="A23" s="31" t="s">
        <v>69</v>
      </c>
      <c r="B23" s="27">
        <v>1500</v>
      </c>
      <c r="C23" s="28">
        <v>1401</v>
      </c>
      <c r="D23" s="29">
        <v>2901</v>
      </c>
    </row>
    <row r="24" spans="1:4" ht="18" customHeight="1" x14ac:dyDescent="0.2">
      <c r="A24" s="31">
        <v>15</v>
      </c>
      <c r="B24" s="27">
        <v>111</v>
      </c>
      <c r="C24" s="28">
        <v>95</v>
      </c>
      <c r="D24" s="29">
        <v>206</v>
      </c>
    </row>
    <row r="25" spans="1:4" ht="18" customHeight="1" x14ac:dyDescent="0.2">
      <c r="A25" s="31">
        <v>16</v>
      </c>
      <c r="B25" s="27">
        <v>92</v>
      </c>
      <c r="C25" s="28">
        <v>83</v>
      </c>
      <c r="D25" s="29">
        <v>175</v>
      </c>
    </row>
    <row r="26" spans="1:4" ht="18" customHeight="1" x14ac:dyDescent="0.2">
      <c r="A26" s="31">
        <v>17</v>
      </c>
      <c r="B26" s="27">
        <v>99</v>
      </c>
      <c r="C26" s="28">
        <v>104</v>
      </c>
      <c r="D26" s="29">
        <v>203</v>
      </c>
    </row>
    <row r="27" spans="1:4" ht="18" customHeight="1" x14ac:dyDescent="0.2">
      <c r="A27" s="31">
        <v>18</v>
      </c>
      <c r="B27" s="27">
        <v>91</v>
      </c>
      <c r="C27" s="28">
        <v>83</v>
      </c>
      <c r="D27" s="29">
        <v>174</v>
      </c>
    </row>
    <row r="28" spans="1:4" ht="18" customHeight="1" x14ac:dyDescent="0.2">
      <c r="A28" s="31">
        <v>19</v>
      </c>
      <c r="B28" s="27">
        <v>91</v>
      </c>
      <c r="C28" s="28">
        <v>93</v>
      </c>
      <c r="D28" s="29">
        <v>184</v>
      </c>
    </row>
    <row r="29" spans="1:4" ht="18" customHeight="1" x14ac:dyDescent="0.2">
      <c r="A29" s="31" t="s">
        <v>70</v>
      </c>
      <c r="B29" s="27">
        <v>484</v>
      </c>
      <c r="C29" s="28">
        <v>458</v>
      </c>
      <c r="D29" s="29">
        <v>942</v>
      </c>
    </row>
    <row r="30" spans="1:4" ht="18" customHeight="1" x14ac:dyDescent="0.2">
      <c r="A30" s="31">
        <v>20</v>
      </c>
      <c r="B30" s="27">
        <v>102</v>
      </c>
      <c r="C30" s="28">
        <v>103</v>
      </c>
      <c r="D30" s="29">
        <v>205</v>
      </c>
    </row>
    <row r="31" spans="1:4" ht="18" customHeight="1" x14ac:dyDescent="0.2">
      <c r="A31" s="31">
        <v>21</v>
      </c>
      <c r="B31" s="27">
        <v>104</v>
      </c>
      <c r="C31" s="28">
        <v>112</v>
      </c>
      <c r="D31" s="29">
        <v>216</v>
      </c>
    </row>
    <row r="32" spans="1:4" ht="18" customHeight="1" x14ac:dyDescent="0.2">
      <c r="A32" s="31">
        <v>22</v>
      </c>
      <c r="B32" s="27">
        <v>106</v>
      </c>
      <c r="C32" s="28">
        <v>94</v>
      </c>
      <c r="D32" s="29">
        <v>200</v>
      </c>
    </row>
    <row r="33" spans="1:4" ht="18" customHeight="1" x14ac:dyDescent="0.2">
      <c r="A33" s="31">
        <v>23</v>
      </c>
      <c r="B33" s="27">
        <v>104</v>
      </c>
      <c r="C33" s="28">
        <v>113</v>
      </c>
      <c r="D33" s="29">
        <v>217</v>
      </c>
    </row>
    <row r="34" spans="1:4" ht="18" customHeight="1" x14ac:dyDescent="0.2">
      <c r="A34" s="31">
        <v>24</v>
      </c>
      <c r="B34" s="27">
        <v>107</v>
      </c>
      <c r="C34" s="28">
        <v>99</v>
      </c>
      <c r="D34" s="29">
        <v>206</v>
      </c>
    </row>
    <row r="35" spans="1:4" ht="18" customHeight="1" x14ac:dyDescent="0.2">
      <c r="A35" s="31" t="s">
        <v>71</v>
      </c>
      <c r="B35" s="27">
        <v>523</v>
      </c>
      <c r="C35" s="28">
        <v>521</v>
      </c>
      <c r="D35" s="29">
        <v>1044</v>
      </c>
    </row>
    <row r="36" spans="1:4" ht="18" customHeight="1" x14ac:dyDescent="0.2">
      <c r="A36" s="31">
        <v>25</v>
      </c>
      <c r="B36" s="27">
        <v>120</v>
      </c>
      <c r="C36" s="28">
        <v>103</v>
      </c>
      <c r="D36" s="29">
        <v>223</v>
      </c>
    </row>
    <row r="37" spans="1:4" ht="18" customHeight="1" x14ac:dyDescent="0.2">
      <c r="A37" s="31">
        <v>26</v>
      </c>
      <c r="B37" s="27">
        <v>115</v>
      </c>
      <c r="C37" s="28">
        <v>101</v>
      </c>
      <c r="D37" s="29">
        <v>216</v>
      </c>
    </row>
    <row r="38" spans="1:4" ht="18" customHeight="1" x14ac:dyDescent="0.2">
      <c r="A38" s="31">
        <v>27</v>
      </c>
      <c r="B38" s="27">
        <v>109</v>
      </c>
      <c r="C38" s="28">
        <v>105</v>
      </c>
      <c r="D38" s="29">
        <v>214</v>
      </c>
    </row>
    <row r="39" spans="1:4" ht="18" customHeight="1" x14ac:dyDescent="0.2">
      <c r="A39" s="31">
        <v>28</v>
      </c>
      <c r="B39" s="27">
        <v>129</v>
      </c>
      <c r="C39" s="28">
        <v>94</v>
      </c>
      <c r="D39" s="29">
        <v>223</v>
      </c>
    </row>
    <row r="40" spans="1:4" ht="18" customHeight="1" x14ac:dyDescent="0.2">
      <c r="A40" s="31">
        <v>29</v>
      </c>
      <c r="B40" s="27">
        <v>121</v>
      </c>
      <c r="C40" s="28">
        <v>99</v>
      </c>
      <c r="D40" s="29">
        <v>220</v>
      </c>
    </row>
    <row r="41" spans="1:4" ht="18" customHeight="1" x14ac:dyDescent="0.2">
      <c r="A41" s="31" t="s">
        <v>72</v>
      </c>
      <c r="B41" s="27">
        <v>594</v>
      </c>
      <c r="C41" s="28">
        <v>502</v>
      </c>
      <c r="D41" s="29">
        <v>1096</v>
      </c>
    </row>
    <row r="42" spans="1:4" ht="18" customHeight="1" x14ac:dyDescent="0.2">
      <c r="A42" s="31">
        <v>30</v>
      </c>
      <c r="B42" s="27">
        <v>146</v>
      </c>
      <c r="C42" s="28">
        <v>123</v>
      </c>
      <c r="D42" s="29">
        <v>269</v>
      </c>
    </row>
    <row r="43" spans="1:4" ht="18" customHeight="1" x14ac:dyDescent="0.2">
      <c r="A43" s="31">
        <v>31</v>
      </c>
      <c r="B43" s="27">
        <v>134</v>
      </c>
      <c r="C43" s="28">
        <v>130</v>
      </c>
      <c r="D43" s="29">
        <v>264</v>
      </c>
    </row>
    <row r="44" spans="1:4" ht="18" customHeight="1" x14ac:dyDescent="0.2">
      <c r="A44" s="31">
        <v>32</v>
      </c>
      <c r="B44" s="27">
        <v>126</v>
      </c>
      <c r="C44" s="28">
        <v>123</v>
      </c>
      <c r="D44" s="29">
        <v>249</v>
      </c>
    </row>
    <row r="45" spans="1:4" ht="18" customHeight="1" x14ac:dyDescent="0.2">
      <c r="A45" s="31">
        <v>33</v>
      </c>
      <c r="B45" s="27">
        <v>138</v>
      </c>
      <c r="C45" s="28">
        <v>121</v>
      </c>
      <c r="D45" s="29">
        <v>259</v>
      </c>
    </row>
    <row r="46" spans="1:4" ht="18" customHeight="1" x14ac:dyDescent="0.2">
      <c r="A46" s="31">
        <v>34</v>
      </c>
      <c r="B46" s="27">
        <v>149</v>
      </c>
      <c r="C46" s="28">
        <v>143</v>
      </c>
      <c r="D46" s="29">
        <v>292</v>
      </c>
    </row>
    <row r="47" spans="1:4" ht="18" customHeight="1" x14ac:dyDescent="0.2">
      <c r="A47" s="31" t="s">
        <v>73</v>
      </c>
      <c r="B47" s="27">
        <v>693</v>
      </c>
      <c r="C47" s="28">
        <v>640</v>
      </c>
      <c r="D47" s="29">
        <v>1333</v>
      </c>
    </row>
    <row r="48" spans="1:4" ht="18" customHeight="1" x14ac:dyDescent="0.2">
      <c r="A48" s="31">
        <v>35</v>
      </c>
      <c r="B48" s="27">
        <v>140</v>
      </c>
      <c r="C48" s="28">
        <v>140</v>
      </c>
      <c r="D48" s="29">
        <v>280</v>
      </c>
    </row>
    <row r="49" spans="1:4" ht="18" customHeight="1" x14ac:dyDescent="0.2">
      <c r="A49" s="31">
        <v>36</v>
      </c>
      <c r="B49" s="27">
        <v>172</v>
      </c>
      <c r="C49" s="28">
        <v>138</v>
      </c>
      <c r="D49" s="29">
        <v>310</v>
      </c>
    </row>
    <row r="50" spans="1:4" ht="18" customHeight="1" x14ac:dyDescent="0.2">
      <c r="A50" s="31">
        <v>37</v>
      </c>
      <c r="B50" s="27">
        <v>151</v>
      </c>
      <c r="C50" s="28">
        <v>147</v>
      </c>
      <c r="D50" s="29">
        <v>298</v>
      </c>
    </row>
    <row r="51" spans="1:4" ht="18" customHeight="1" x14ac:dyDescent="0.2">
      <c r="A51" s="31">
        <v>38</v>
      </c>
      <c r="B51" s="27">
        <v>138</v>
      </c>
      <c r="C51" s="28">
        <v>141</v>
      </c>
      <c r="D51" s="29">
        <v>279</v>
      </c>
    </row>
    <row r="52" spans="1:4" ht="18" customHeight="1" x14ac:dyDescent="0.2">
      <c r="A52" s="31">
        <v>39</v>
      </c>
      <c r="B52" s="27">
        <v>144</v>
      </c>
      <c r="C52" s="28">
        <v>131</v>
      </c>
      <c r="D52" s="29">
        <v>275</v>
      </c>
    </row>
    <row r="53" spans="1:4" ht="18" customHeight="1" x14ac:dyDescent="0.2">
      <c r="A53" s="31" t="s">
        <v>74</v>
      </c>
      <c r="B53" s="27">
        <v>745</v>
      </c>
      <c r="C53" s="28">
        <v>697</v>
      </c>
      <c r="D53" s="29">
        <v>1442</v>
      </c>
    </row>
    <row r="54" spans="1:4" ht="18" customHeight="1" x14ac:dyDescent="0.2">
      <c r="A54" s="31">
        <v>40</v>
      </c>
      <c r="B54" s="27">
        <v>121</v>
      </c>
      <c r="C54" s="28">
        <v>124</v>
      </c>
      <c r="D54" s="29">
        <v>245</v>
      </c>
    </row>
    <row r="55" spans="1:4" ht="18" customHeight="1" x14ac:dyDescent="0.2">
      <c r="A55" s="31">
        <v>41</v>
      </c>
      <c r="B55" s="27">
        <v>117</v>
      </c>
      <c r="C55" s="28">
        <v>139</v>
      </c>
      <c r="D55" s="29">
        <v>256</v>
      </c>
    </row>
    <row r="56" spans="1:4" ht="18" customHeight="1" x14ac:dyDescent="0.2">
      <c r="A56" s="31">
        <v>42</v>
      </c>
      <c r="B56" s="27">
        <v>131</v>
      </c>
      <c r="C56" s="28">
        <v>105</v>
      </c>
      <c r="D56" s="29">
        <v>236</v>
      </c>
    </row>
    <row r="57" spans="1:4" ht="18" customHeight="1" x14ac:dyDescent="0.2">
      <c r="A57" s="31">
        <v>43</v>
      </c>
      <c r="B57" s="27">
        <v>87</v>
      </c>
      <c r="C57" s="28">
        <v>101</v>
      </c>
      <c r="D57" s="29">
        <v>188</v>
      </c>
    </row>
    <row r="58" spans="1:4" ht="18" customHeight="1" x14ac:dyDescent="0.2">
      <c r="A58" s="31">
        <v>44</v>
      </c>
      <c r="B58" s="27">
        <v>130</v>
      </c>
      <c r="C58" s="28">
        <v>113</v>
      </c>
      <c r="D58" s="29">
        <v>243</v>
      </c>
    </row>
    <row r="59" spans="1:4" ht="18" customHeight="1" x14ac:dyDescent="0.2">
      <c r="A59" s="31" t="s">
        <v>75</v>
      </c>
      <c r="B59" s="27">
        <v>586</v>
      </c>
      <c r="C59" s="28">
        <v>582</v>
      </c>
      <c r="D59" s="29">
        <v>1168</v>
      </c>
    </row>
    <row r="60" spans="1:4" ht="18" customHeight="1" x14ac:dyDescent="0.2">
      <c r="A60" s="31">
        <v>45</v>
      </c>
      <c r="B60" s="27">
        <v>128</v>
      </c>
      <c r="C60" s="28">
        <v>118</v>
      </c>
      <c r="D60" s="29">
        <v>246</v>
      </c>
    </row>
    <row r="61" spans="1:4" ht="18" customHeight="1" x14ac:dyDescent="0.2">
      <c r="A61" s="31">
        <v>46</v>
      </c>
      <c r="B61" s="27">
        <v>110</v>
      </c>
      <c r="C61" s="28">
        <v>118</v>
      </c>
      <c r="D61" s="29">
        <v>228</v>
      </c>
    </row>
    <row r="62" spans="1:4" ht="18" customHeight="1" x14ac:dyDescent="0.2">
      <c r="A62" s="31">
        <v>47</v>
      </c>
      <c r="B62" s="27">
        <v>117</v>
      </c>
      <c r="C62" s="28">
        <v>102</v>
      </c>
      <c r="D62" s="29">
        <v>219</v>
      </c>
    </row>
    <row r="63" spans="1:4" ht="18" customHeight="1" x14ac:dyDescent="0.2">
      <c r="A63" s="31">
        <v>48</v>
      </c>
      <c r="B63" s="27">
        <v>121</v>
      </c>
      <c r="C63" s="28">
        <v>141</v>
      </c>
      <c r="D63" s="29">
        <v>262</v>
      </c>
    </row>
    <row r="64" spans="1:4" ht="18" customHeight="1" x14ac:dyDescent="0.2">
      <c r="A64" s="31">
        <v>49</v>
      </c>
      <c r="B64" s="27">
        <v>139</v>
      </c>
      <c r="C64" s="28">
        <v>110</v>
      </c>
      <c r="D64" s="29">
        <v>249</v>
      </c>
    </row>
    <row r="65" spans="1:4" ht="18" customHeight="1" x14ac:dyDescent="0.2">
      <c r="A65" s="31" t="s">
        <v>76</v>
      </c>
      <c r="B65" s="27">
        <v>615</v>
      </c>
      <c r="C65" s="28">
        <v>589</v>
      </c>
      <c r="D65" s="29">
        <v>1204</v>
      </c>
    </row>
    <row r="66" spans="1:4" ht="18" customHeight="1" x14ac:dyDescent="0.2">
      <c r="A66" s="31">
        <v>50</v>
      </c>
      <c r="B66" s="27">
        <v>106</v>
      </c>
      <c r="C66" s="28">
        <v>117</v>
      </c>
      <c r="D66" s="29">
        <v>223</v>
      </c>
    </row>
    <row r="67" spans="1:4" ht="18" customHeight="1" x14ac:dyDescent="0.2">
      <c r="A67" s="31">
        <v>51</v>
      </c>
      <c r="B67" s="27">
        <v>122</v>
      </c>
      <c r="C67" s="28">
        <v>131</v>
      </c>
      <c r="D67" s="29">
        <v>253</v>
      </c>
    </row>
    <row r="68" spans="1:4" ht="18" customHeight="1" x14ac:dyDescent="0.2">
      <c r="A68" s="31">
        <v>52</v>
      </c>
      <c r="B68" s="27">
        <v>120</v>
      </c>
      <c r="C68" s="28">
        <v>135</v>
      </c>
      <c r="D68" s="29">
        <v>255</v>
      </c>
    </row>
    <row r="69" spans="1:4" ht="18" customHeight="1" x14ac:dyDescent="0.2">
      <c r="A69" s="31">
        <v>53</v>
      </c>
      <c r="B69" s="27">
        <v>131</v>
      </c>
      <c r="C69" s="28">
        <v>132</v>
      </c>
      <c r="D69" s="29">
        <v>263</v>
      </c>
    </row>
    <row r="70" spans="1:4" ht="18" customHeight="1" x14ac:dyDescent="0.2">
      <c r="A70" s="31">
        <v>54</v>
      </c>
      <c r="B70" s="27">
        <v>158</v>
      </c>
      <c r="C70" s="28">
        <v>162</v>
      </c>
      <c r="D70" s="29">
        <v>320</v>
      </c>
    </row>
    <row r="71" spans="1:4" ht="18" customHeight="1" x14ac:dyDescent="0.2">
      <c r="A71" s="31" t="s">
        <v>77</v>
      </c>
      <c r="B71" s="27">
        <v>637</v>
      </c>
      <c r="C71" s="28">
        <v>677</v>
      </c>
      <c r="D71" s="29">
        <v>1314</v>
      </c>
    </row>
    <row r="72" spans="1:4" ht="18" customHeight="1" x14ac:dyDescent="0.2">
      <c r="A72" s="31">
        <v>55</v>
      </c>
      <c r="B72" s="27">
        <v>157</v>
      </c>
      <c r="C72" s="28">
        <v>168</v>
      </c>
      <c r="D72" s="29">
        <v>325</v>
      </c>
    </row>
    <row r="73" spans="1:4" ht="18" customHeight="1" x14ac:dyDescent="0.2">
      <c r="A73" s="31">
        <v>56</v>
      </c>
      <c r="B73" s="27">
        <v>183</v>
      </c>
      <c r="C73" s="28">
        <v>163</v>
      </c>
      <c r="D73" s="29">
        <v>346</v>
      </c>
    </row>
    <row r="74" spans="1:4" ht="18" customHeight="1" x14ac:dyDescent="0.2">
      <c r="A74" s="31">
        <v>57</v>
      </c>
      <c r="B74" s="27">
        <v>189</v>
      </c>
      <c r="C74" s="28">
        <v>159</v>
      </c>
      <c r="D74" s="29">
        <v>348</v>
      </c>
    </row>
    <row r="75" spans="1:4" ht="18" customHeight="1" x14ac:dyDescent="0.2">
      <c r="A75" s="31">
        <v>58</v>
      </c>
      <c r="B75" s="27">
        <v>173</v>
      </c>
      <c r="C75" s="28">
        <v>180</v>
      </c>
      <c r="D75" s="29">
        <v>353</v>
      </c>
    </row>
    <row r="76" spans="1:4" ht="18" customHeight="1" x14ac:dyDescent="0.2">
      <c r="A76" s="31">
        <v>59</v>
      </c>
      <c r="B76" s="27">
        <v>203</v>
      </c>
      <c r="C76" s="28">
        <v>191</v>
      </c>
      <c r="D76" s="29">
        <v>394</v>
      </c>
    </row>
    <row r="77" spans="1:4" ht="18" customHeight="1" x14ac:dyDescent="0.2">
      <c r="A77" s="31" t="s">
        <v>78</v>
      </c>
      <c r="B77" s="27">
        <v>905</v>
      </c>
      <c r="C77" s="28">
        <v>861</v>
      </c>
      <c r="D77" s="29">
        <v>1766</v>
      </c>
    </row>
    <row r="78" spans="1:4" ht="18" customHeight="1" x14ac:dyDescent="0.2">
      <c r="A78" s="31">
        <v>60</v>
      </c>
      <c r="B78" s="27">
        <v>218</v>
      </c>
      <c r="C78" s="28">
        <v>193</v>
      </c>
      <c r="D78" s="29">
        <v>411</v>
      </c>
    </row>
    <row r="79" spans="1:4" ht="18" customHeight="1" x14ac:dyDescent="0.2">
      <c r="A79" s="31">
        <v>61</v>
      </c>
      <c r="B79" s="27">
        <v>244</v>
      </c>
      <c r="C79" s="28">
        <v>192</v>
      </c>
      <c r="D79" s="29">
        <v>436</v>
      </c>
    </row>
    <row r="80" spans="1:4" ht="18" customHeight="1" x14ac:dyDescent="0.2">
      <c r="A80" s="31">
        <v>62</v>
      </c>
      <c r="B80" s="27">
        <v>211</v>
      </c>
      <c r="C80" s="28">
        <v>208</v>
      </c>
      <c r="D80" s="29">
        <v>419</v>
      </c>
    </row>
    <row r="81" spans="1:4" ht="18" customHeight="1" x14ac:dyDescent="0.2">
      <c r="A81" s="31">
        <v>63</v>
      </c>
      <c r="B81" s="27">
        <v>100</v>
      </c>
      <c r="C81" s="28">
        <v>107</v>
      </c>
      <c r="D81" s="29">
        <v>207</v>
      </c>
    </row>
    <row r="82" spans="1:4" ht="18" customHeight="1" x14ac:dyDescent="0.2">
      <c r="A82" s="31">
        <v>64</v>
      </c>
      <c r="B82" s="27">
        <v>111</v>
      </c>
      <c r="C82" s="28">
        <v>119</v>
      </c>
      <c r="D82" s="29">
        <v>230</v>
      </c>
    </row>
    <row r="83" spans="1:4" ht="18" customHeight="1" x14ac:dyDescent="0.2">
      <c r="A83" s="31" t="s">
        <v>79</v>
      </c>
      <c r="B83" s="27">
        <v>884</v>
      </c>
      <c r="C83" s="28">
        <v>819</v>
      </c>
      <c r="D83" s="29">
        <v>1703</v>
      </c>
    </row>
    <row r="84" spans="1:4" ht="18" customHeight="1" x14ac:dyDescent="0.2">
      <c r="A84" s="31" t="s">
        <v>80</v>
      </c>
      <c r="B84" s="27">
        <v>6666</v>
      </c>
      <c r="C84" s="28">
        <v>6346</v>
      </c>
      <c r="D84" s="29">
        <v>13012</v>
      </c>
    </row>
    <row r="85" spans="1:4" ht="18" customHeight="1" x14ac:dyDescent="0.2">
      <c r="A85" s="31">
        <v>65</v>
      </c>
      <c r="B85" s="27">
        <v>148</v>
      </c>
      <c r="C85" s="28">
        <v>131</v>
      </c>
      <c r="D85" s="29">
        <v>279</v>
      </c>
    </row>
    <row r="86" spans="1:4" ht="18" customHeight="1" x14ac:dyDescent="0.2">
      <c r="A86" s="31">
        <v>66</v>
      </c>
      <c r="B86" s="27">
        <v>138</v>
      </c>
      <c r="C86" s="28">
        <v>139</v>
      </c>
      <c r="D86" s="29">
        <v>277</v>
      </c>
    </row>
    <row r="87" spans="1:4" ht="18" customHeight="1" x14ac:dyDescent="0.2">
      <c r="A87" s="31">
        <v>67</v>
      </c>
      <c r="B87" s="27">
        <v>132</v>
      </c>
      <c r="C87" s="28">
        <v>154</v>
      </c>
      <c r="D87" s="29">
        <v>286</v>
      </c>
    </row>
    <row r="88" spans="1:4" ht="18" customHeight="1" x14ac:dyDescent="0.2">
      <c r="A88" s="31">
        <v>68</v>
      </c>
      <c r="B88" s="27">
        <v>152</v>
      </c>
      <c r="C88" s="28">
        <v>136</v>
      </c>
      <c r="D88" s="29">
        <v>288</v>
      </c>
    </row>
    <row r="89" spans="1:4" ht="18" customHeight="1" x14ac:dyDescent="0.2">
      <c r="A89" s="31">
        <v>69</v>
      </c>
      <c r="B89" s="27">
        <v>107</v>
      </c>
      <c r="C89" s="28">
        <v>120</v>
      </c>
      <c r="D89" s="29">
        <v>227</v>
      </c>
    </row>
    <row r="90" spans="1:4" ht="18" customHeight="1" x14ac:dyDescent="0.2">
      <c r="A90" s="31" t="s">
        <v>81</v>
      </c>
      <c r="B90" s="27">
        <v>677</v>
      </c>
      <c r="C90" s="28">
        <v>680</v>
      </c>
      <c r="D90" s="29">
        <v>1357</v>
      </c>
    </row>
    <row r="91" spans="1:4" ht="18" customHeight="1" x14ac:dyDescent="0.2">
      <c r="A91" s="31">
        <v>70</v>
      </c>
      <c r="B91" s="27">
        <v>90</v>
      </c>
      <c r="C91" s="28">
        <v>129</v>
      </c>
      <c r="D91" s="29">
        <v>219</v>
      </c>
    </row>
    <row r="92" spans="1:4" ht="18" customHeight="1" x14ac:dyDescent="0.2">
      <c r="A92" s="31">
        <v>71</v>
      </c>
      <c r="B92" s="27">
        <v>112</v>
      </c>
      <c r="C92" s="28">
        <v>141</v>
      </c>
      <c r="D92" s="29">
        <v>253</v>
      </c>
    </row>
    <row r="93" spans="1:4" ht="18" customHeight="1" x14ac:dyDescent="0.2">
      <c r="A93" s="31">
        <v>72</v>
      </c>
      <c r="B93" s="27">
        <v>117</v>
      </c>
      <c r="C93" s="28">
        <v>148</v>
      </c>
      <c r="D93" s="29">
        <v>265</v>
      </c>
    </row>
    <row r="94" spans="1:4" ht="18" customHeight="1" x14ac:dyDescent="0.2">
      <c r="A94" s="31">
        <v>73</v>
      </c>
      <c r="B94" s="27">
        <v>131</v>
      </c>
      <c r="C94" s="28">
        <v>159</v>
      </c>
      <c r="D94" s="29">
        <v>290</v>
      </c>
    </row>
    <row r="95" spans="1:4" ht="18" customHeight="1" x14ac:dyDescent="0.2">
      <c r="A95" s="31">
        <v>74</v>
      </c>
      <c r="B95" s="27">
        <v>100</v>
      </c>
      <c r="C95" s="28">
        <v>119</v>
      </c>
      <c r="D95" s="29">
        <v>219</v>
      </c>
    </row>
    <row r="96" spans="1:4" ht="18" customHeight="1" x14ac:dyDescent="0.2">
      <c r="A96" s="31" t="s">
        <v>82</v>
      </c>
      <c r="B96" s="27">
        <v>550</v>
      </c>
      <c r="C96" s="28">
        <v>696</v>
      </c>
      <c r="D96" s="29">
        <v>1246</v>
      </c>
    </row>
    <row r="97" spans="1:4" ht="18" customHeight="1" x14ac:dyDescent="0.2">
      <c r="A97" s="31">
        <v>75</v>
      </c>
      <c r="B97" s="27">
        <v>120</v>
      </c>
      <c r="C97" s="28">
        <v>154</v>
      </c>
      <c r="D97" s="29">
        <v>274</v>
      </c>
    </row>
    <row r="98" spans="1:4" ht="18" customHeight="1" x14ac:dyDescent="0.2">
      <c r="A98" s="31">
        <v>76</v>
      </c>
      <c r="B98" s="27">
        <v>124</v>
      </c>
      <c r="C98" s="28">
        <v>140</v>
      </c>
      <c r="D98" s="29">
        <v>264</v>
      </c>
    </row>
    <row r="99" spans="1:4" ht="18" customHeight="1" x14ac:dyDescent="0.2">
      <c r="A99" s="31">
        <v>77</v>
      </c>
      <c r="B99" s="27">
        <v>106</v>
      </c>
      <c r="C99" s="28">
        <v>140</v>
      </c>
      <c r="D99" s="29">
        <v>246</v>
      </c>
    </row>
    <row r="100" spans="1:4" ht="18" customHeight="1" x14ac:dyDescent="0.2">
      <c r="A100" s="31">
        <v>78</v>
      </c>
      <c r="B100" s="27">
        <v>99</v>
      </c>
      <c r="C100" s="28">
        <v>143</v>
      </c>
      <c r="D100" s="29">
        <v>242</v>
      </c>
    </row>
    <row r="101" spans="1:4" ht="18" customHeight="1" x14ac:dyDescent="0.2">
      <c r="A101" s="31">
        <v>79</v>
      </c>
      <c r="B101" s="27">
        <v>95</v>
      </c>
      <c r="C101" s="28">
        <v>140</v>
      </c>
      <c r="D101" s="29">
        <v>235</v>
      </c>
    </row>
    <row r="102" spans="1:4" ht="18" customHeight="1" x14ac:dyDescent="0.2">
      <c r="A102" s="31" t="s">
        <v>83</v>
      </c>
      <c r="B102" s="27">
        <v>544</v>
      </c>
      <c r="C102" s="28">
        <v>717</v>
      </c>
      <c r="D102" s="29">
        <v>1261</v>
      </c>
    </row>
    <row r="103" spans="1:4" ht="18" customHeight="1" x14ac:dyDescent="0.2">
      <c r="A103" s="31">
        <v>80</v>
      </c>
      <c r="B103" s="27">
        <v>101</v>
      </c>
      <c r="C103" s="28">
        <v>142</v>
      </c>
      <c r="D103" s="29">
        <v>243</v>
      </c>
    </row>
    <row r="104" spans="1:4" ht="18" customHeight="1" x14ac:dyDescent="0.2">
      <c r="A104" s="31">
        <v>81</v>
      </c>
      <c r="B104" s="27">
        <v>97</v>
      </c>
      <c r="C104" s="28">
        <v>138</v>
      </c>
      <c r="D104" s="29">
        <v>235</v>
      </c>
    </row>
    <row r="105" spans="1:4" ht="18" customHeight="1" x14ac:dyDescent="0.2">
      <c r="A105" s="31">
        <v>82</v>
      </c>
      <c r="B105" s="27">
        <v>69</v>
      </c>
      <c r="C105" s="28">
        <v>119</v>
      </c>
      <c r="D105" s="29">
        <v>188</v>
      </c>
    </row>
    <row r="106" spans="1:4" ht="18" customHeight="1" x14ac:dyDescent="0.2">
      <c r="A106" s="31">
        <v>83</v>
      </c>
      <c r="B106" s="27">
        <v>68</v>
      </c>
      <c r="C106" s="28">
        <v>135</v>
      </c>
      <c r="D106" s="29">
        <v>203</v>
      </c>
    </row>
    <row r="107" spans="1:4" ht="18" customHeight="1" x14ac:dyDescent="0.2">
      <c r="A107" s="31">
        <v>84</v>
      </c>
      <c r="B107" s="27">
        <v>46</v>
      </c>
      <c r="C107" s="28">
        <v>87</v>
      </c>
      <c r="D107" s="29">
        <v>133</v>
      </c>
    </row>
    <row r="108" spans="1:4" ht="18" customHeight="1" x14ac:dyDescent="0.2">
      <c r="A108" s="31" t="s">
        <v>84</v>
      </c>
      <c r="B108" s="27">
        <v>381</v>
      </c>
      <c r="C108" s="28">
        <v>621</v>
      </c>
      <c r="D108" s="29">
        <v>1002</v>
      </c>
    </row>
    <row r="109" spans="1:4" ht="18" customHeight="1" x14ac:dyDescent="0.2">
      <c r="A109" s="31">
        <v>85</v>
      </c>
      <c r="B109" s="27">
        <v>43</v>
      </c>
      <c r="C109" s="28">
        <v>96</v>
      </c>
      <c r="D109" s="29">
        <v>139</v>
      </c>
    </row>
    <row r="110" spans="1:4" ht="18" customHeight="1" x14ac:dyDescent="0.2">
      <c r="A110" s="31">
        <v>86</v>
      </c>
      <c r="B110" s="27">
        <v>45</v>
      </c>
      <c r="C110" s="28">
        <v>80</v>
      </c>
      <c r="D110" s="29">
        <v>125</v>
      </c>
    </row>
    <row r="111" spans="1:4" ht="18" customHeight="1" x14ac:dyDescent="0.2">
      <c r="A111" s="31">
        <v>87</v>
      </c>
      <c r="B111" s="27">
        <v>33</v>
      </c>
      <c r="C111" s="28">
        <v>67</v>
      </c>
      <c r="D111" s="29">
        <v>100</v>
      </c>
    </row>
    <row r="112" spans="1:4" ht="18" customHeight="1" x14ac:dyDescent="0.2">
      <c r="A112" s="31">
        <v>88</v>
      </c>
      <c r="B112" s="27">
        <v>26</v>
      </c>
      <c r="C112" s="28">
        <v>60</v>
      </c>
      <c r="D112" s="29">
        <v>86</v>
      </c>
    </row>
    <row r="113" spans="1:4" ht="18" customHeight="1" x14ac:dyDescent="0.2">
      <c r="A113" s="31">
        <v>89</v>
      </c>
      <c r="B113" s="27">
        <v>30</v>
      </c>
      <c r="C113" s="28">
        <v>69</v>
      </c>
      <c r="D113" s="29">
        <v>99</v>
      </c>
    </row>
    <row r="114" spans="1:4" ht="18" customHeight="1" x14ac:dyDescent="0.2">
      <c r="A114" s="31" t="s">
        <v>85</v>
      </c>
      <c r="B114" s="27">
        <v>177</v>
      </c>
      <c r="C114" s="28">
        <v>372</v>
      </c>
      <c r="D114" s="29">
        <v>549</v>
      </c>
    </row>
    <row r="115" spans="1:4" ht="18" customHeight="1" x14ac:dyDescent="0.2">
      <c r="A115" s="31">
        <v>90</v>
      </c>
      <c r="B115" s="27">
        <v>13</v>
      </c>
      <c r="C115" s="28">
        <v>43</v>
      </c>
      <c r="D115" s="29">
        <v>56</v>
      </c>
    </row>
    <row r="116" spans="1:4" ht="18" customHeight="1" x14ac:dyDescent="0.2">
      <c r="A116" s="31">
        <v>91</v>
      </c>
      <c r="B116" s="27">
        <v>11</v>
      </c>
      <c r="C116" s="28">
        <v>37</v>
      </c>
      <c r="D116" s="29">
        <v>48</v>
      </c>
    </row>
    <row r="117" spans="1:4" ht="18" customHeight="1" x14ac:dyDescent="0.2">
      <c r="A117" s="31">
        <v>92</v>
      </c>
      <c r="B117" s="27">
        <v>16</v>
      </c>
      <c r="C117" s="28">
        <v>42</v>
      </c>
      <c r="D117" s="29">
        <v>58</v>
      </c>
    </row>
    <row r="118" spans="1:4" ht="18" customHeight="1" x14ac:dyDescent="0.2">
      <c r="A118" s="31">
        <v>93</v>
      </c>
      <c r="B118" s="27">
        <v>9</v>
      </c>
      <c r="C118" s="28">
        <v>24</v>
      </c>
      <c r="D118" s="29">
        <v>33</v>
      </c>
    </row>
    <row r="119" spans="1:4" ht="18" customHeight="1" x14ac:dyDescent="0.2">
      <c r="A119" s="31">
        <v>94</v>
      </c>
      <c r="B119" s="27">
        <v>9</v>
      </c>
      <c r="C119" s="28">
        <v>21</v>
      </c>
      <c r="D119" s="29">
        <v>30</v>
      </c>
    </row>
    <row r="120" spans="1:4" ht="18" customHeight="1" x14ac:dyDescent="0.2">
      <c r="A120" s="31" t="s">
        <v>86</v>
      </c>
      <c r="B120" s="27">
        <v>58</v>
      </c>
      <c r="C120" s="28">
        <v>167</v>
      </c>
      <c r="D120" s="29">
        <v>225</v>
      </c>
    </row>
    <row r="121" spans="1:4" ht="18" customHeight="1" x14ac:dyDescent="0.2">
      <c r="A121" s="31">
        <v>95</v>
      </c>
      <c r="B121" s="27">
        <v>4</v>
      </c>
      <c r="C121" s="28">
        <v>16</v>
      </c>
      <c r="D121" s="29">
        <v>20</v>
      </c>
    </row>
    <row r="122" spans="1:4" ht="18" customHeight="1" x14ac:dyDescent="0.2">
      <c r="A122" s="31">
        <v>96</v>
      </c>
      <c r="B122" s="27">
        <v>2</v>
      </c>
      <c r="C122" s="28">
        <v>15</v>
      </c>
      <c r="D122" s="29">
        <v>17</v>
      </c>
    </row>
    <row r="123" spans="1:4" ht="18" customHeight="1" x14ac:dyDescent="0.2">
      <c r="A123" s="31">
        <v>97</v>
      </c>
      <c r="B123" s="27">
        <v>1</v>
      </c>
      <c r="C123" s="28">
        <v>6</v>
      </c>
      <c r="D123" s="29">
        <v>7</v>
      </c>
    </row>
    <row r="124" spans="1:4" ht="18" customHeight="1" x14ac:dyDescent="0.2">
      <c r="A124" s="31">
        <v>98</v>
      </c>
      <c r="B124" s="27">
        <v>0</v>
      </c>
      <c r="C124" s="28">
        <v>9</v>
      </c>
      <c r="D124" s="29">
        <v>9</v>
      </c>
    </row>
    <row r="125" spans="1:4" ht="18" customHeight="1" x14ac:dyDescent="0.2">
      <c r="A125" s="31">
        <v>99</v>
      </c>
      <c r="B125" s="27">
        <v>2</v>
      </c>
      <c r="C125" s="28">
        <v>7</v>
      </c>
      <c r="D125" s="29">
        <v>9</v>
      </c>
    </row>
    <row r="126" spans="1:4" ht="18" customHeight="1" x14ac:dyDescent="0.2">
      <c r="A126" s="31" t="s">
        <v>87</v>
      </c>
      <c r="B126" s="27">
        <v>9</v>
      </c>
      <c r="C126" s="28">
        <v>53</v>
      </c>
      <c r="D126" s="29">
        <v>62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5</v>
      </c>
      <c r="D128" s="29">
        <v>5</v>
      </c>
    </row>
    <row r="129" spans="1:4" ht="18" customHeight="1" x14ac:dyDescent="0.2">
      <c r="A129" s="31" t="s">
        <v>89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90</v>
      </c>
      <c r="B130" s="4">
        <v>2396</v>
      </c>
      <c r="C130" s="5">
        <v>3312</v>
      </c>
      <c r="D130" s="6">
        <v>5708</v>
      </c>
    </row>
    <row r="131" spans="1:4" ht="18" customHeight="1" x14ac:dyDescent="0.2">
      <c r="A131" s="33" t="s">
        <v>65</v>
      </c>
      <c r="B131" s="7">
        <v>10562</v>
      </c>
      <c r="C131" s="8">
        <v>11059</v>
      </c>
      <c r="D131" s="9">
        <v>2162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72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71</v>
      </c>
      <c r="C5" s="37">
        <v>70</v>
      </c>
      <c r="D5" s="39">
        <v>141</v>
      </c>
    </row>
    <row r="6" spans="1:4" ht="18" customHeight="1" x14ac:dyDescent="0.2">
      <c r="A6" s="31">
        <v>1</v>
      </c>
      <c r="B6" s="35">
        <v>88</v>
      </c>
      <c r="C6" s="28">
        <v>84</v>
      </c>
      <c r="D6" s="29">
        <v>172</v>
      </c>
    </row>
    <row r="7" spans="1:4" ht="18" customHeight="1" x14ac:dyDescent="0.2">
      <c r="A7" s="31">
        <v>2</v>
      </c>
      <c r="B7" s="35">
        <v>82</v>
      </c>
      <c r="C7" s="28">
        <v>76</v>
      </c>
      <c r="D7" s="29">
        <v>158</v>
      </c>
    </row>
    <row r="8" spans="1:4" ht="18" customHeight="1" x14ac:dyDescent="0.2">
      <c r="A8" s="31">
        <v>3</v>
      </c>
      <c r="B8" s="35">
        <v>78</v>
      </c>
      <c r="C8" s="28">
        <v>82</v>
      </c>
      <c r="D8" s="29">
        <v>160</v>
      </c>
    </row>
    <row r="9" spans="1:4" ht="18" customHeight="1" x14ac:dyDescent="0.2">
      <c r="A9" s="31">
        <v>4</v>
      </c>
      <c r="B9" s="36">
        <v>86</v>
      </c>
      <c r="C9" s="38">
        <v>65</v>
      </c>
      <c r="D9" s="40">
        <v>151</v>
      </c>
    </row>
    <row r="10" spans="1:4" ht="18" customHeight="1" x14ac:dyDescent="0.2">
      <c r="A10" s="31" t="s">
        <v>66</v>
      </c>
      <c r="B10" s="27">
        <v>405</v>
      </c>
      <c r="C10" s="28">
        <v>377</v>
      </c>
      <c r="D10" s="29">
        <v>782</v>
      </c>
    </row>
    <row r="11" spans="1:4" ht="18" customHeight="1" x14ac:dyDescent="0.2">
      <c r="A11" s="31">
        <v>5</v>
      </c>
      <c r="B11" s="35">
        <v>79</v>
      </c>
      <c r="C11" s="28">
        <v>90</v>
      </c>
      <c r="D11" s="29">
        <v>169</v>
      </c>
    </row>
    <row r="12" spans="1:4" ht="18" customHeight="1" x14ac:dyDescent="0.2">
      <c r="A12" s="31">
        <v>6</v>
      </c>
      <c r="B12" s="35">
        <v>80</v>
      </c>
      <c r="C12" s="28">
        <v>74</v>
      </c>
      <c r="D12" s="29">
        <v>154</v>
      </c>
    </row>
    <row r="13" spans="1:4" ht="18" customHeight="1" x14ac:dyDescent="0.2">
      <c r="A13" s="31">
        <v>7</v>
      </c>
      <c r="B13" s="35">
        <v>75</v>
      </c>
      <c r="C13" s="28">
        <v>68</v>
      </c>
      <c r="D13" s="29">
        <v>143</v>
      </c>
    </row>
    <row r="14" spans="1:4" ht="18" customHeight="1" x14ac:dyDescent="0.2">
      <c r="A14" s="31">
        <v>8</v>
      </c>
      <c r="B14" s="35">
        <v>70</v>
      </c>
      <c r="C14" s="28">
        <v>65</v>
      </c>
      <c r="D14" s="29">
        <v>135</v>
      </c>
    </row>
    <row r="15" spans="1:4" ht="18" customHeight="1" x14ac:dyDescent="0.2">
      <c r="A15" s="31">
        <v>9</v>
      </c>
      <c r="B15" s="35">
        <v>72</v>
      </c>
      <c r="C15" s="28">
        <v>56</v>
      </c>
      <c r="D15" s="29">
        <v>128</v>
      </c>
    </row>
    <row r="16" spans="1:4" ht="18" customHeight="1" x14ac:dyDescent="0.2">
      <c r="A16" s="31" t="s">
        <v>67</v>
      </c>
      <c r="B16" s="27">
        <v>376</v>
      </c>
      <c r="C16" s="28">
        <v>353</v>
      </c>
      <c r="D16" s="29">
        <v>729</v>
      </c>
    </row>
    <row r="17" spans="1:4" ht="18" customHeight="1" x14ac:dyDescent="0.2">
      <c r="A17" s="31">
        <v>10</v>
      </c>
      <c r="B17" s="27">
        <v>69</v>
      </c>
      <c r="C17" s="28">
        <v>64</v>
      </c>
      <c r="D17" s="29">
        <v>133</v>
      </c>
    </row>
    <row r="18" spans="1:4" ht="18" customHeight="1" x14ac:dyDescent="0.2">
      <c r="A18" s="31">
        <v>11</v>
      </c>
      <c r="B18" s="27">
        <v>62</v>
      </c>
      <c r="C18" s="28">
        <v>46</v>
      </c>
      <c r="D18" s="29">
        <v>108</v>
      </c>
    </row>
    <row r="19" spans="1:4" ht="18" customHeight="1" x14ac:dyDescent="0.2">
      <c r="A19" s="31">
        <v>12</v>
      </c>
      <c r="B19" s="27">
        <v>43</v>
      </c>
      <c r="C19" s="28">
        <v>60</v>
      </c>
      <c r="D19" s="29">
        <v>103</v>
      </c>
    </row>
    <row r="20" spans="1:4" ht="18" customHeight="1" x14ac:dyDescent="0.2">
      <c r="A20" s="31">
        <v>13</v>
      </c>
      <c r="B20" s="27">
        <v>65</v>
      </c>
      <c r="C20" s="28">
        <v>59</v>
      </c>
      <c r="D20" s="29">
        <v>124</v>
      </c>
    </row>
    <row r="21" spans="1:4" ht="18" customHeight="1" x14ac:dyDescent="0.2">
      <c r="A21" s="31">
        <v>14</v>
      </c>
      <c r="B21" s="27">
        <v>53</v>
      </c>
      <c r="C21" s="28">
        <v>59</v>
      </c>
      <c r="D21" s="29">
        <v>112</v>
      </c>
    </row>
    <row r="22" spans="1:4" ht="18" customHeight="1" x14ac:dyDescent="0.2">
      <c r="A22" s="31" t="s">
        <v>68</v>
      </c>
      <c r="B22" s="27">
        <v>292</v>
      </c>
      <c r="C22" s="28">
        <v>288</v>
      </c>
      <c r="D22" s="29">
        <v>580</v>
      </c>
    </row>
    <row r="23" spans="1:4" ht="18" customHeight="1" x14ac:dyDescent="0.2">
      <c r="A23" s="31" t="s">
        <v>69</v>
      </c>
      <c r="B23" s="27">
        <v>1073</v>
      </c>
      <c r="C23" s="28">
        <v>1018</v>
      </c>
      <c r="D23" s="29">
        <v>2091</v>
      </c>
    </row>
    <row r="24" spans="1:4" ht="18" customHeight="1" x14ac:dyDescent="0.2">
      <c r="A24" s="31">
        <v>15</v>
      </c>
      <c r="B24" s="27">
        <v>45</v>
      </c>
      <c r="C24" s="28">
        <v>55</v>
      </c>
      <c r="D24" s="29">
        <v>100</v>
      </c>
    </row>
    <row r="25" spans="1:4" ht="18" customHeight="1" x14ac:dyDescent="0.2">
      <c r="A25" s="31">
        <v>16</v>
      </c>
      <c r="B25" s="27">
        <v>58</v>
      </c>
      <c r="C25" s="28">
        <v>53</v>
      </c>
      <c r="D25" s="29">
        <v>111</v>
      </c>
    </row>
    <row r="26" spans="1:4" ht="18" customHeight="1" x14ac:dyDescent="0.2">
      <c r="A26" s="31">
        <v>17</v>
      </c>
      <c r="B26" s="27">
        <v>60</v>
      </c>
      <c r="C26" s="28">
        <v>59</v>
      </c>
      <c r="D26" s="29">
        <v>119</v>
      </c>
    </row>
    <row r="27" spans="1:4" ht="18" customHeight="1" x14ac:dyDescent="0.2">
      <c r="A27" s="31">
        <v>18</v>
      </c>
      <c r="B27" s="27">
        <v>73</v>
      </c>
      <c r="C27" s="28">
        <v>58</v>
      </c>
      <c r="D27" s="29">
        <v>131</v>
      </c>
    </row>
    <row r="28" spans="1:4" ht="18" customHeight="1" x14ac:dyDescent="0.2">
      <c r="A28" s="31">
        <v>19</v>
      </c>
      <c r="B28" s="27">
        <v>54</v>
      </c>
      <c r="C28" s="28">
        <v>46</v>
      </c>
      <c r="D28" s="29">
        <v>100</v>
      </c>
    </row>
    <row r="29" spans="1:4" ht="18" customHeight="1" x14ac:dyDescent="0.2">
      <c r="A29" s="31" t="s">
        <v>70</v>
      </c>
      <c r="B29" s="27">
        <v>290</v>
      </c>
      <c r="C29" s="28">
        <v>271</v>
      </c>
      <c r="D29" s="29">
        <v>561</v>
      </c>
    </row>
    <row r="30" spans="1:4" ht="18" customHeight="1" x14ac:dyDescent="0.2">
      <c r="A30" s="31">
        <v>20</v>
      </c>
      <c r="B30" s="27">
        <v>53</v>
      </c>
      <c r="C30" s="28">
        <v>40</v>
      </c>
      <c r="D30" s="29">
        <v>93</v>
      </c>
    </row>
    <row r="31" spans="1:4" ht="18" customHeight="1" x14ac:dyDescent="0.2">
      <c r="A31" s="31">
        <v>21</v>
      </c>
      <c r="B31" s="27">
        <v>45</v>
      </c>
      <c r="C31" s="28">
        <v>58</v>
      </c>
      <c r="D31" s="29">
        <v>103</v>
      </c>
    </row>
    <row r="32" spans="1:4" ht="18" customHeight="1" x14ac:dyDescent="0.2">
      <c r="A32" s="31">
        <v>22</v>
      </c>
      <c r="B32" s="27">
        <v>72</v>
      </c>
      <c r="C32" s="28">
        <v>56</v>
      </c>
      <c r="D32" s="29">
        <v>128</v>
      </c>
    </row>
    <row r="33" spans="1:4" ht="18" customHeight="1" x14ac:dyDescent="0.2">
      <c r="A33" s="31">
        <v>23</v>
      </c>
      <c r="B33" s="27">
        <v>52</v>
      </c>
      <c r="C33" s="28">
        <v>54</v>
      </c>
      <c r="D33" s="29">
        <v>106</v>
      </c>
    </row>
    <row r="34" spans="1:4" ht="18" customHeight="1" x14ac:dyDescent="0.2">
      <c r="A34" s="31">
        <v>24</v>
      </c>
      <c r="B34" s="27">
        <v>68</v>
      </c>
      <c r="C34" s="28">
        <v>60</v>
      </c>
      <c r="D34" s="29">
        <v>128</v>
      </c>
    </row>
    <row r="35" spans="1:4" ht="18" customHeight="1" x14ac:dyDescent="0.2">
      <c r="A35" s="31" t="s">
        <v>71</v>
      </c>
      <c r="B35" s="27">
        <v>290</v>
      </c>
      <c r="C35" s="28">
        <v>268</v>
      </c>
      <c r="D35" s="29">
        <v>558</v>
      </c>
    </row>
    <row r="36" spans="1:4" ht="18" customHeight="1" x14ac:dyDescent="0.2">
      <c r="A36" s="31">
        <v>25</v>
      </c>
      <c r="B36" s="27">
        <v>49</v>
      </c>
      <c r="C36" s="28">
        <v>67</v>
      </c>
      <c r="D36" s="29">
        <v>116</v>
      </c>
    </row>
    <row r="37" spans="1:4" ht="18" customHeight="1" x14ac:dyDescent="0.2">
      <c r="A37" s="31">
        <v>26</v>
      </c>
      <c r="B37" s="27">
        <v>64</v>
      </c>
      <c r="C37" s="28">
        <v>42</v>
      </c>
      <c r="D37" s="29">
        <v>106</v>
      </c>
    </row>
    <row r="38" spans="1:4" ht="18" customHeight="1" x14ac:dyDescent="0.2">
      <c r="A38" s="31">
        <v>27</v>
      </c>
      <c r="B38" s="27">
        <v>62</v>
      </c>
      <c r="C38" s="28">
        <v>66</v>
      </c>
      <c r="D38" s="29">
        <v>128</v>
      </c>
    </row>
    <row r="39" spans="1:4" ht="18" customHeight="1" x14ac:dyDescent="0.2">
      <c r="A39" s="31">
        <v>28</v>
      </c>
      <c r="B39" s="27">
        <v>61</v>
      </c>
      <c r="C39" s="28">
        <v>66</v>
      </c>
      <c r="D39" s="29">
        <v>127</v>
      </c>
    </row>
    <row r="40" spans="1:4" ht="18" customHeight="1" x14ac:dyDescent="0.2">
      <c r="A40" s="31">
        <v>29</v>
      </c>
      <c r="B40" s="27">
        <v>81</v>
      </c>
      <c r="C40" s="28">
        <v>76</v>
      </c>
      <c r="D40" s="29">
        <v>157</v>
      </c>
    </row>
    <row r="41" spans="1:4" ht="18" customHeight="1" x14ac:dyDescent="0.2">
      <c r="A41" s="31" t="s">
        <v>72</v>
      </c>
      <c r="B41" s="27">
        <v>317</v>
      </c>
      <c r="C41" s="28">
        <v>317</v>
      </c>
      <c r="D41" s="29">
        <v>634</v>
      </c>
    </row>
    <row r="42" spans="1:4" ht="18" customHeight="1" x14ac:dyDescent="0.2">
      <c r="A42" s="31">
        <v>30</v>
      </c>
      <c r="B42" s="27">
        <v>86</v>
      </c>
      <c r="C42" s="28">
        <v>71</v>
      </c>
      <c r="D42" s="29">
        <v>157</v>
      </c>
    </row>
    <row r="43" spans="1:4" ht="18" customHeight="1" x14ac:dyDescent="0.2">
      <c r="A43" s="31">
        <v>31</v>
      </c>
      <c r="B43" s="27">
        <v>91</v>
      </c>
      <c r="C43" s="28">
        <v>99</v>
      </c>
      <c r="D43" s="29">
        <v>190</v>
      </c>
    </row>
    <row r="44" spans="1:4" ht="18" customHeight="1" x14ac:dyDescent="0.2">
      <c r="A44" s="31">
        <v>32</v>
      </c>
      <c r="B44" s="27">
        <v>109</v>
      </c>
      <c r="C44" s="28">
        <v>101</v>
      </c>
      <c r="D44" s="29">
        <v>210</v>
      </c>
    </row>
    <row r="45" spans="1:4" ht="18" customHeight="1" x14ac:dyDescent="0.2">
      <c r="A45" s="31">
        <v>33</v>
      </c>
      <c r="B45" s="27">
        <v>106</v>
      </c>
      <c r="C45" s="28">
        <v>99</v>
      </c>
      <c r="D45" s="29">
        <v>205</v>
      </c>
    </row>
    <row r="46" spans="1:4" ht="18" customHeight="1" x14ac:dyDescent="0.2">
      <c r="A46" s="31">
        <v>34</v>
      </c>
      <c r="B46" s="27">
        <v>122</v>
      </c>
      <c r="C46" s="28">
        <v>116</v>
      </c>
      <c r="D46" s="29">
        <v>238</v>
      </c>
    </row>
    <row r="47" spans="1:4" ht="18" customHeight="1" x14ac:dyDescent="0.2">
      <c r="A47" s="31" t="s">
        <v>73</v>
      </c>
      <c r="B47" s="27">
        <v>514</v>
      </c>
      <c r="C47" s="28">
        <v>486</v>
      </c>
      <c r="D47" s="29">
        <v>1000</v>
      </c>
    </row>
    <row r="48" spans="1:4" ht="18" customHeight="1" x14ac:dyDescent="0.2">
      <c r="A48" s="31">
        <v>35</v>
      </c>
      <c r="B48" s="27">
        <v>110</v>
      </c>
      <c r="C48" s="28">
        <v>108</v>
      </c>
      <c r="D48" s="29">
        <v>218</v>
      </c>
    </row>
    <row r="49" spans="1:4" ht="18" customHeight="1" x14ac:dyDescent="0.2">
      <c r="A49" s="31">
        <v>36</v>
      </c>
      <c r="B49" s="27">
        <v>130</v>
      </c>
      <c r="C49" s="28">
        <v>123</v>
      </c>
      <c r="D49" s="29">
        <v>253</v>
      </c>
    </row>
    <row r="50" spans="1:4" ht="18" customHeight="1" x14ac:dyDescent="0.2">
      <c r="A50" s="31">
        <v>37</v>
      </c>
      <c r="B50" s="27">
        <v>110</v>
      </c>
      <c r="C50" s="28">
        <v>129</v>
      </c>
      <c r="D50" s="29">
        <v>239</v>
      </c>
    </row>
    <row r="51" spans="1:4" ht="18" customHeight="1" x14ac:dyDescent="0.2">
      <c r="A51" s="31">
        <v>38</v>
      </c>
      <c r="B51" s="27">
        <v>106</v>
      </c>
      <c r="C51" s="28">
        <v>85</v>
      </c>
      <c r="D51" s="29">
        <v>191</v>
      </c>
    </row>
    <row r="52" spans="1:4" ht="18" customHeight="1" x14ac:dyDescent="0.2">
      <c r="A52" s="31">
        <v>39</v>
      </c>
      <c r="B52" s="27">
        <v>117</v>
      </c>
      <c r="C52" s="28">
        <v>89</v>
      </c>
      <c r="D52" s="29">
        <v>206</v>
      </c>
    </row>
    <row r="53" spans="1:4" ht="18" customHeight="1" x14ac:dyDescent="0.2">
      <c r="A53" s="31" t="s">
        <v>74</v>
      </c>
      <c r="B53" s="27">
        <v>573</v>
      </c>
      <c r="C53" s="28">
        <v>534</v>
      </c>
      <c r="D53" s="29">
        <v>1107</v>
      </c>
    </row>
    <row r="54" spans="1:4" ht="18" customHeight="1" x14ac:dyDescent="0.2">
      <c r="A54" s="31">
        <v>40</v>
      </c>
      <c r="B54" s="27">
        <v>105</v>
      </c>
      <c r="C54" s="28">
        <v>91</v>
      </c>
      <c r="D54" s="29">
        <v>196</v>
      </c>
    </row>
    <row r="55" spans="1:4" ht="18" customHeight="1" x14ac:dyDescent="0.2">
      <c r="A55" s="31">
        <v>41</v>
      </c>
      <c r="B55" s="27">
        <v>92</v>
      </c>
      <c r="C55" s="28">
        <v>102</v>
      </c>
      <c r="D55" s="29">
        <v>194</v>
      </c>
    </row>
    <row r="56" spans="1:4" ht="18" customHeight="1" x14ac:dyDescent="0.2">
      <c r="A56" s="31">
        <v>42</v>
      </c>
      <c r="B56" s="27">
        <v>71</v>
      </c>
      <c r="C56" s="28">
        <v>94</v>
      </c>
      <c r="D56" s="29">
        <v>165</v>
      </c>
    </row>
    <row r="57" spans="1:4" ht="18" customHeight="1" x14ac:dyDescent="0.2">
      <c r="A57" s="31">
        <v>43</v>
      </c>
      <c r="B57" s="27">
        <v>58</v>
      </c>
      <c r="C57" s="28">
        <v>59</v>
      </c>
      <c r="D57" s="29">
        <v>117</v>
      </c>
    </row>
    <row r="58" spans="1:4" ht="18" customHeight="1" x14ac:dyDescent="0.2">
      <c r="A58" s="31">
        <v>44</v>
      </c>
      <c r="B58" s="27">
        <v>74</v>
      </c>
      <c r="C58" s="28">
        <v>81</v>
      </c>
      <c r="D58" s="29">
        <v>155</v>
      </c>
    </row>
    <row r="59" spans="1:4" ht="18" customHeight="1" x14ac:dyDescent="0.2">
      <c r="A59" s="31" t="s">
        <v>75</v>
      </c>
      <c r="B59" s="27">
        <v>400</v>
      </c>
      <c r="C59" s="28">
        <v>427</v>
      </c>
      <c r="D59" s="29">
        <v>827</v>
      </c>
    </row>
    <row r="60" spans="1:4" ht="18" customHeight="1" x14ac:dyDescent="0.2">
      <c r="A60" s="31">
        <v>45</v>
      </c>
      <c r="B60" s="27">
        <v>79</v>
      </c>
      <c r="C60" s="28">
        <v>78</v>
      </c>
      <c r="D60" s="29">
        <v>157</v>
      </c>
    </row>
    <row r="61" spans="1:4" ht="18" customHeight="1" x14ac:dyDescent="0.2">
      <c r="A61" s="31">
        <v>46</v>
      </c>
      <c r="B61" s="27">
        <v>76</v>
      </c>
      <c r="C61" s="28">
        <v>71</v>
      </c>
      <c r="D61" s="29">
        <v>147</v>
      </c>
    </row>
    <row r="62" spans="1:4" ht="18" customHeight="1" x14ac:dyDescent="0.2">
      <c r="A62" s="31">
        <v>47</v>
      </c>
      <c r="B62" s="27">
        <v>68</v>
      </c>
      <c r="C62" s="28">
        <v>75</v>
      </c>
      <c r="D62" s="29">
        <v>143</v>
      </c>
    </row>
    <row r="63" spans="1:4" ht="18" customHeight="1" x14ac:dyDescent="0.2">
      <c r="A63" s="31">
        <v>48</v>
      </c>
      <c r="B63" s="27">
        <v>67</v>
      </c>
      <c r="C63" s="28">
        <v>72</v>
      </c>
      <c r="D63" s="29">
        <v>139</v>
      </c>
    </row>
    <row r="64" spans="1:4" ht="18" customHeight="1" x14ac:dyDescent="0.2">
      <c r="A64" s="31">
        <v>49</v>
      </c>
      <c r="B64" s="27">
        <v>61</v>
      </c>
      <c r="C64" s="28">
        <v>74</v>
      </c>
      <c r="D64" s="29">
        <v>135</v>
      </c>
    </row>
    <row r="65" spans="1:4" ht="18" customHeight="1" x14ac:dyDescent="0.2">
      <c r="A65" s="31" t="s">
        <v>76</v>
      </c>
      <c r="B65" s="27">
        <v>351</v>
      </c>
      <c r="C65" s="28">
        <v>370</v>
      </c>
      <c r="D65" s="29">
        <v>721</v>
      </c>
    </row>
    <row r="66" spans="1:4" ht="18" customHeight="1" x14ac:dyDescent="0.2">
      <c r="A66" s="31">
        <v>50</v>
      </c>
      <c r="B66" s="27">
        <v>61</v>
      </c>
      <c r="C66" s="28">
        <v>67</v>
      </c>
      <c r="D66" s="29">
        <v>128</v>
      </c>
    </row>
    <row r="67" spans="1:4" ht="18" customHeight="1" x14ac:dyDescent="0.2">
      <c r="A67" s="31">
        <v>51</v>
      </c>
      <c r="B67" s="27">
        <v>54</v>
      </c>
      <c r="C67" s="28">
        <v>52</v>
      </c>
      <c r="D67" s="29">
        <v>106</v>
      </c>
    </row>
    <row r="68" spans="1:4" ht="18" customHeight="1" x14ac:dyDescent="0.2">
      <c r="A68" s="31">
        <v>52</v>
      </c>
      <c r="B68" s="27">
        <v>57</v>
      </c>
      <c r="C68" s="28">
        <v>54</v>
      </c>
      <c r="D68" s="29">
        <v>111</v>
      </c>
    </row>
    <row r="69" spans="1:4" ht="18" customHeight="1" x14ac:dyDescent="0.2">
      <c r="A69" s="31">
        <v>53</v>
      </c>
      <c r="B69" s="27">
        <v>57</v>
      </c>
      <c r="C69" s="28">
        <v>64</v>
      </c>
      <c r="D69" s="29">
        <v>121</v>
      </c>
    </row>
    <row r="70" spans="1:4" ht="18" customHeight="1" x14ac:dyDescent="0.2">
      <c r="A70" s="31">
        <v>54</v>
      </c>
      <c r="B70" s="27">
        <v>63</v>
      </c>
      <c r="C70" s="28">
        <v>71</v>
      </c>
      <c r="D70" s="29">
        <v>134</v>
      </c>
    </row>
    <row r="71" spans="1:4" ht="18" customHeight="1" x14ac:dyDescent="0.2">
      <c r="A71" s="31" t="s">
        <v>77</v>
      </c>
      <c r="B71" s="27">
        <v>292</v>
      </c>
      <c r="C71" s="28">
        <v>308</v>
      </c>
      <c r="D71" s="29">
        <v>600</v>
      </c>
    </row>
    <row r="72" spans="1:4" ht="18" customHeight="1" x14ac:dyDescent="0.2">
      <c r="A72" s="31">
        <v>55</v>
      </c>
      <c r="B72" s="27">
        <v>61</v>
      </c>
      <c r="C72" s="28">
        <v>55</v>
      </c>
      <c r="D72" s="29">
        <v>116</v>
      </c>
    </row>
    <row r="73" spans="1:4" ht="18" customHeight="1" x14ac:dyDescent="0.2">
      <c r="A73" s="31">
        <v>56</v>
      </c>
      <c r="B73" s="27">
        <v>87</v>
      </c>
      <c r="C73" s="28">
        <v>71</v>
      </c>
      <c r="D73" s="29">
        <v>158</v>
      </c>
    </row>
    <row r="74" spans="1:4" ht="18" customHeight="1" x14ac:dyDescent="0.2">
      <c r="A74" s="31">
        <v>57</v>
      </c>
      <c r="B74" s="27">
        <v>59</v>
      </c>
      <c r="C74" s="28">
        <v>72</v>
      </c>
      <c r="D74" s="29">
        <v>131</v>
      </c>
    </row>
    <row r="75" spans="1:4" ht="18" customHeight="1" x14ac:dyDescent="0.2">
      <c r="A75" s="31">
        <v>58</v>
      </c>
      <c r="B75" s="27">
        <v>74</v>
      </c>
      <c r="C75" s="28">
        <v>62</v>
      </c>
      <c r="D75" s="29">
        <v>136</v>
      </c>
    </row>
    <row r="76" spans="1:4" ht="18" customHeight="1" x14ac:dyDescent="0.2">
      <c r="A76" s="31">
        <v>59</v>
      </c>
      <c r="B76" s="27">
        <v>75</v>
      </c>
      <c r="C76" s="28">
        <v>70</v>
      </c>
      <c r="D76" s="29">
        <v>145</v>
      </c>
    </row>
    <row r="77" spans="1:4" ht="18" customHeight="1" x14ac:dyDescent="0.2">
      <c r="A77" s="31" t="s">
        <v>78</v>
      </c>
      <c r="B77" s="27">
        <v>356</v>
      </c>
      <c r="C77" s="28">
        <v>330</v>
      </c>
      <c r="D77" s="29">
        <v>686</v>
      </c>
    </row>
    <row r="78" spans="1:4" ht="18" customHeight="1" x14ac:dyDescent="0.2">
      <c r="A78" s="31">
        <v>60</v>
      </c>
      <c r="B78" s="27">
        <v>87</v>
      </c>
      <c r="C78" s="28">
        <v>90</v>
      </c>
      <c r="D78" s="29">
        <v>177</v>
      </c>
    </row>
    <row r="79" spans="1:4" ht="18" customHeight="1" x14ac:dyDescent="0.2">
      <c r="A79" s="31">
        <v>61</v>
      </c>
      <c r="B79" s="27">
        <v>101</v>
      </c>
      <c r="C79" s="28">
        <v>91</v>
      </c>
      <c r="D79" s="29">
        <v>192</v>
      </c>
    </row>
    <row r="80" spans="1:4" ht="18" customHeight="1" x14ac:dyDescent="0.2">
      <c r="A80" s="31">
        <v>62</v>
      </c>
      <c r="B80" s="27">
        <v>76</v>
      </c>
      <c r="C80" s="28">
        <v>93</v>
      </c>
      <c r="D80" s="29">
        <v>169</v>
      </c>
    </row>
    <row r="81" spans="1:4" ht="18" customHeight="1" x14ac:dyDescent="0.2">
      <c r="A81" s="31">
        <v>63</v>
      </c>
      <c r="B81" s="27">
        <v>30</v>
      </c>
      <c r="C81" s="28">
        <v>42</v>
      </c>
      <c r="D81" s="29">
        <v>72</v>
      </c>
    </row>
    <row r="82" spans="1:4" ht="18" customHeight="1" x14ac:dyDescent="0.2">
      <c r="A82" s="31">
        <v>64</v>
      </c>
      <c r="B82" s="27">
        <v>49</v>
      </c>
      <c r="C82" s="28">
        <v>44</v>
      </c>
      <c r="D82" s="29">
        <v>93</v>
      </c>
    </row>
    <row r="83" spans="1:4" ht="18" customHeight="1" x14ac:dyDescent="0.2">
      <c r="A83" s="31" t="s">
        <v>79</v>
      </c>
      <c r="B83" s="27">
        <v>343</v>
      </c>
      <c r="C83" s="28">
        <v>360</v>
      </c>
      <c r="D83" s="29">
        <v>703</v>
      </c>
    </row>
    <row r="84" spans="1:4" ht="18" customHeight="1" x14ac:dyDescent="0.2">
      <c r="A84" s="31" t="s">
        <v>80</v>
      </c>
      <c r="B84" s="27">
        <v>3726</v>
      </c>
      <c r="C84" s="28">
        <v>3671</v>
      </c>
      <c r="D84" s="29">
        <v>7397</v>
      </c>
    </row>
    <row r="85" spans="1:4" ht="18" customHeight="1" x14ac:dyDescent="0.2">
      <c r="A85" s="31">
        <v>65</v>
      </c>
      <c r="B85" s="27">
        <v>57</v>
      </c>
      <c r="C85" s="28">
        <v>53</v>
      </c>
      <c r="D85" s="29">
        <v>110</v>
      </c>
    </row>
    <row r="86" spans="1:4" ht="18" customHeight="1" x14ac:dyDescent="0.2">
      <c r="A86" s="31">
        <v>66</v>
      </c>
      <c r="B86" s="27">
        <v>62</v>
      </c>
      <c r="C86" s="28">
        <v>55</v>
      </c>
      <c r="D86" s="29">
        <v>117</v>
      </c>
    </row>
    <row r="87" spans="1:4" ht="18" customHeight="1" x14ac:dyDescent="0.2">
      <c r="A87" s="31">
        <v>67</v>
      </c>
      <c r="B87" s="27">
        <v>53</v>
      </c>
      <c r="C87" s="28">
        <v>47</v>
      </c>
      <c r="D87" s="29">
        <v>100</v>
      </c>
    </row>
    <row r="88" spans="1:4" ht="18" customHeight="1" x14ac:dyDescent="0.2">
      <c r="A88" s="31">
        <v>68</v>
      </c>
      <c r="B88" s="27">
        <v>46</v>
      </c>
      <c r="C88" s="28">
        <v>69</v>
      </c>
      <c r="D88" s="29">
        <v>115</v>
      </c>
    </row>
    <row r="89" spans="1:4" ht="18" customHeight="1" x14ac:dyDescent="0.2">
      <c r="A89" s="31">
        <v>69</v>
      </c>
      <c r="B89" s="27">
        <v>57</v>
      </c>
      <c r="C89" s="28">
        <v>41</v>
      </c>
      <c r="D89" s="29">
        <v>98</v>
      </c>
    </row>
    <row r="90" spans="1:4" ht="18" customHeight="1" x14ac:dyDescent="0.2">
      <c r="A90" s="31" t="s">
        <v>81</v>
      </c>
      <c r="B90" s="27">
        <v>275</v>
      </c>
      <c r="C90" s="28">
        <v>265</v>
      </c>
      <c r="D90" s="29">
        <v>540</v>
      </c>
    </row>
    <row r="91" spans="1:4" ht="18" customHeight="1" x14ac:dyDescent="0.2">
      <c r="A91" s="31">
        <v>70</v>
      </c>
      <c r="B91" s="27">
        <v>32</v>
      </c>
      <c r="C91" s="28">
        <v>51</v>
      </c>
      <c r="D91" s="29">
        <v>83</v>
      </c>
    </row>
    <row r="92" spans="1:4" ht="18" customHeight="1" x14ac:dyDescent="0.2">
      <c r="A92" s="31">
        <v>71</v>
      </c>
      <c r="B92" s="27">
        <v>40</v>
      </c>
      <c r="C92" s="28">
        <v>37</v>
      </c>
      <c r="D92" s="29">
        <v>77</v>
      </c>
    </row>
    <row r="93" spans="1:4" ht="18" customHeight="1" x14ac:dyDescent="0.2">
      <c r="A93" s="31">
        <v>72</v>
      </c>
      <c r="B93" s="27">
        <v>32</v>
      </c>
      <c r="C93" s="28">
        <v>36</v>
      </c>
      <c r="D93" s="29">
        <v>68</v>
      </c>
    </row>
    <row r="94" spans="1:4" ht="18" customHeight="1" x14ac:dyDescent="0.2">
      <c r="A94" s="31">
        <v>73</v>
      </c>
      <c r="B94" s="27">
        <v>35</v>
      </c>
      <c r="C94" s="28">
        <v>41</v>
      </c>
      <c r="D94" s="29">
        <v>76</v>
      </c>
    </row>
    <row r="95" spans="1:4" ht="18" customHeight="1" x14ac:dyDescent="0.2">
      <c r="A95" s="31">
        <v>74</v>
      </c>
      <c r="B95" s="27">
        <v>30</v>
      </c>
      <c r="C95" s="28">
        <v>54</v>
      </c>
      <c r="D95" s="29">
        <v>84</v>
      </c>
    </row>
    <row r="96" spans="1:4" ht="18" customHeight="1" x14ac:dyDescent="0.2">
      <c r="A96" s="31" t="s">
        <v>82</v>
      </c>
      <c r="B96" s="27">
        <v>169</v>
      </c>
      <c r="C96" s="28">
        <v>219</v>
      </c>
      <c r="D96" s="29">
        <v>388</v>
      </c>
    </row>
    <row r="97" spans="1:4" ht="18" customHeight="1" x14ac:dyDescent="0.2">
      <c r="A97" s="31">
        <v>75</v>
      </c>
      <c r="B97" s="27">
        <v>29</v>
      </c>
      <c r="C97" s="28">
        <v>44</v>
      </c>
      <c r="D97" s="29">
        <v>73</v>
      </c>
    </row>
    <row r="98" spans="1:4" ht="18" customHeight="1" x14ac:dyDescent="0.2">
      <c r="A98" s="31">
        <v>76</v>
      </c>
      <c r="B98" s="27">
        <v>33</v>
      </c>
      <c r="C98" s="28">
        <v>56</v>
      </c>
      <c r="D98" s="29">
        <v>89</v>
      </c>
    </row>
    <row r="99" spans="1:4" ht="18" customHeight="1" x14ac:dyDescent="0.2">
      <c r="A99" s="31">
        <v>77</v>
      </c>
      <c r="B99" s="27">
        <v>30</v>
      </c>
      <c r="C99" s="28">
        <v>56</v>
      </c>
      <c r="D99" s="29">
        <v>86</v>
      </c>
    </row>
    <row r="100" spans="1:4" ht="18" customHeight="1" x14ac:dyDescent="0.2">
      <c r="A100" s="31">
        <v>78</v>
      </c>
      <c r="B100" s="27">
        <v>38</v>
      </c>
      <c r="C100" s="28">
        <v>57</v>
      </c>
      <c r="D100" s="29">
        <v>95</v>
      </c>
    </row>
    <row r="101" spans="1:4" ht="18" customHeight="1" x14ac:dyDescent="0.2">
      <c r="A101" s="31">
        <v>79</v>
      </c>
      <c r="B101" s="27">
        <v>31</v>
      </c>
      <c r="C101" s="28">
        <v>40</v>
      </c>
      <c r="D101" s="29">
        <v>71</v>
      </c>
    </row>
    <row r="102" spans="1:4" ht="18" customHeight="1" x14ac:dyDescent="0.2">
      <c r="A102" s="31" t="s">
        <v>83</v>
      </c>
      <c r="B102" s="27">
        <v>161</v>
      </c>
      <c r="C102" s="28">
        <v>253</v>
      </c>
      <c r="D102" s="29">
        <v>414</v>
      </c>
    </row>
    <row r="103" spans="1:4" ht="18" customHeight="1" x14ac:dyDescent="0.2">
      <c r="A103" s="31">
        <v>80</v>
      </c>
      <c r="B103" s="27">
        <v>25</v>
      </c>
      <c r="C103" s="28">
        <v>38</v>
      </c>
      <c r="D103" s="29">
        <v>63</v>
      </c>
    </row>
    <row r="104" spans="1:4" ht="18" customHeight="1" x14ac:dyDescent="0.2">
      <c r="A104" s="31">
        <v>81</v>
      </c>
      <c r="B104" s="27">
        <v>26</v>
      </c>
      <c r="C104" s="28">
        <v>34</v>
      </c>
      <c r="D104" s="29">
        <v>60</v>
      </c>
    </row>
    <row r="105" spans="1:4" ht="18" customHeight="1" x14ac:dyDescent="0.2">
      <c r="A105" s="31">
        <v>82</v>
      </c>
      <c r="B105" s="27">
        <v>31</v>
      </c>
      <c r="C105" s="28">
        <v>43</v>
      </c>
      <c r="D105" s="29">
        <v>74</v>
      </c>
    </row>
    <row r="106" spans="1:4" ht="18" customHeight="1" x14ac:dyDescent="0.2">
      <c r="A106" s="31">
        <v>83</v>
      </c>
      <c r="B106" s="27">
        <v>14</v>
      </c>
      <c r="C106" s="28">
        <v>26</v>
      </c>
      <c r="D106" s="29">
        <v>40</v>
      </c>
    </row>
    <row r="107" spans="1:4" ht="18" customHeight="1" x14ac:dyDescent="0.2">
      <c r="A107" s="31">
        <v>84</v>
      </c>
      <c r="B107" s="27">
        <v>16</v>
      </c>
      <c r="C107" s="28">
        <v>32</v>
      </c>
      <c r="D107" s="29">
        <v>48</v>
      </c>
    </row>
    <row r="108" spans="1:4" ht="18" customHeight="1" x14ac:dyDescent="0.2">
      <c r="A108" s="31" t="s">
        <v>84</v>
      </c>
      <c r="B108" s="27">
        <v>112</v>
      </c>
      <c r="C108" s="28">
        <v>173</v>
      </c>
      <c r="D108" s="29">
        <v>285</v>
      </c>
    </row>
    <row r="109" spans="1:4" ht="18" customHeight="1" x14ac:dyDescent="0.2">
      <c r="A109" s="31">
        <v>85</v>
      </c>
      <c r="B109" s="27">
        <v>18</v>
      </c>
      <c r="C109" s="28">
        <v>25</v>
      </c>
      <c r="D109" s="29">
        <v>43</v>
      </c>
    </row>
    <row r="110" spans="1:4" ht="18" customHeight="1" x14ac:dyDescent="0.2">
      <c r="A110" s="31">
        <v>86</v>
      </c>
      <c r="B110" s="27">
        <v>10</v>
      </c>
      <c r="C110" s="28">
        <v>27</v>
      </c>
      <c r="D110" s="29">
        <v>37</v>
      </c>
    </row>
    <row r="111" spans="1:4" ht="18" customHeight="1" x14ac:dyDescent="0.2">
      <c r="A111" s="31">
        <v>87</v>
      </c>
      <c r="B111" s="27">
        <v>18</v>
      </c>
      <c r="C111" s="28">
        <v>26</v>
      </c>
      <c r="D111" s="29">
        <v>44</v>
      </c>
    </row>
    <row r="112" spans="1:4" ht="18" customHeight="1" x14ac:dyDescent="0.2">
      <c r="A112" s="31">
        <v>88</v>
      </c>
      <c r="B112" s="27">
        <v>8</v>
      </c>
      <c r="C112" s="28">
        <v>22</v>
      </c>
      <c r="D112" s="29">
        <v>30</v>
      </c>
    </row>
    <row r="113" spans="1:4" ht="18" customHeight="1" x14ac:dyDescent="0.2">
      <c r="A113" s="31">
        <v>89</v>
      </c>
      <c r="B113" s="27">
        <v>8</v>
      </c>
      <c r="C113" s="28">
        <v>20</v>
      </c>
      <c r="D113" s="29">
        <v>28</v>
      </c>
    </row>
    <row r="114" spans="1:4" ht="18" customHeight="1" x14ac:dyDescent="0.2">
      <c r="A114" s="31" t="s">
        <v>85</v>
      </c>
      <c r="B114" s="27">
        <v>62</v>
      </c>
      <c r="C114" s="28">
        <v>120</v>
      </c>
      <c r="D114" s="29">
        <v>182</v>
      </c>
    </row>
    <row r="115" spans="1:4" ht="18" customHeight="1" x14ac:dyDescent="0.2">
      <c r="A115" s="31">
        <v>90</v>
      </c>
      <c r="B115" s="27">
        <v>2</v>
      </c>
      <c r="C115" s="28">
        <v>17</v>
      </c>
      <c r="D115" s="29">
        <v>19</v>
      </c>
    </row>
    <row r="116" spans="1:4" ht="18" customHeight="1" x14ac:dyDescent="0.2">
      <c r="A116" s="31">
        <v>91</v>
      </c>
      <c r="B116" s="27">
        <v>2</v>
      </c>
      <c r="C116" s="28">
        <v>10</v>
      </c>
      <c r="D116" s="29">
        <v>12</v>
      </c>
    </row>
    <row r="117" spans="1:4" ht="18" customHeight="1" x14ac:dyDescent="0.2">
      <c r="A117" s="31">
        <v>92</v>
      </c>
      <c r="B117" s="27">
        <v>5</v>
      </c>
      <c r="C117" s="28">
        <v>12</v>
      </c>
      <c r="D117" s="29">
        <v>17</v>
      </c>
    </row>
    <row r="118" spans="1:4" ht="18" customHeight="1" x14ac:dyDescent="0.2">
      <c r="A118" s="31">
        <v>93</v>
      </c>
      <c r="B118" s="27">
        <v>5</v>
      </c>
      <c r="C118" s="28">
        <v>7</v>
      </c>
      <c r="D118" s="29">
        <v>12</v>
      </c>
    </row>
    <row r="119" spans="1:4" ht="18" customHeight="1" x14ac:dyDescent="0.2">
      <c r="A119" s="31">
        <v>94</v>
      </c>
      <c r="B119" s="27">
        <v>3</v>
      </c>
      <c r="C119" s="28">
        <v>6</v>
      </c>
      <c r="D119" s="29">
        <v>9</v>
      </c>
    </row>
    <row r="120" spans="1:4" ht="18" customHeight="1" x14ac:dyDescent="0.2">
      <c r="A120" s="31" t="s">
        <v>86</v>
      </c>
      <c r="B120" s="27">
        <v>17</v>
      </c>
      <c r="C120" s="28">
        <v>52</v>
      </c>
      <c r="D120" s="29">
        <v>69</v>
      </c>
    </row>
    <row r="121" spans="1:4" ht="18" customHeight="1" x14ac:dyDescent="0.2">
      <c r="A121" s="31">
        <v>95</v>
      </c>
      <c r="B121" s="27">
        <v>5</v>
      </c>
      <c r="C121" s="28">
        <v>7</v>
      </c>
      <c r="D121" s="29">
        <v>12</v>
      </c>
    </row>
    <row r="122" spans="1:4" ht="18" customHeight="1" x14ac:dyDescent="0.2">
      <c r="A122" s="31">
        <v>96</v>
      </c>
      <c r="B122" s="27">
        <v>2</v>
      </c>
      <c r="C122" s="28">
        <v>2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87</v>
      </c>
      <c r="B126" s="27">
        <v>7</v>
      </c>
      <c r="C126" s="28">
        <v>15</v>
      </c>
      <c r="D126" s="29">
        <v>2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803</v>
      </c>
      <c r="C130" s="5">
        <v>1097</v>
      </c>
      <c r="D130" s="6">
        <v>1900</v>
      </c>
    </row>
    <row r="131" spans="1:4" ht="18" customHeight="1" x14ac:dyDescent="0.2">
      <c r="A131" s="33" t="s">
        <v>65</v>
      </c>
      <c r="B131" s="7">
        <v>5602</v>
      </c>
      <c r="C131" s="8">
        <v>5786</v>
      </c>
      <c r="D131" s="9">
        <v>1138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73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85</v>
      </c>
      <c r="C5" s="37">
        <v>86</v>
      </c>
      <c r="D5" s="39">
        <v>171</v>
      </c>
    </row>
    <row r="6" spans="1:4" ht="18" customHeight="1" x14ac:dyDescent="0.2">
      <c r="A6" s="31">
        <v>1</v>
      </c>
      <c r="B6" s="35">
        <v>87</v>
      </c>
      <c r="C6" s="28">
        <v>88</v>
      </c>
      <c r="D6" s="29">
        <v>175</v>
      </c>
    </row>
    <row r="7" spans="1:4" ht="18" customHeight="1" x14ac:dyDescent="0.2">
      <c r="A7" s="31">
        <v>2</v>
      </c>
      <c r="B7" s="35">
        <v>69</v>
      </c>
      <c r="C7" s="28">
        <v>71</v>
      </c>
      <c r="D7" s="29">
        <v>140</v>
      </c>
    </row>
    <row r="8" spans="1:4" ht="18" customHeight="1" x14ac:dyDescent="0.2">
      <c r="A8" s="31">
        <v>3</v>
      </c>
      <c r="B8" s="35">
        <v>72</v>
      </c>
      <c r="C8" s="28">
        <v>76</v>
      </c>
      <c r="D8" s="29">
        <v>148</v>
      </c>
    </row>
    <row r="9" spans="1:4" ht="18" customHeight="1" x14ac:dyDescent="0.2">
      <c r="A9" s="31">
        <v>4</v>
      </c>
      <c r="B9" s="36">
        <v>79</v>
      </c>
      <c r="C9" s="38">
        <v>77</v>
      </c>
      <c r="D9" s="40">
        <v>156</v>
      </c>
    </row>
    <row r="10" spans="1:4" ht="18" customHeight="1" x14ac:dyDescent="0.2">
      <c r="A10" s="31" t="s">
        <v>66</v>
      </c>
      <c r="B10" s="27">
        <v>392</v>
      </c>
      <c r="C10" s="28">
        <v>398</v>
      </c>
      <c r="D10" s="29">
        <v>790</v>
      </c>
    </row>
    <row r="11" spans="1:4" ht="18" customHeight="1" x14ac:dyDescent="0.2">
      <c r="A11" s="31">
        <v>5</v>
      </c>
      <c r="B11" s="35">
        <v>75</v>
      </c>
      <c r="C11" s="28">
        <v>74</v>
      </c>
      <c r="D11" s="29">
        <v>149</v>
      </c>
    </row>
    <row r="12" spans="1:4" ht="18" customHeight="1" x14ac:dyDescent="0.2">
      <c r="A12" s="31">
        <v>6</v>
      </c>
      <c r="B12" s="35">
        <v>74</v>
      </c>
      <c r="C12" s="28">
        <v>50</v>
      </c>
      <c r="D12" s="29">
        <v>124</v>
      </c>
    </row>
    <row r="13" spans="1:4" ht="18" customHeight="1" x14ac:dyDescent="0.2">
      <c r="A13" s="31">
        <v>7</v>
      </c>
      <c r="B13" s="35">
        <v>66</v>
      </c>
      <c r="C13" s="28">
        <v>63</v>
      </c>
      <c r="D13" s="29">
        <v>129</v>
      </c>
    </row>
    <row r="14" spans="1:4" ht="18" customHeight="1" x14ac:dyDescent="0.2">
      <c r="A14" s="31">
        <v>8</v>
      </c>
      <c r="B14" s="35">
        <v>67</v>
      </c>
      <c r="C14" s="28">
        <v>50</v>
      </c>
      <c r="D14" s="29">
        <v>117</v>
      </c>
    </row>
    <row r="15" spans="1:4" ht="18" customHeight="1" x14ac:dyDescent="0.2">
      <c r="A15" s="31">
        <v>9</v>
      </c>
      <c r="B15" s="35">
        <v>65</v>
      </c>
      <c r="C15" s="28">
        <v>52</v>
      </c>
      <c r="D15" s="29">
        <v>117</v>
      </c>
    </row>
    <row r="16" spans="1:4" ht="18" customHeight="1" x14ac:dyDescent="0.2">
      <c r="A16" s="31" t="s">
        <v>67</v>
      </c>
      <c r="B16" s="27">
        <v>347</v>
      </c>
      <c r="C16" s="28">
        <v>289</v>
      </c>
      <c r="D16" s="29">
        <v>636</v>
      </c>
    </row>
    <row r="17" spans="1:4" ht="18" customHeight="1" x14ac:dyDescent="0.2">
      <c r="A17" s="31">
        <v>10</v>
      </c>
      <c r="B17" s="27">
        <v>64</v>
      </c>
      <c r="C17" s="28">
        <v>53</v>
      </c>
      <c r="D17" s="29">
        <v>117</v>
      </c>
    </row>
    <row r="18" spans="1:4" ht="18" customHeight="1" x14ac:dyDescent="0.2">
      <c r="A18" s="31">
        <v>11</v>
      </c>
      <c r="B18" s="27">
        <v>59</v>
      </c>
      <c r="C18" s="28">
        <v>64</v>
      </c>
      <c r="D18" s="29">
        <v>123</v>
      </c>
    </row>
    <row r="19" spans="1:4" ht="18" customHeight="1" x14ac:dyDescent="0.2">
      <c r="A19" s="31">
        <v>12</v>
      </c>
      <c r="B19" s="27">
        <v>64</v>
      </c>
      <c r="C19" s="28">
        <v>58</v>
      </c>
      <c r="D19" s="29">
        <v>122</v>
      </c>
    </row>
    <row r="20" spans="1:4" ht="18" customHeight="1" x14ac:dyDescent="0.2">
      <c r="A20" s="31">
        <v>13</v>
      </c>
      <c r="B20" s="27">
        <v>56</v>
      </c>
      <c r="C20" s="28">
        <v>64</v>
      </c>
      <c r="D20" s="29">
        <v>120</v>
      </c>
    </row>
    <row r="21" spans="1:4" ht="18" customHeight="1" x14ac:dyDescent="0.2">
      <c r="A21" s="31">
        <v>14</v>
      </c>
      <c r="B21" s="27">
        <v>53</v>
      </c>
      <c r="C21" s="28">
        <v>58</v>
      </c>
      <c r="D21" s="29">
        <v>111</v>
      </c>
    </row>
    <row r="22" spans="1:4" ht="18" customHeight="1" x14ac:dyDescent="0.2">
      <c r="A22" s="31" t="s">
        <v>68</v>
      </c>
      <c r="B22" s="27">
        <v>296</v>
      </c>
      <c r="C22" s="28">
        <v>297</v>
      </c>
      <c r="D22" s="29">
        <v>593</v>
      </c>
    </row>
    <row r="23" spans="1:4" ht="18" customHeight="1" x14ac:dyDescent="0.2">
      <c r="A23" s="31" t="s">
        <v>69</v>
      </c>
      <c r="B23" s="27">
        <v>1035</v>
      </c>
      <c r="C23" s="28">
        <v>984</v>
      </c>
      <c r="D23" s="29">
        <v>2019</v>
      </c>
    </row>
    <row r="24" spans="1:4" ht="18" customHeight="1" x14ac:dyDescent="0.2">
      <c r="A24" s="31">
        <v>15</v>
      </c>
      <c r="B24" s="27">
        <v>59</v>
      </c>
      <c r="C24" s="28">
        <v>55</v>
      </c>
      <c r="D24" s="29">
        <v>114</v>
      </c>
    </row>
    <row r="25" spans="1:4" ht="18" customHeight="1" x14ac:dyDescent="0.2">
      <c r="A25" s="31">
        <v>16</v>
      </c>
      <c r="B25" s="27">
        <v>48</v>
      </c>
      <c r="C25" s="28">
        <v>43</v>
      </c>
      <c r="D25" s="29">
        <v>91</v>
      </c>
    </row>
    <row r="26" spans="1:4" ht="18" customHeight="1" x14ac:dyDescent="0.2">
      <c r="A26" s="31">
        <v>17</v>
      </c>
      <c r="B26" s="27">
        <v>60</v>
      </c>
      <c r="C26" s="28">
        <v>52</v>
      </c>
      <c r="D26" s="29">
        <v>112</v>
      </c>
    </row>
    <row r="27" spans="1:4" ht="18" customHeight="1" x14ac:dyDescent="0.2">
      <c r="A27" s="31">
        <v>18</v>
      </c>
      <c r="B27" s="27">
        <v>44</v>
      </c>
      <c r="C27" s="28">
        <v>46</v>
      </c>
      <c r="D27" s="29">
        <v>90</v>
      </c>
    </row>
    <row r="28" spans="1:4" ht="18" customHeight="1" x14ac:dyDescent="0.2">
      <c r="A28" s="31">
        <v>19</v>
      </c>
      <c r="B28" s="27">
        <v>56</v>
      </c>
      <c r="C28" s="28">
        <v>41</v>
      </c>
      <c r="D28" s="29">
        <v>97</v>
      </c>
    </row>
    <row r="29" spans="1:4" ht="18" customHeight="1" x14ac:dyDescent="0.2">
      <c r="A29" s="31" t="s">
        <v>70</v>
      </c>
      <c r="B29" s="27">
        <v>267</v>
      </c>
      <c r="C29" s="28">
        <v>237</v>
      </c>
      <c r="D29" s="29">
        <v>504</v>
      </c>
    </row>
    <row r="30" spans="1:4" ht="18" customHeight="1" x14ac:dyDescent="0.2">
      <c r="A30" s="31">
        <v>20</v>
      </c>
      <c r="B30" s="27">
        <v>62</v>
      </c>
      <c r="C30" s="28">
        <v>57</v>
      </c>
      <c r="D30" s="29">
        <v>119</v>
      </c>
    </row>
    <row r="31" spans="1:4" ht="18" customHeight="1" x14ac:dyDescent="0.2">
      <c r="A31" s="31">
        <v>21</v>
      </c>
      <c r="B31" s="27">
        <v>53</v>
      </c>
      <c r="C31" s="28">
        <v>40</v>
      </c>
      <c r="D31" s="29">
        <v>93</v>
      </c>
    </row>
    <row r="32" spans="1:4" ht="18" customHeight="1" x14ac:dyDescent="0.2">
      <c r="A32" s="31">
        <v>22</v>
      </c>
      <c r="B32" s="27">
        <v>43</v>
      </c>
      <c r="C32" s="28">
        <v>39</v>
      </c>
      <c r="D32" s="29">
        <v>82</v>
      </c>
    </row>
    <row r="33" spans="1:4" ht="18" customHeight="1" x14ac:dyDescent="0.2">
      <c r="A33" s="31">
        <v>23</v>
      </c>
      <c r="B33" s="27">
        <v>56</v>
      </c>
      <c r="C33" s="28">
        <v>46</v>
      </c>
      <c r="D33" s="29">
        <v>102</v>
      </c>
    </row>
    <row r="34" spans="1:4" ht="18" customHeight="1" x14ac:dyDescent="0.2">
      <c r="A34" s="31">
        <v>24</v>
      </c>
      <c r="B34" s="27">
        <v>45</v>
      </c>
      <c r="C34" s="28">
        <v>51</v>
      </c>
      <c r="D34" s="29">
        <v>96</v>
      </c>
    </row>
    <row r="35" spans="1:4" ht="18" customHeight="1" x14ac:dyDescent="0.2">
      <c r="A35" s="31" t="s">
        <v>71</v>
      </c>
      <c r="B35" s="27">
        <v>259</v>
      </c>
      <c r="C35" s="28">
        <v>233</v>
      </c>
      <c r="D35" s="29">
        <v>492</v>
      </c>
    </row>
    <row r="36" spans="1:4" ht="18" customHeight="1" x14ac:dyDescent="0.2">
      <c r="A36" s="31">
        <v>25</v>
      </c>
      <c r="B36" s="27">
        <v>55</v>
      </c>
      <c r="C36" s="28">
        <v>79</v>
      </c>
      <c r="D36" s="29">
        <v>134</v>
      </c>
    </row>
    <row r="37" spans="1:4" ht="18" customHeight="1" x14ac:dyDescent="0.2">
      <c r="A37" s="31">
        <v>26</v>
      </c>
      <c r="B37" s="27">
        <v>63</v>
      </c>
      <c r="C37" s="28">
        <v>81</v>
      </c>
      <c r="D37" s="29">
        <v>144</v>
      </c>
    </row>
    <row r="38" spans="1:4" ht="18" customHeight="1" x14ac:dyDescent="0.2">
      <c r="A38" s="31">
        <v>27</v>
      </c>
      <c r="B38" s="27">
        <v>63</v>
      </c>
      <c r="C38" s="28">
        <v>88</v>
      </c>
      <c r="D38" s="29">
        <v>151</v>
      </c>
    </row>
    <row r="39" spans="1:4" ht="18" customHeight="1" x14ac:dyDescent="0.2">
      <c r="A39" s="31">
        <v>28</v>
      </c>
      <c r="B39" s="27">
        <v>76</v>
      </c>
      <c r="C39" s="28">
        <v>65</v>
      </c>
      <c r="D39" s="29">
        <v>141</v>
      </c>
    </row>
    <row r="40" spans="1:4" ht="18" customHeight="1" x14ac:dyDescent="0.2">
      <c r="A40" s="31">
        <v>29</v>
      </c>
      <c r="B40" s="27">
        <v>102</v>
      </c>
      <c r="C40" s="28">
        <v>82</v>
      </c>
      <c r="D40" s="29">
        <v>184</v>
      </c>
    </row>
    <row r="41" spans="1:4" ht="18" customHeight="1" x14ac:dyDescent="0.2">
      <c r="A41" s="31" t="s">
        <v>72</v>
      </c>
      <c r="B41" s="27">
        <v>359</v>
      </c>
      <c r="C41" s="28">
        <v>395</v>
      </c>
      <c r="D41" s="29">
        <v>754</v>
      </c>
    </row>
    <row r="42" spans="1:4" ht="18" customHeight="1" x14ac:dyDescent="0.2">
      <c r="A42" s="31">
        <v>30</v>
      </c>
      <c r="B42" s="27">
        <v>89</v>
      </c>
      <c r="C42" s="28">
        <v>104</v>
      </c>
      <c r="D42" s="29">
        <v>193</v>
      </c>
    </row>
    <row r="43" spans="1:4" ht="18" customHeight="1" x14ac:dyDescent="0.2">
      <c r="A43" s="31">
        <v>31</v>
      </c>
      <c r="B43" s="27">
        <v>119</v>
      </c>
      <c r="C43" s="28">
        <v>84</v>
      </c>
      <c r="D43" s="29">
        <v>203</v>
      </c>
    </row>
    <row r="44" spans="1:4" ht="18" customHeight="1" x14ac:dyDescent="0.2">
      <c r="A44" s="31">
        <v>32</v>
      </c>
      <c r="B44" s="27">
        <v>98</v>
      </c>
      <c r="C44" s="28">
        <v>138</v>
      </c>
      <c r="D44" s="29">
        <v>236</v>
      </c>
    </row>
    <row r="45" spans="1:4" ht="18" customHeight="1" x14ac:dyDescent="0.2">
      <c r="A45" s="31">
        <v>33</v>
      </c>
      <c r="B45" s="27">
        <v>110</v>
      </c>
      <c r="C45" s="28">
        <v>109</v>
      </c>
      <c r="D45" s="29">
        <v>219</v>
      </c>
    </row>
    <row r="46" spans="1:4" ht="18" customHeight="1" x14ac:dyDescent="0.2">
      <c r="A46" s="31">
        <v>34</v>
      </c>
      <c r="B46" s="27">
        <v>111</v>
      </c>
      <c r="C46" s="28">
        <v>115</v>
      </c>
      <c r="D46" s="29">
        <v>226</v>
      </c>
    </row>
    <row r="47" spans="1:4" ht="18" customHeight="1" x14ac:dyDescent="0.2">
      <c r="A47" s="31" t="s">
        <v>73</v>
      </c>
      <c r="B47" s="27">
        <v>527</v>
      </c>
      <c r="C47" s="28">
        <v>550</v>
      </c>
      <c r="D47" s="29">
        <v>1077</v>
      </c>
    </row>
    <row r="48" spans="1:4" ht="18" customHeight="1" x14ac:dyDescent="0.2">
      <c r="A48" s="31">
        <v>35</v>
      </c>
      <c r="B48" s="27">
        <v>125</v>
      </c>
      <c r="C48" s="28">
        <v>109</v>
      </c>
      <c r="D48" s="29">
        <v>234</v>
      </c>
    </row>
    <row r="49" spans="1:4" ht="18" customHeight="1" x14ac:dyDescent="0.2">
      <c r="A49" s="31">
        <v>36</v>
      </c>
      <c r="B49" s="27">
        <v>119</v>
      </c>
      <c r="C49" s="28">
        <v>104</v>
      </c>
      <c r="D49" s="29">
        <v>223</v>
      </c>
    </row>
    <row r="50" spans="1:4" ht="18" customHeight="1" x14ac:dyDescent="0.2">
      <c r="A50" s="31">
        <v>37</v>
      </c>
      <c r="B50" s="27">
        <v>105</v>
      </c>
      <c r="C50" s="28">
        <v>113</v>
      </c>
      <c r="D50" s="29">
        <v>218</v>
      </c>
    </row>
    <row r="51" spans="1:4" ht="18" customHeight="1" x14ac:dyDescent="0.2">
      <c r="A51" s="31">
        <v>38</v>
      </c>
      <c r="B51" s="27">
        <v>96</v>
      </c>
      <c r="C51" s="28">
        <v>91</v>
      </c>
      <c r="D51" s="29">
        <v>187</v>
      </c>
    </row>
    <row r="52" spans="1:4" ht="18" customHeight="1" x14ac:dyDescent="0.2">
      <c r="A52" s="31">
        <v>39</v>
      </c>
      <c r="B52" s="27">
        <v>79</v>
      </c>
      <c r="C52" s="28">
        <v>98</v>
      </c>
      <c r="D52" s="29">
        <v>177</v>
      </c>
    </row>
    <row r="53" spans="1:4" ht="18" customHeight="1" x14ac:dyDescent="0.2">
      <c r="A53" s="31" t="s">
        <v>74</v>
      </c>
      <c r="B53" s="27">
        <v>524</v>
      </c>
      <c r="C53" s="28">
        <v>515</v>
      </c>
      <c r="D53" s="29">
        <v>1039</v>
      </c>
    </row>
    <row r="54" spans="1:4" ht="18" customHeight="1" x14ac:dyDescent="0.2">
      <c r="A54" s="31">
        <v>40</v>
      </c>
      <c r="B54" s="27">
        <v>98</v>
      </c>
      <c r="C54" s="28">
        <v>77</v>
      </c>
      <c r="D54" s="29">
        <v>175</v>
      </c>
    </row>
    <row r="55" spans="1:4" ht="18" customHeight="1" x14ac:dyDescent="0.2">
      <c r="A55" s="31">
        <v>41</v>
      </c>
      <c r="B55" s="27">
        <v>74</v>
      </c>
      <c r="C55" s="28">
        <v>80</v>
      </c>
      <c r="D55" s="29">
        <v>154</v>
      </c>
    </row>
    <row r="56" spans="1:4" ht="18" customHeight="1" x14ac:dyDescent="0.2">
      <c r="A56" s="31">
        <v>42</v>
      </c>
      <c r="B56" s="27">
        <v>76</v>
      </c>
      <c r="C56" s="28">
        <v>66</v>
      </c>
      <c r="D56" s="29">
        <v>142</v>
      </c>
    </row>
    <row r="57" spans="1:4" ht="18" customHeight="1" x14ac:dyDescent="0.2">
      <c r="A57" s="31">
        <v>43</v>
      </c>
      <c r="B57" s="27">
        <v>49</v>
      </c>
      <c r="C57" s="28">
        <v>42</v>
      </c>
      <c r="D57" s="29">
        <v>91</v>
      </c>
    </row>
    <row r="58" spans="1:4" ht="18" customHeight="1" x14ac:dyDescent="0.2">
      <c r="A58" s="31">
        <v>44</v>
      </c>
      <c r="B58" s="27">
        <v>66</v>
      </c>
      <c r="C58" s="28">
        <v>65</v>
      </c>
      <c r="D58" s="29">
        <v>131</v>
      </c>
    </row>
    <row r="59" spans="1:4" ht="18" customHeight="1" x14ac:dyDescent="0.2">
      <c r="A59" s="31" t="s">
        <v>75</v>
      </c>
      <c r="B59" s="27">
        <v>363</v>
      </c>
      <c r="C59" s="28">
        <v>330</v>
      </c>
      <c r="D59" s="29">
        <v>693</v>
      </c>
    </row>
    <row r="60" spans="1:4" ht="18" customHeight="1" x14ac:dyDescent="0.2">
      <c r="A60" s="31">
        <v>45</v>
      </c>
      <c r="B60" s="27">
        <v>65</v>
      </c>
      <c r="C60" s="28">
        <v>70</v>
      </c>
      <c r="D60" s="29">
        <v>135</v>
      </c>
    </row>
    <row r="61" spans="1:4" ht="18" customHeight="1" x14ac:dyDescent="0.2">
      <c r="A61" s="31">
        <v>46</v>
      </c>
      <c r="B61" s="27">
        <v>62</v>
      </c>
      <c r="C61" s="28">
        <v>73</v>
      </c>
      <c r="D61" s="29">
        <v>135</v>
      </c>
    </row>
    <row r="62" spans="1:4" ht="18" customHeight="1" x14ac:dyDescent="0.2">
      <c r="A62" s="31">
        <v>47</v>
      </c>
      <c r="B62" s="27">
        <v>64</v>
      </c>
      <c r="C62" s="28">
        <v>59</v>
      </c>
      <c r="D62" s="29">
        <v>123</v>
      </c>
    </row>
    <row r="63" spans="1:4" ht="18" customHeight="1" x14ac:dyDescent="0.2">
      <c r="A63" s="31">
        <v>48</v>
      </c>
      <c r="B63" s="27">
        <v>54</v>
      </c>
      <c r="C63" s="28">
        <v>69</v>
      </c>
      <c r="D63" s="29">
        <v>123</v>
      </c>
    </row>
    <row r="64" spans="1:4" ht="18" customHeight="1" x14ac:dyDescent="0.2">
      <c r="A64" s="31">
        <v>49</v>
      </c>
      <c r="B64" s="27">
        <v>62</v>
      </c>
      <c r="C64" s="28">
        <v>53</v>
      </c>
      <c r="D64" s="29">
        <v>115</v>
      </c>
    </row>
    <row r="65" spans="1:4" ht="18" customHeight="1" x14ac:dyDescent="0.2">
      <c r="A65" s="31" t="s">
        <v>76</v>
      </c>
      <c r="B65" s="27">
        <v>307</v>
      </c>
      <c r="C65" s="28">
        <v>324</v>
      </c>
      <c r="D65" s="29">
        <v>631</v>
      </c>
    </row>
    <row r="66" spans="1:4" ht="18" customHeight="1" x14ac:dyDescent="0.2">
      <c r="A66" s="31">
        <v>50</v>
      </c>
      <c r="B66" s="27">
        <v>64</v>
      </c>
      <c r="C66" s="28">
        <v>49</v>
      </c>
      <c r="D66" s="29">
        <v>113</v>
      </c>
    </row>
    <row r="67" spans="1:4" ht="18" customHeight="1" x14ac:dyDescent="0.2">
      <c r="A67" s="31">
        <v>51</v>
      </c>
      <c r="B67" s="27">
        <v>51</v>
      </c>
      <c r="C67" s="28">
        <v>52</v>
      </c>
      <c r="D67" s="29">
        <v>103</v>
      </c>
    </row>
    <row r="68" spans="1:4" ht="18" customHeight="1" x14ac:dyDescent="0.2">
      <c r="A68" s="31">
        <v>52</v>
      </c>
      <c r="B68" s="27">
        <v>43</v>
      </c>
      <c r="C68" s="28">
        <v>55</v>
      </c>
      <c r="D68" s="29">
        <v>98</v>
      </c>
    </row>
    <row r="69" spans="1:4" ht="18" customHeight="1" x14ac:dyDescent="0.2">
      <c r="A69" s="31">
        <v>53</v>
      </c>
      <c r="B69" s="27">
        <v>49</v>
      </c>
      <c r="C69" s="28">
        <v>59</v>
      </c>
      <c r="D69" s="29">
        <v>108</v>
      </c>
    </row>
    <row r="70" spans="1:4" ht="18" customHeight="1" x14ac:dyDescent="0.2">
      <c r="A70" s="31">
        <v>54</v>
      </c>
      <c r="B70" s="27">
        <v>63</v>
      </c>
      <c r="C70" s="28">
        <v>54</v>
      </c>
      <c r="D70" s="29">
        <v>117</v>
      </c>
    </row>
    <row r="71" spans="1:4" ht="18" customHeight="1" x14ac:dyDescent="0.2">
      <c r="A71" s="31" t="s">
        <v>77</v>
      </c>
      <c r="B71" s="27">
        <v>270</v>
      </c>
      <c r="C71" s="28">
        <v>269</v>
      </c>
      <c r="D71" s="29">
        <v>539</v>
      </c>
    </row>
    <row r="72" spans="1:4" ht="18" customHeight="1" x14ac:dyDescent="0.2">
      <c r="A72" s="31">
        <v>55</v>
      </c>
      <c r="B72" s="27">
        <v>51</v>
      </c>
      <c r="C72" s="28">
        <v>66</v>
      </c>
      <c r="D72" s="29">
        <v>117</v>
      </c>
    </row>
    <row r="73" spans="1:4" ht="18" customHeight="1" x14ac:dyDescent="0.2">
      <c r="A73" s="31">
        <v>56</v>
      </c>
      <c r="B73" s="27">
        <v>62</v>
      </c>
      <c r="C73" s="28">
        <v>57</v>
      </c>
      <c r="D73" s="29">
        <v>119</v>
      </c>
    </row>
    <row r="74" spans="1:4" ht="18" customHeight="1" x14ac:dyDescent="0.2">
      <c r="A74" s="31">
        <v>57</v>
      </c>
      <c r="B74" s="27">
        <v>55</v>
      </c>
      <c r="C74" s="28">
        <v>53</v>
      </c>
      <c r="D74" s="29">
        <v>108</v>
      </c>
    </row>
    <row r="75" spans="1:4" ht="18" customHeight="1" x14ac:dyDescent="0.2">
      <c r="A75" s="31">
        <v>58</v>
      </c>
      <c r="B75" s="27">
        <v>38</v>
      </c>
      <c r="C75" s="28">
        <v>65</v>
      </c>
      <c r="D75" s="29">
        <v>103</v>
      </c>
    </row>
    <row r="76" spans="1:4" ht="18" customHeight="1" x14ac:dyDescent="0.2">
      <c r="A76" s="31">
        <v>59</v>
      </c>
      <c r="B76" s="27">
        <v>67</v>
      </c>
      <c r="C76" s="28">
        <v>64</v>
      </c>
      <c r="D76" s="29">
        <v>131</v>
      </c>
    </row>
    <row r="77" spans="1:4" ht="18" customHeight="1" x14ac:dyDescent="0.2">
      <c r="A77" s="31" t="s">
        <v>78</v>
      </c>
      <c r="B77" s="27">
        <v>273</v>
      </c>
      <c r="C77" s="28">
        <v>305</v>
      </c>
      <c r="D77" s="29">
        <v>578</v>
      </c>
    </row>
    <row r="78" spans="1:4" ht="18" customHeight="1" x14ac:dyDescent="0.2">
      <c r="A78" s="31">
        <v>60</v>
      </c>
      <c r="B78" s="27">
        <v>64</v>
      </c>
      <c r="C78" s="28">
        <v>71</v>
      </c>
      <c r="D78" s="29">
        <v>135</v>
      </c>
    </row>
    <row r="79" spans="1:4" ht="18" customHeight="1" x14ac:dyDescent="0.2">
      <c r="A79" s="31">
        <v>61</v>
      </c>
      <c r="B79" s="27">
        <v>64</v>
      </c>
      <c r="C79" s="28">
        <v>74</v>
      </c>
      <c r="D79" s="29">
        <v>138</v>
      </c>
    </row>
    <row r="80" spans="1:4" ht="18" customHeight="1" x14ac:dyDescent="0.2">
      <c r="A80" s="31">
        <v>62</v>
      </c>
      <c r="B80" s="27">
        <v>74</v>
      </c>
      <c r="C80" s="28">
        <v>89</v>
      </c>
      <c r="D80" s="29">
        <v>163</v>
      </c>
    </row>
    <row r="81" spans="1:4" ht="18" customHeight="1" x14ac:dyDescent="0.2">
      <c r="A81" s="31">
        <v>63</v>
      </c>
      <c r="B81" s="27">
        <v>33</v>
      </c>
      <c r="C81" s="28">
        <v>44</v>
      </c>
      <c r="D81" s="29">
        <v>77</v>
      </c>
    </row>
    <row r="82" spans="1:4" ht="18" customHeight="1" x14ac:dyDescent="0.2">
      <c r="A82" s="31">
        <v>64</v>
      </c>
      <c r="B82" s="27">
        <v>37</v>
      </c>
      <c r="C82" s="28">
        <v>36</v>
      </c>
      <c r="D82" s="29">
        <v>73</v>
      </c>
    </row>
    <row r="83" spans="1:4" ht="18" customHeight="1" x14ac:dyDescent="0.2">
      <c r="A83" s="31" t="s">
        <v>79</v>
      </c>
      <c r="B83" s="27">
        <v>272</v>
      </c>
      <c r="C83" s="28">
        <v>314</v>
      </c>
      <c r="D83" s="29">
        <v>586</v>
      </c>
    </row>
    <row r="84" spans="1:4" ht="18" customHeight="1" x14ac:dyDescent="0.2">
      <c r="A84" s="31" t="s">
        <v>80</v>
      </c>
      <c r="B84" s="27">
        <v>3421</v>
      </c>
      <c r="C84" s="28">
        <v>3472</v>
      </c>
      <c r="D84" s="29">
        <v>6893</v>
      </c>
    </row>
    <row r="85" spans="1:4" ht="18" customHeight="1" x14ac:dyDescent="0.2">
      <c r="A85" s="31">
        <v>65</v>
      </c>
      <c r="B85" s="27">
        <v>42</v>
      </c>
      <c r="C85" s="28">
        <v>50</v>
      </c>
      <c r="D85" s="29">
        <v>92</v>
      </c>
    </row>
    <row r="86" spans="1:4" ht="18" customHeight="1" x14ac:dyDescent="0.2">
      <c r="A86" s="31">
        <v>66</v>
      </c>
      <c r="B86" s="27">
        <v>52</v>
      </c>
      <c r="C86" s="28">
        <v>60</v>
      </c>
      <c r="D86" s="29">
        <v>112</v>
      </c>
    </row>
    <row r="87" spans="1:4" ht="18" customHeight="1" x14ac:dyDescent="0.2">
      <c r="A87" s="31">
        <v>67</v>
      </c>
      <c r="B87" s="27">
        <v>61</v>
      </c>
      <c r="C87" s="28">
        <v>42</v>
      </c>
      <c r="D87" s="29">
        <v>103</v>
      </c>
    </row>
    <row r="88" spans="1:4" ht="18" customHeight="1" x14ac:dyDescent="0.2">
      <c r="A88" s="31">
        <v>68</v>
      </c>
      <c r="B88" s="27">
        <v>42</v>
      </c>
      <c r="C88" s="28">
        <v>43</v>
      </c>
      <c r="D88" s="29">
        <v>85</v>
      </c>
    </row>
    <row r="89" spans="1:4" ht="18" customHeight="1" x14ac:dyDescent="0.2">
      <c r="A89" s="31">
        <v>69</v>
      </c>
      <c r="B89" s="27">
        <v>32</v>
      </c>
      <c r="C89" s="28">
        <v>39</v>
      </c>
      <c r="D89" s="29">
        <v>71</v>
      </c>
    </row>
    <row r="90" spans="1:4" ht="18" customHeight="1" x14ac:dyDescent="0.2">
      <c r="A90" s="31" t="s">
        <v>81</v>
      </c>
      <c r="B90" s="27">
        <v>229</v>
      </c>
      <c r="C90" s="28">
        <v>234</v>
      </c>
      <c r="D90" s="29">
        <v>463</v>
      </c>
    </row>
    <row r="91" spans="1:4" ht="18" customHeight="1" x14ac:dyDescent="0.2">
      <c r="A91" s="31">
        <v>70</v>
      </c>
      <c r="B91" s="27">
        <v>22</v>
      </c>
      <c r="C91" s="28">
        <v>37</v>
      </c>
      <c r="D91" s="29">
        <v>59</v>
      </c>
    </row>
    <row r="92" spans="1:4" ht="18" customHeight="1" x14ac:dyDescent="0.2">
      <c r="A92" s="31">
        <v>71</v>
      </c>
      <c r="B92" s="27">
        <v>38</v>
      </c>
      <c r="C92" s="28">
        <v>29</v>
      </c>
      <c r="D92" s="29">
        <v>67</v>
      </c>
    </row>
    <row r="93" spans="1:4" ht="18" customHeight="1" x14ac:dyDescent="0.2">
      <c r="A93" s="31">
        <v>72</v>
      </c>
      <c r="B93" s="27">
        <v>29</v>
      </c>
      <c r="C93" s="28">
        <v>30</v>
      </c>
      <c r="D93" s="29">
        <v>59</v>
      </c>
    </row>
    <row r="94" spans="1:4" ht="18" customHeight="1" x14ac:dyDescent="0.2">
      <c r="A94" s="31">
        <v>73</v>
      </c>
      <c r="B94" s="27">
        <v>23</v>
      </c>
      <c r="C94" s="28">
        <v>45</v>
      </c>
      <c r="D94" s="29">
        <v>68</v>
      </c>
    </row>
    <row r="95" spans="1:4" ht="18" customHeight="1" x14ac:dyDescent="0.2">
      <c r="A95" s="31">
        <v>74</v>
      </c>
      <c r="B95" s="27">
        <v>30</v>
      </c>
      <c r="C95" s="28">
        <v>28</v>
      </c>
      <c r="D95" s="29">
        <v>58</v>
      </c>
    </row>
    <row r="96" spans="1:4" ht="18" customHeight="1" x14ac:dyDescent="0.2">
      <c r="A96" s="31" t="s">
        <v>82</v>
      </c>
      <c r="B96" s="27">
        <v>142</v>
      </c>
      <c r="C96" s="28">
        <v>169</v>
      </c>
      <c r="D96" s="29">
        <v>311</v>
      </c>
    </row>
    <row r="97" spans="1:4" ht="18" customHeight="1" x14ac:dyDescent="0.2">
      <c r="A97" s="31">
        <v>75</v>
      </c>
      <c r="B97" s="27">
        <v>24</v>
      </c>
      <c r="C97" s="28">
        <v>26</v>
      </c>
      <c r="D97" s="29">
        <v>50</v>
      </c>
    </row>
    <row r="98" spans="1:4" ht="18" customHeight="1" x14ac:dyDescent="0.2">
      <c r="A98" s="31">
        <v>76</v>
      </c>
      <c r="B98" s="27">
        <v>28</v>
      </c>
      <c r="C98" s="28">
        <v>44</v>
      </c>
      <c r="D98" s="29">
        <v>72</v>
      </c>
    </row>
    <row r="99" spans="1:4" ht="18" customHeight="1" x14ac:dyDescent="0.2">
      <c r="A99" s="31">
        <v>77</v>
      </c>
      <c r="B99" s="27">
        <v>30</v>
      </c>
      <c r="C99" s="28">
        <v>33</v>
      </c>
      <c r="D99" s="29">
        <v>63</v>
      </c>
    </row>
    <row r="100" spans="1:4" ht="18" customHeight="1" x14ac:dyDescent="0.2">
      <c r="A100" s="31">
        <v>78</v>
      </c>
      <c r="B100" s="27">
        <v>27</v>
      </c>
      <c r="C100" s="28">
        <v>34</v>
      </c>
      <c r="D100" s="29">
        <v>61</v>
      </c>
    </row>
    <row r="101" spans="1:4" ht="18" customHeight="1" x14ac:dyDescent="0.2">
      <c r="A101" s="31">
        <v>79</v>
      </c>
      <c r="B101" s="27">
        <v>18</v>
      </c>
      <c r="C101" s="28">
        <v>34</v>
      </c>
      <c r="D101" s="29">
        <v>52</v>
      </c>
    </row>
    <row r="102" spans="1:4" ht="18" customHeight="1" x14ac:dyDescent="0.2">
      <c r="A102" s="31" t="s">
        <v>83</v>
      </c>
      <c r="B102" s="27">
        <v>127</v>
      </c>
      <c r="C102" s="28">
        <v>171</v>
      </c>
      <c r="D102" s="29">
        <v>298</v>
      </c>
    </row>
    <row r="103" spans="1:4" ht="18" customHeight="1" x14ac:dyDescent="0.2">
      <c r="A103" s="31">
        <v>80</v>
      </c>
      <c r="B103" s="27">
        <v>20</v>
      </c>
      <c r="C103" s="28">
        <v>30</v>
      </c>
      <c r="D103" s="29">
        <v>50</v>
      </c>
    </row>
    <row r="104" spans="1:4" ht="18" customHeight="1" x14ac:dyDescent="0.2">
      <c r="A104" s="31">
        <v>81</v>
      </c>
      <c r="B104" s="27">
        <v>20</v>
      </c>
      <c r="C104" s="28">
        <v>29</v>
      </c>
      <c r="D104" s="29">
        <v>49</v>
      </c>
    </row>
    <row r="105" spans="1:4" ht="18" customHeight="1" x14ac:dyDescent="0.2">
      <c r="A105" s="31">
        <v>82</v>
      </c>
      <c r="B105" s="27">
        <v>12</v>
      </c>
      <c r="C105" s="28">
        <v>19</v>
      </c>
      <c r="D105" s="29">
        <v>31</v>
      </c>
    </row>
    <row r="106" spans="1:4" ht="18" customHeight="1" x14ac:dyDescent="0.2">
      <c r="A106" s="31">
        <v>83</v>
      </c>
      <c r="B106" s="27">
        <v>16</v>
      </c>
      <c r="C106" s="28">
        <v>26</v>
      </c>
      <c r="D106" s="29">
        <v>42</v>
      </c>
    </row>
    <row r="107" spans="1:4" ht="18" customHeight="1" x14ac:dyDescent="0.2">
      <c r="A107" s="31">
        <v>84</v>
      </c>
      <c r="B107" s="27">
        <v>14</v>
      </c>
      <c r="C107" s="28">
        <v>17</v>
      </c>
      <c r="D107" s="29">
        <v>31</v>
      </c>
    </row>
    <row r="108" spans="1:4" ht="18" customHeight="1" x14ac:dyDescent="0.2">
      <c r="A108" s="31" t="s">
        <v>84</v>
      </c>
      <c r="B108" s="27">
        <v>82</v>
      </c>
      <c r="C108" s="28">
        <v>121</v>
      </c>
      <c r="D108" s="29">
        <v>203</v>
      </c>
    </row>
    <row r="109" spans="1:4" ht="18" customHeight="1" x14ac:dyDescent="0.2">
      <c r="A109" s="31">
        <v>85</v>
      </c>
      <c r="B109" s="27">
        <v>8</v>
      </c>
      <c r="C109" s="28">
        <v>25</v>
      </c>
      <c r="D109" s="29">
        <v>33</v>
      </c>
    </row>
    <row r="110" spans="1:4" ht="18" customHeight="1" x14ac:dyDescent="0.2">
      <c r="A110" s="31">
        <v>86</v>
      </c>
      <c r="B110" s="27">
        <v>5</v>
      </c>
      <c r="C110" s="28">
        <v>14</v>
      </c>
      <c r="D110" s="29">
        <v>19</v>
      </c>
    </row>
    <row r="111" spans="1:4" ht="18" customHeight="1" x14ac:dyDescent="0.2">
      <c r="A111" s="31">
        <v>87</v>
      </c>
      <c r="B111" s="27">
        <v>8</v>
      </c>
      <c r="C111" s="28">
        <v>16</v>
      </c>
      <c r="D111" s="29">
        <v>24</v>
      </c>
    </row>
    <row r="112" spans="1:4" ht="18" customHeight="1" x14ac:dyDescent="0.2">
      <c r="A112" s="31">
        <v>88</v>
      </c>
      <c r="B112" s="27">
        <v>5</v>
      </c>
      <c r="C112" s="28">
        <v>18</v>
      </c>
      <c r="D112" s="29">
        <v>23</v>
      </c>
    </row>
    <row r="113" spans="1:4" ht="18" customHeight="1" x14ac:dyDescent="0.2">
      <c r="A113" s="31">
        <v>89</v>
      </c>
      <c r="B113" s="27">
        <v>2</v>
      </c>
      <c r="C113" s="28">
        <v>16</v>
      </c>
      <c r="D113" s="29">
        <v>18</v>
      </c>
    </row>
    <row r="114" spans="1:4" ht="18" customHeight="1" x14ac:dyDescent="0.2">
      <c r="A114" s="31" t="s">
        <v>85</v>
      </c>
      <c r="B114" s="27">
        <v>28</v>
      </c>
      <c r="C114" s="28">
        <v>89</v>
      </c>
      <c r="D114" s="29">
        <v>117</v>
      </c>
    </row>
    <row r="115" spans="1:4" ht="18" customHeight="1" x14ac:dyDescent="0.2">
      <c r="A115" s="31">
        <v>90</v>
      </c>
      <c r="B115" s="27">
        <v>7</v>
      </c>
      <c r="C115" s="28">
        <v>13</v>
      </c>
      <c r="D115" s="29">
        <v>20</v>
      </c>
    </row>
    <row r="116" spans="1:4" ht="18" customHeight="1" x14ac:dyDescent="0.2">
      <c r="A116" s="31">
        <v>91</v>
      </c>
      <c r="B116" s="27">
        <v>0</v>
      </c>
      <c r="C116" s="28">
        <v>6</v>
      </c>
      <c r="D116" s="29">
        <v>6</v>
      </c>
    </row>
    <row r="117" spans="1:4" ht="18" customHeight="1" x14ac:dyDescent="0.2">
      <c r="A117" s="31">
        <v>92</v>
      </c>
      <c r="B117" s="27">
        <v>3</v>
      </c>
      <c r="C117" s="28">
        <v>10</v>
      </c>
      <c r="D117" s="29">
        <v>13</v>
      </c>
    </row>
    <row r="118" spans="1:4" ht="18" customHeight="1" x14ac:dyDescent="0.2">
      <c r="A118" s="31">
        <v>93</v>
      </c>
      <c r="B118" s="27">
        <v>0</v>
      </c>
      <c r="C118" s="28">
        <v>6</v>
      </c>
      <c r="D118" s="29">
        <v>6</v>
      </c>
    </row>
    <row r="119" spans="1:4" ht="18" customHeight="1" x14ac:dyDescent="0.2">
      <c r="A119" s="31">
        <v>94</v>
      </c>
      <c r="B119" s="27">
        <v>1</v>
      </c>
      <c r="C119" s="28">
        <v>6</v>
      </c>
      <c r="D119" s="29">
        <v>7</v>
      </c>
    </row>
    <row r="120" spans="1:4" ht="18" customHeight="1" x14ac:dyDescent="0.2">
      <c r="A120" s="31" t="s">
        <v>86</v>
      </c>
      <c r="B120" s="27">
        <v>11</v>
      </c>
      <c r="C120" s="28">
        <v>41</v>
      </c>
      <c r="D120" s="29">
        <v>52</v>
      </c>
    </row>
    <row r="121" spans="1:4" ht="18" customHeight="1" x14ac:dyDescent="0.2">
      <c r="A121" s="31">
        <v>95</v>
      </c>
      <c r="B121" s="27">
        <v>1</v>
      </c>
      <c r="C121" s="28">
        <v>5</v>
      </c>
      <c r="D121" s="29">
        <v>6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2</v>
      </c>
      <c r="C123" s="28">
        <v>2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2</v>
      </c>
      <c r="D125" s="29">
        <v>3</v>
      </c>
    </row>
    <row r="126" spans="1:4" ht="18" customHeight="1" x14ac:dyDescent="0.2">
      <c r="A126" s="31" t="s">
        <v>87</v>
      </c>
      <c r="B126" s="27">
        <v>5</v>
      </c>
      <c r="C126" s="28">
        <v>14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89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90</v>
      </c>
      <c r="B130" s="4">
        <v>624</v>
      </c>
      <c r="C130" s="5">
        <v>842</v>
      </c>
      <c r="D130" s="6">
        <v>1466</v>
      </c>
    </row>
    <row r="131" spans="1:4" ht="18" customHeight="1" x14ac:dyDescent="0.2">
      <c r="A131" s="33" t="s">
        <v>65</v>
      </c>
      <c r="B131" s="7">
        <v>5080</v>
      </c>
      <c r="C131" s="8">
        <v>5298</v>
      </c>
      <c r="D131" s="9">
        <v>1037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74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3</v>
      </c>
      <c r="D5" s="39">
        <v>3</v>
      </c>
    </row>
    <row r="6" spans="1:4" ht="18" customHeight="1" x14ac:dyDescent="0.2">
      <c r="A6" s="31">
        <v>1</v>
      </c>
      <c r="B6" s="35">
        <v>7</v>
      </c>
      <c r="C6" s="28">
        <v>1</v>
      </c>
      <c r="D6" s="29">
        <v>8</v>
      </c>
    </row>
    <row r="7" spans="1:4" ht="18" customHeight="1" x14ac:dyDescent="0.2">
      <c r="A7" s="31">
        <v>2</v>
      </c>
      <c r="B7" s="35">
        <v>5</v>
      </c>
      <c r="C7" s="28">
        <v>6</v>
      </c>
      <c r="D7" s="29">
        <v>11</v>
      </c>
    </row>
    <row r="8" spans="1:4" ht="18" customHeight="1" x14ac:dyDescent="0.2">
      <c r="A8" s="31">
        <v>3</v>
      </c>
      <c r="B8" s="35">
        <v>3</v>
      </c>
      <c r="C8" s="28">
        <v>4</v>
      </c>
      <c r="D8" s="29">
        <v>7</v>
      </c>
    </row>
    <row r="9" spans="1:4" ht="18" customHeight="1" x14ac:dyDescent="0.2">
      <c r="A9" s="31">
        <v>4</v>
      </c>
      <c r="B9" s="36">
        <v>6</v>
      </c>
      <c r="C9" s="38">
        <v>8</v>
      </c>
      <c r="D9" s="40">
        <v>14</v>
      </c>
    </row>
    <row r="10" spans="1:4" ht="18" customHeight="1" x14ac:dyDescent="0.2">
      <c r="A10" s="31" t="s">
        <v>66</v>
      </c>
      <c r="B10" s="27">
        <v>21</v>
      </c>
      <c r="C10" s="28">
        <v>22</v>
      </c>
      <c r="D10" s="29">
        <v>43</v>
      </c>
    </row>
    <row r="11" spans="1:4" ht="18" customHeight="1" x14ac:dyDescent="0.2">
      <c r="A11" s="31">
        <v>5</v>
      </c>
      <c r="B11" s="35">
        <v>2</v>
      </c>
      <c r="C11" s="28">
        <v>2</v>
      </c>
      <c r="D11" s="29">
        <v>4</v>
      </c>
    </row>
    <row r="12" spans="1:4" ht="18" customHeight="1" x14ac:dyDescent="0.2">
      <c r="A12" s="31">
        <v>6</v>
      </c>
      <c r="B12" s="35">
        <v>4</v>
      </c>
      <c r="C12" s="28">
        <v>5</v>
      </c>
      <c r="D12" s="29">
        <v>9</v>
      </c>
    </row>
    <row r="13" spans="1:4" ht="18" customHeight="1" x14ac:dyDescent="0.2">
      <c r="A13" s="31">
        <v>7</v>
      </c>
      <c r="B13" s="35">
        <v>7</v>
      </c>
      <c r="C13" s="28">
        <v>7</v>
      </c>
      <c r="D13" s="29">
        <v>14</v>
      </c>
    </row>
    <row r="14" spans="1:4" ht="18" customHeight="1" x14ac:dyDescent="0.2">
      <c r="A14" s="31">
        <v>8</v>
      </c>
      <c r="B14" s="35">
        <v>2</v>
      </c>
      <c r="C14" s="28">
        <v>10</v>
      </c>
      <c r="D14" s="29">
        <v>12</v>
      </c>
    </row>
    <row r="15" spans="1:4" ht="18" customHeight="1" x14ac:dyDescent="0.2">
      <c r="A15" s="31">
        <v>9</v>
      </c>
      <c r="B15" s="35">
        <v>8</v>
      </c>
      <c r="C15" s="28">
        <v>11</v>
      </c>
      <c r="D15" s="29">
        <v>19</v>
      </c>
    </row>
    <row r="16" spans="1:4" ht="18" customHeight="1" x14ac:dyDescent="0.2">
      <c r="A16" s="31" t="s">
        <v>67</v>
      </c>
      <c r="B16" s="27">
        <v>23</v>
      </c>
      <c r="C16" s="28">
        <v>35</v>
      </c>
      <c r="D16" s="29">
        <v>58</v>
      </c>
    </row>
    <row r="17" spans="1:4" ht="18" customHeight="1" x14ac:dyDescent="0.2">
      <c r="A17" s="31">
        <v>10</v>
      </c>
      <c r="B17" s="27">
        <v>7</v>
      </c>
      <c r="C17" s="28">
        <v>8</v>
      </c>
      <c r="D17" s="29">
        <v>15</v>
      </c>
    </row>
    <row r="18" spans="1:4" ht="18" customHeight="1" x14ac:dyDescent="0.2">
      <c r="A18" s="31">
        <v>11</v>
      </c>
      <c r="B18" s="27">
        <v>10</v>
      </c>
      <c r="C18" s="28">
        <v>7</v>
      </c>
      <c r="D18" s="29">
        <v>17</v>
      </c>
    </row>
    <row r="19" spans="1:4" ht="18" customHeight="1" x14ac:dyDescent="0.2">
      <c r="A19" s="31">
        <v>12</v>
      </c>
      <c r="B19" s="27">
        <v>12</v>
      </c>
      <c r="C19" s="28">
        <v>3</v>
      </c>
      <c r="D19" s="29">
        <v>15</v>
      </c>
    </row>
    <row r="20" spans="1:4" ht="18" customHeight="1" x14ac:dyDescent="0.2">
      <c r="A20" s="31">
        <v>13</v>
      </c>
      <c r="B20" s="27">
        <v>9</v>
      </c>
      <c r="C20" s="28">
        <v>12</v>
      </c>
      <c r="D20" s="29">
        <v>21</v>
      </c>
    </row>
    <row r="21" spans="1:4" ht="18" customHeight="1" x14ac:dyDescent="0.2">
      <c r="A21" s="31">
        <v>14</v>
      </c>
      <c r="B21" s="27">
        <v>8</v>
      </c>
      <c r="C21" s="28">
        <v>7</v>
      </c>
      <c r="D21" s="29">
        <v>15</v>
      </c>
    </row>
    <row r="22" spans="1:4" ht="18" customHeight="1" x14ac:dyDescent="0.2">
      <c r="A22" s="31" t="s">
        <v>68</v>
      </c>
      <c r="B22" s="27">
        <v>46</v>
      </c>
      <c r="C22" s="28">
        <v>37</v>
      </c>
      <c r="D22" s="29">
        <v>83</v>
      </c>
    </row>
    <row r="23" spans="1:4" ht="18" customHeight="1" x14ac:dyDescent="0.2">
      <c r="A23" s="31" t="s">
        <v>69</v>
      </c>
      <c r="B23" s="27">
        <v>90</v>
      </c>
      <c r="C23" s="28">
        <v>94</v>
      </c>
      <c r="D23" s="29">
        <v>184</v>
      </c>
    </row>
    <row r="24" spans="1:4" ht="18" customHeight="1" x14ac:dyDescent="0.2">
      <c r="A24" s="31">
        <v>15</v>
      </c>
      <c r="B24" s="27">
        <v>6</v>
      </c>
      <c r="C24" s="28">
        <v>12</v>
      </c>
      <c r="D24" s="29">
        <v>18</v>
      </c>
    </row>
    <row r="25" spans="1:4" ht="18" customHeight="1" x14ac:dyDescent="0.2">
      <c r="A25" s="31">
        <v>16</v>
      </c>
      <c r="B25" s="27">
        <v>11</v>
      </c>
      <c r="C25" s="28">
        <v>8</v>
      </c>
      <c r="D25" s="29">
        <v>19</v>
      </c>
    </row>
    <row r="26" spans="1:4" ht="18" customHeight="1" x14ac:dyDescent="0.2">
      <c r="A26" s="31">
        <v>17</v>
      </c>
      <c r="B26" s="27">
        <v>9</v>
      </c>
      <c r="C26" s="28">
        <v>4</v>
      </c>
      <c r="D26" s="29">
        <v>13</v>
      </c>
    </row>
    <row r="27" spans="1:4" ht="18" customHeight="1" x14ac:dyDescent="0.2">
      <c r="A27" s="31">
        <v>18</v>
      </c>
      <c r="B27" s="27">
        <v>12</v>
      </c>
      <c r="C27" s="28">
        <v>9</v>
      </c>
      <c r="D27" s="29">
        <v>21</v>
      </c>
    </row>
    <row r="28" spans="1:4" ht="18" customHeight="1" x14ac:dyDescent="0.2">
      <c r="A28" s="31">
        <v>19</v>
      </c>
      <c r="B28" s="27">
        <v>12</v>
      </c>
      <c r="C28" s="28">
        <v>9</v>
      </c>
      <c r="D28" s="29">
        <v>21</v>
      </c>
    </row>
    <row r="29" spans="1:4" ht="18" customHeight="1" x14ac:dyDescent="0.2">
      <c r="A29" s="31" t="s">
        <v>70</v>
      </c>
      <c r="B29" s="27">
        <v>50</v>
      </c>
      <c r="C29" s="28">
        <v>42</v>
      </c>
      <c r="D29" s="29">
        <v>92</v>
      </c>
    </row>
    <row r="30" spans="1:4" ht="18" customHeight="1" x14ac:dyDescent="0.2">
      <c r="A30" s="31">
        <v>20</v>
      </c>
      <c r="B30" s="27">
        <v>16</v>
      </c>
      <c r="C30" s="28">
        <v>10</v>
      </c>
      <c r="D30" s="29">
        <v>26</v>
      </c>
    </row>
    <row r="31" spans="1:4" ht="18" customHeight="1" x14ac:dyDescent="0.2">
      <c r="A31" s="31">
        <v>21</v>
      </c>
      <c r="B31" s="27">
        <v>8</v>
      </c>
      <c r="C31" s="28">
        <v>8</v>
      </c>
      <c r="D31" s="29">
        <v>16</v>
      </c>
    </row>
    <row r="32" spans="1:4" ht="18" customHeight="1" x14ac:dyDescent="0.2">
      <c r="A32" s="31">
        <v>22</v>
      </c>
      <c r="B32" s="27">
        <v>9</v>
      </c>
      <c r="C32" s="28">
        <v>10</v>
      </c>
      <c r="D32" s="29">
        <v>19</v>
      </c>
    </row>
    <row r="33" spans="1:4" ht="18" customHeight="1" x14ac:dyDescent="0.2">
      <c r="A33" s="31">
        <v>23</v>
      </c>
      <c r="B33" s="27">
        <v>8</v>
      </c>
      <c r="C33" s="28">
        <v>8</v>
      </c>
      <c r="D33" s="29">
        <v>16</v>
      </c>
    </row>
    <row r="34" spans="1:4" ht="18" customHeight="1" x14ac:dyDescent="0.2">
      <c r="A34" s="31">
        <v>24</v>
      </c>
      <c r="B34" s="27">
        <v>9</v>
      </c>
      <c r="C34" s="28">
        <v>5</v>
      </c>
      <c r="D34" s="29">
        <v>14</v>
      </c>
    </row>
    <row r="35" spans="1:4" ht="18" customHeight="1" x14ac:dyDescent="0.2">
      <c r="A35" s="31" t="s">
        <v>71</v>
      </c>
      <c r="B35" s="27">
        <v>50</v>
      </c>
      <c r="C35" s="28">
        <v>41</v>
      </c>
      <c r="D35" s="29">
        <v>91</v>
      </c>
    </row>
    <row r="36" spans="1:4" ht="18" customHeight="1" x14ac:dyDescent="0.2">
      <c r="A36" s="31">
        <v>25</v>
      </c>
      <c r="B36" s="27">
        <v>12</v>
      </c>
      <c r="C36" s="28">
        <v>9</v>
      </c>
      <c r="D36" s="29">
        <v>21</v>
      </c>
    </row>
    <row r="37" spans="1:4" ht="18" customHeight="1" x14ac:dyDescent="0.2">
      <c r="A37" s="31">
        <v>26</v>
      </c>
      <c r="B37" s="27">
        <v>14</v>
      </c>
      <c r="C37" s="28">
        <v>6</v>
      </c>
      <c r="D37" s="29">
        <v>20</v>
      </c>
    </row>
    <row r="38" spans="1:4" ht="18" customHeight="1" x14ac:dyDescent="0.2">
      <c r="A38" s="31">
        <v>27</v>
      </c>
      <c r="B38" s="27">
        <v>5</v>
      </c>
      <c r="C38" s="28">
        <v>6</v>
      </c>
      <c r="D38" s="29">
        <v>11</v>
      </c>
    </row>
    <row r="39" spans="1:4" ht="18" customHeight="1" x14ac:dyDescent="0.2">
      <c r="A39" s="31">
        <v>28</v>
      </c>
      <c r="B39" s="27">
        <v>5</v>
      </c>
      <c r="C39" s="28">
        <v>11</v>
      </c>
      <c r="D39" s="29">
        <v>16</v>
      </c>
    </row>
    <row r="40" spans="1:4" ht="18" customHeight="1" x14ac:dyDescent="0.2">
      <c r="A40" s="31">
        <v>29</v>
      </c>
      <c r="B40" s="27">
        <v>11</v>
      </c>
      <c r="C40" s="28">
        <v>7</v>
      </c>
      <c r="D40" s="29">
        <v>18</v>
      </c>
    </row>
    <row r="41" spans="1:4" ht="18" customHeight="1" x14ac:dyDescent="0.2">
      <c r="A41" s="31" t="s">
        <v>72</v>
      </c>
      <c r="B41" s="27">
        <v>47</v>
      </c>
      <c r="C41" s="28">
        <v>39</v>
      </c>
      <c r="D41" s="29">
        <v>86</v>
      </c>
    </row>
    <row r="42" spans="1:4" ht="18" customHeight="1" x14ac:dyDescent="0.2">
      <c r="A42" s="31">
        <v>30</v>
      </c>
      <c r="B42" s="27">
        <v>8</v>
      </c>
      <c r="C42" s="28">
        <v>5</v>
      </c>
      <c r="D42" s="29">
        <v>13</v>
      </c>
    </row>
    <row r="43" spans="1:4" ht="18" customHeight="1" x14ac:dyDescent="0.2">
      <c r="A43" s="31">
        <v>31</v>
      </c>
      <c r="B43" s="27">
        <v>9</v>
      </c>
      <c r="C43" s="28">
        <v>4</v>
      </c>
      <c r="D43" s="29">
        <v>13</v>
      </c>
    </row>
    <row r="44" spans="1:4" ht="18" customHeight="1" x14ac:dyDescent="0.2">
      <c r="A44" s="31">
        <v>32</v>
      </c>
      <c r="B44" s="27">
        <v>4</v>
      </c>
      <c r="C44" s="28">
        <v>6</v>
      </c>
      <c r="D44" s="29">
        <v>10</v>
      </c>
    </row>
    <row r="45" spans="1:4" ht="18" customHeight="1" x14ac:dyDescent="0.2">
      <c r="A45" s="31">
        <v>33</v>
      </c>
      <c r="B45" s="27">
        <v>5</v>
      </c>
      <c r="C45" s="28">
        <v>6</v>
      </c>
      <c r="D45" s="29">
        <v>11</v>
      </c>
    </row>
    <row r="46" spans="1:4" ht="18" customHeight="1" x14ac:dyDescent="0.2">
      <c r="A46" s="31">
        <v>34</v>
      </c>
      <c r="B46" s="27">
        <v>6</v>
      </c>
      <c r="C46" s="28">
        <v>6</v>
      </c>
      <c r="D46" s="29">
        <v>12</v>
      </c>
    </row>
    <row r="47" spans="1:4" ht="18" customHeight="1" x14ac:dyDescent="0.2">
      <c r="A47" s="31" t="s">
        <v>73</v>
      </c>
      <c r="B47" s="27">
        <v>32</v>
      </c>
      <c r="C47" s="28">
        <v>27</v>
      </c>
      <c r="D47" s="29">
        <v>59</v>
      </c>
    </row>
    <row r="48" spans="1:4" ht="18" customHeight="1" x14ac:dyDescent="0.2">
      <c r="A48" s="31">
        <v>35</v>
      </c>
      <c r="B48" s="27">
        <v>11</v>
      </c>
      <c r="C48" s="28">
        <v>9</v>
      </c>
      <c r="D48" s="29">
        <v>20</v>
      </c>
    </row>
    <row r="49" spans="1:4" ht="18" customHeight="1" x14ac:dyDescent="0.2">
      <c r="A49" s="31">
        <v>36</v>
      </c>
      <c r="B49" s="27">
        <v>10</v>
      </c>
      <c r="C49" s="28">
        <v>11</v>
      </c>
      <c r="D49" s="29">
        <v>21</v>
      </c>
    </row>
    <row r="50" spans="1:4" ht="18" customHeight="1" x14ac:dyDescent="0.2">
      <c r="A50" s="31">
        <v>37</v>
      </c>
      <c r="B50" s="27">
        <v>10</v>
      </c>
      <c r="C50" s="28">
        <v>9</v>
      </c>
      <c r="D50" s="29">
        <v>19</v>
      </c>
    </row>
    <row r="51" spans="1:4" ht="18" customHeight="1" x14ac:dyDescent="0.2">
      <c r="A51" s="31">
        <v>38</v>
      </c>
      <c r="B51" s="27">
        <v>7</v>
      </c>
      <c r="C51" s="28">
        <v>6</v>
      </c>
      <c r="D51" s="29">
        <v>13</v>
      </c>
    </row>
    <row r="52" spans="1:4" ht="18" customHeight="1" x14ac:dyDescent="0.2">
      <c r="A52" s="31">
        <v>39</v>
      </c>
      <c r="B52" s="27">
        <v>13</v>
      </c>
      <c r="C52" s="28">
        <v>8</v>
      </c>
      <c r="D52" s="29">
        <v>21</v>
      </c>
    </row>
    <row r="53" spans="1:4" ht="18" customHeight="1" x14ac:dyDescent="0.2">
      <c r="A53" s="31" t="s">
        <v>74</v>
      </c>
      <c r="B53" s="27">
        <v>51</v>
      </c>
      <c r="C53" s="28">
        <v>43</v>
      </c>
      <c r="D53" s="29">
        <v>94</v>
      </c>
    </row>
    <row r="54" spans="1:4" ht="18" customHeight="1" x14ac:dyDescent="0.2">
      <c r="A54" s="31">
        <v>40</v>
      </c>
      <c r="B54" s="27">
        <v>12</v>
      </c>
      <c r="C54" s="28">
        <v>8</v>
      </c>
      <c r="D54" s="29">
        <v>20</v>
      </c>
    </row>
    <row r="55" spans="1:4" ht="18" customHeight="1" x14ac:dyDescent="0.2">
      <c r="A55" s="31">
        <v>41</v>
      </c>
      <c r="B55" s="27">
        <v>8</v>
      </c>
      <c r="C55" s="28">
        <v>12</v>
      </c>
      <c r="D55" s="29">
        <v>20</v>
      </c>
    </row>
    <row r="56" spans="1:4" ht="18" customHeight="1" x14ac:dyDescent="0.2">
      <c r="A56" s="31">
        <v>42</v>
      </c>
      <c r="B56" s="27">
        <v>9</v>
      </c>
      <c r="C56" s="28">
        <v>2</v>
      </c>
      <c r="D56" s="29">
        <v>11</v>
      </c>
    </row>
    <row r="57" spans="1:4" ht="18" customHeight="1" x14ac:dyDescent="0.2">
      <c r="A57" s="31">
        <v>43</v>
      </c>
      <c r="B57" s="27">
        <v>5</v>
      </c>
      <c r="C57" s="28">
        <v>11</v>
      </c>
      <c r="D57" s="29">
        <v>16</v>
      </c>
    </row>
    <row r="58" spans="1:4" ht="18" customHeight="1" x14ac:dyDescent="0.2">
      <c r="A58" s="31">
        <v>44</v>
      </c>
      <c r="B58" s="27">
        <v>11</v>
      </c>
      <c r="C58" s="28">
        <v>9</v>
      </c>
      <c r="D58" s="29">
        <v>20</v>
      </c>
    </row>
    <row r="59" spans="1:4" ht="18" customHeight="1" x14ac:dyDescent="0.2">
      <c r="A59" s="31" t="s">
        <v>75</v>
      </c>
      <c r="B59" s="27">
        <v>45</v>
      </c>
      <c r="C59" s="28">
        <v>42</v>
      </c>
      <c r="D59" s="29">
        <v>87</v>
      </c>
    </row>
    <row r="60" spans="1:4" ht="18" customHeight="1" x14ac:dyDescent="0.2">
      <c r="A60" s="31">
        <v>45</v>
      </c>
      <c r="B60" s="27">
        <v>7</v>
      </c>
      <c r="C60" s="28">
        <v>11</v>
      </c>
      <c r="D60" s="29">
        <v>18</v>
      </c>
    </row>
    <row r="61" spans="1:4" ht="18" customHeight="1" x14ac:dyDescent="0.2">
      <c r="A61" s="31">
        <v>46</v>
      </c>
      <c r="B61" s="27">
        <v>12</v>
      </c>
      <c r="C61" s="28">
        <v>12</v>
      </c>
      <c r="D61" s="29">
        <v>24</v>
      </c>
    </row>
    <row r="62" spans="1:4" ht="18" customHeight="1" x14ac:dyDescent="0.2">
      <c r="A62" s="31">
        <v>47</v>
      </c>
      <c r="B62" s="27">
        <v>7</v>
      </c>
      <c r="C62" s="28">
        <v>13</v>
      </c>
      <c r="D62" s="29">
        <v>20</v>
      </c>
    </row>
    <row r="63" spans="1:4" ht="18" customHeight="1" x14ac:dyDescent="0.2">
      <c r="A63" s="31">
        <v>48</v>
      </c>
      <c r="B63" s="27">
        <v>3</v>
      </c>
      <c r="C63" s="28">
        <v>14</v>
      </c>
      <c r="D63" s="29">
        <v>17</v>
      </c>
    </row>
    <row r="64" spans="1:4" ht="18" customHeight="1" x14ac:dyDescent="0.2">
      <c r="A64" s="31">
        <v>49</v>
      </c>
      <c r="B64" s="27">
        <v>11</v>
      </c>
      <c r="C64" s="28">
        <v>11</v>
      </c>
      <c r="D64" s="29">
        <v>22</v>
      </c>
    </row>
    <row r="65" spans="1:4" ht="18" customHeight="1" x14ac:dyDescent="0.2">
      <c r="A65" s="31" t="s">
        <v>76</v>
      </c>
      <c r="B65" s="27">
        <v>40</v>
      </c>
      <c r="C65" s="28">
        <v>61</v>
      </c>
      <c r="D65" s="29">
        <v>101</v>
      </c>
    </row>
    <row r="66" spans="1:4" ht="18" customHeight="1" x14ac:dyDescent="0.2">
      <c r="A66" s="31">
        <v>50</v>
      </c>
      <c r="B66" s="27">
        <v>13</v>
      </c>
      <c r="C66" s="28">
        <v>15</v>
      </c>
      <c r="D66" s="29">
        <v>28</v>
      </c>
    </row>
    <row r="67" spans="1:4" ht="18" customHeight="1" x14ac:dyDescent="0.2">
      <c r="A67" s="31">
        <v>51</v>
      </c>
      <c r="B67" s="27">
        <v>12</v>
      </c>
      <c r="C67" s="28">
        <v>6</v>
      </c>
      <c r="D67" s="29">
        <v>18</v>
      </c>
    </row>
    <row r="68" spans="1:4" ht="18" customHeight="1" x14ac:dyDescent="0.2">
      <c r="A68" s="31">
        <v>52</v>
      </c>
      <c r="B68" s="27">
        <v>11</v>
      </c>
      <c r="C68" s="28">
        <v>7</v>
      </c>
      <c r="D68" s="29">
        <v>18</v>
      </c>
    </row>
    <row r="69" spans="1:4" ht="18" customHeight="1" x14ac:dyDescent="0.2">
      <c r="A69" s="31">
        <v>53</v>
      </c>
      <c r="B69" s="27">
        <v>7</v>
      </c>
      <c r="C69" s="28">
        <v>9</v>
      </c>
      <c r="D69" s="29">
        <v>16</v>
      </c>
    </row>
    <row r="70" spans="1:4" ht="18" customHeight="1" x14ac:dyDescent="0.2">
      <c r="A70" s="31">
        <v>54</v>
      </c>
      <c r="B70" s="27">
        <v>14</v>
      </c>
      <c r="C70" s="28">
        <v>13</v>
      </c>
      <c r="D70" s="29">
        <v>27</v>
      </c>
    </row>
    <row r="71" spans="1:4" ht="18" customHeight="1" x14ac:dyDescent="0.2">
      <c r="A71" s="31" t="s">
        <v>77</v>
      </c>
      <c r="B71" s="27">
        <v>57</v>
      </c>
      <c r="C71" s="28">
        <v>50</v>
      </c>
      <c r="D71" s="29">
        <v>107</v>
      </c>
    </row>
    <row r="72" spans="1:4" ht="18" customHeight="1" x14ac:dyDescent="0.2">
      <c r="A72" s="31">
        <v>55</v>
      </c>
      <c r="B72" s="27">
        <v>13</v>
      </c>
      <c r="C72" s="28">
        <v>8</v>
      </c>
      <c r="D72" s="29">
        <v>21</v>
      </c>
    </row>
    <row r="73" spans="1:4" ht="18" customHeight="1" x14ac:dyDescent="0.2">
      <c r="A73" s="31">
        <v>56</v>
      </c>
      <c r="B73" s="27">
        <v>13</v>
      </c>
      <c r="C73" s="28">
        <v>8</v>
      </c>
      <c r="D73" s="29">
        <v>21</v>
      </c>
    </row>
    <row r="74" spans="1:4" ht="18" customHeight="1" x14ac:dyDescent="0.2">
      <c r="A74" s="31">
        <v>57</v>
      </c>
      <c r="B74" s="27">
        <v>9</v>
      </c>
      <c r="C74" s="28">
        <v>14</v>
      </c>
      <c r="D74" s="29">
        <v>23</v>
      </c>
    </row>
    <row r="75" spans="1:4" ht="18" customHeight="1" x14ac:dyDescent="0.2">
      <c r="A75" s="31">
        <v>58</v>
      </c>
      <c r="B75" s="27">
        <v>12</v>
      </c>
      <c r="C75" s="28">
        <v>10</v>
      </c>
      <c r="D75" s="29">
        <v>22</v>
      </c>
    </row>
    <row r="76" spans="1:4" ht="18" customHeight="1" x14ac:dyDescent="0.2">
      <c r="A76" s="31">
        <v>59</v>
      </c>
      <c r="B76" s="27">
        <v>11</v>
      </c>
      <c r="C76" s="28">
        <v>18</v>
      </c>
      <c r="D76" s="29">
        <v>29</v>
      </c>
    </row>
    <row r="77" spans="1:4" ht="18" customHeight="1" x14ac:dyDescent="0.2">
      <c r="A77" s="31" t="s">
        <v>78</v>
      </c>
      <c r="B77" s="27">
        <v>58</v>
      </c>
      <c r="C77" s="28">
        <v>58</v>
      </c>
      <c r="D77" s="29">
        <v>116</v>
      </c>
    </row>
    <row r="78" spans="1:4" ht="18" customHeight="1" x14ac:dyDescent="0.2">
      <c r="A78" s="31">
        <v>60</v>
      </c>
      <c r="B78" s="27">
        <v>16</v>
      </c>
      <c r="C78" s="28">
        <v>9</v>
      </c>
      <c r="D78" s="29">
        <v>25</v>
      </c>
    </row>
    <row r="79" spans="1:4" ht="18" customHeight="1" x14ac:dyDescent="0.2">
      <c r="A79" s="31">
        <v>61</v>
      </c>
      <c r="B79" s="27">
        <v>12</v>
      </c>
      <c r="C79" s="28">
        <v>8</v>
      </c>
      <c r="D79" s="29">
        <v>20</v>
      </c>
    </row>
    <row r="80" spans="1:4" ht="18" customHeight="1" x14ac:dyDescent="0.2">
      <c r="A80" s="31">
        <v>62</v>
      </c>
      <c r="B80" s="27">
        <v>16</v>
      </c>
      <c r="C80" s="28">
        <v>20</v>
      </c>
      <c r="D80" s="29">
        <v>36</v>
      </c>
    </row>
    <row r="81" spans="1:4" ht="18" customHeight="1" x14ac:dyDescent="0.2">
      <c r="A81" s="31">
        <v>63</v>
      </c>
      <c r="B81" s="27">
        <v>8</v>
      </c>
      <c r="C81" s="28">
        <v>5</v>
      </c>
      <c r="D81" s="29">
        <v>13</v>
      </c>
    </row>
    <row r="82" spans="1:4" ht="18" customHeight="1" x14ac:dyDescent="0.2">
      <c r="A82" s="31">
        <v>64</v>
      </c>
      <c r="B82" s="27">
        <v>10</v>
      </c>
      <c r="C82" s="28">
        <v>7</v>
      </c>
      <c r="D82" s="29">
        <v>17</v>
      </c>
    </row>
    <row r="83" spans="1:4" ht="18" customHeight="1" x14ac:dyDescent="0.2">
      <c r="A83" s="31" t="s">
        <v>79</v>
      </c>
      <c r="B83" s="27">
        <v>62</v>
      </c>
      <c r="C83" s="28">
        <v>49</v>
      </c>
      <c r="D83" s="29">
        <v>111</v>
      </c>
    </row>
    <row r="84" spans="1:4" ht="18" customHeight="1" x14ac:dyDescent="0.2">
      <c r="A84" s="31" t="s">
        <v>80</v>
      </c>
      <c r="B84" s="27">
        <v>492</v>
      </c>
      <c r="C84" s="28">
        <v>452</v>
      </c>
      <c r="D84" s="29">
        <v>944</v>
      </c>
    </row>
    <row r="85" spans="1:4" ht="18" customHeight="1" x14ac:dyDescent="0.2">
      <c r="A85" s="31">
        <v>65</v>
      </c>
      <c r="B85" s="27">
        <v>9</v>
      </c>
      <c r="C85" s="28">
        <v>14</v>
      </c>
      <c r="D85" s="29">
        <v>23</v>
      </c>
    </row>
    <row r="86" spans="1:4" ht="18" customHeight="1" x14ac:dyDescent="0.2">
      <c r="A86" s="31">
        <v>66</v>
      </c>
      <c r="B86" s="27">
        <v>9</v>
      </c>
      <c r="C86" s="28">
        <v>18</v>
      </c>
      <c r="D86" s="29">
        <v>27</v>
      </c>
    </row>
    <row r="87" spans="1:4" ht="18" customHeight="1" x14ac:dyDescent="0.2">
      <c r="A87" s="31">
        <v>67</v>
      </c>
      <c r="B87" s="27">
        <v>8</v>
      </c>
      <c r="C87" s="28">
        <v>13</v>
      </c>
      <c r="D87" s="29">
        <v>21</v>
      </c>
    </row>
    <row r="88" spans="1:4" ht="18" customHeight="1" x14ac:dyDescent="0.2">
      <c r="A88" s="31">
        <v>68</v>
      </c>
      <c r="B88" s="27">
        <v>12</v>
      </c>
      <c r="C88" s="28">
        <v>4</v>
      </c>
      <c r="D88" s="29">
        <v>16</v>
      </c>
    </row>
    <row r="89" spans="1:4" ht="18" customHeight="1" x14ac:dyDescent="0.2">
      <c r="A89" s="31">
        <v>69</v>
      </c>
      <c r="B89" s="27">
        <v>9</v>
      </c>
      <c r="C89" s="28">
        <v>13</v>
      </c>
      <c r="D89" s="29">
        <v>22</v>
      </c>
    </row>
    <row r="90" spans="1:4" ht="18" customHeight="1" x14ac:dyDescent="0.2">
      <c r="A90" s="31" t="s">
        <v>81</v>
      </c>
      <c r="B90" s="27">
        <v>47</v>
      </c>
      <c r="C90" s="28">
        <v>62</v>
      </c>
      <c r="D90" s="29">
        <v>109</v>
      </c>
    </row>
    <row r="91" spans="1:4" ht="18" customHeight="1" x14ac:dyDescent="0.2">
      <c r="A91" s="31">
        <v>70</v>
      </c>
      <c r="B91" s="27">
        <v>5</v>
      </c>
      <c r="C91" s="28">
        <v>7</v>
      </c>
      <c r="D91" s="29">
        <v>12</v>
      </c>
    </row>
    <row r="92" spans="1:4" ht="18" customHeight="1" x14ac:dyDescent="0.2">
      <c r="A92" s="31">
        <v>71</v>
      </c>
      <c r="B92" s="27">
        <v>3</v>
      </c>
      <c r="C92" s="28">
        <v>9</v>
      </c>
      <c r="D92" s="29">
        <v>12</v>
      </c>
    </row>
    <row r="93" spans="1:4" ht="18" customHeight="1" x14ac:dyDescent="0.2">
      <c r="A93" s="31">
        <v>72</v>
      </c>
      <c r="B93" s="27">
        <v>9</v>
      </c>
      <c r="C93" s="28">
        <v>17</v>
      </c>
      <c r="D93" s="29">
        <v>26</v>
      </c>
    </row>
    <row r="94" spans="1:4" ht="18" customHeight="1" x14ac:dyDescent="0.2">
      <c r="A94" s="31">
        <v>73</v>
      </c>
      <c r="B94" s="27">
        <v>12</v>
      </c>
      <c r="C94" s="28">
        <v>9</v>
      </c>
      <c r="D94" s="29">
        <v>21</v>
      </c>
    </row>
    <row r="95" spans="1:4" ht="18" customHeight="1" x14ac:dyDescent="0.2">
      <c r="A95" s="31">
        <v>74</v>
      </c>
      <c r="B95" s="27">
        <v>12</v>
      </c>
      <c r="C95" s="28">
        <v>10</v>
      </c>
      <c r="D95" s="29">
        <v>22</v>
      </c>
    </row>
    <row r="96" spans="1:4" ht="18" customHeight="1" x14ac:dyDescent="0.2">
      <c r="A96" s="31" t="s">
        <v>82</v>
      </c>
      <c r="B96" s="27">
        <v>41</v>
      </c>
      <c r="C96" s="28">
        <v>52</v>
      </c>
      <c r="D96" s="29">
        <v>93</v>
      </c>
    </row>
    <row r="97" spans="1:4" ht="18" customHeight="1" x14ac:dyDescent="0.2">
      <c r="A97" s="31">
        <v>75</v>
      </c>
      <c r="B97" s="27">
        <v>6</v>
      </c>
      <c r="C97" s="28">
        <v>16</v>
      </c>
      <c r="D97" s="29">
        <v>22</v>
      </c>
    </row>
    <row r="98" spans="1:4" ht="18" customHeight="1" x14ac:dyDescent="0.2">
      <c r="A98" s="31">
        <v>76</v>
      </c>
      <c r="B98" s="27">
        <v>14</v>
      </c>
      <c r="C98" s="28">
        <v>10</v>
      </c>
      <c r="D98" s="29">
        <v>24</v>
      </c>
    </row>
    <row r="99" spans="1:4" ht="18" customHeight="1" x14ac:dyDescent="0.2">
      <c r="A99" s="31">
        <v>77</v>
      </c>
      <c r="B99" s="27">
        <v>10</v>
      </c>
      <c r="C99" s="28">
        <v>8</v>
      </c>
      <c r="D99" s="29">
        <v>18</v>
      </c>
    </row>
    <row r="100" spans="1:4" ht="18" customHeight="1" x14ac:dyDescent="0.2">
      <c r="A100" s="31">
        <v>78</v>
      </c>
      <c r="B100" s="27">
        <v>5</v>
      </c>
      <c r="C100" s="28">
        <v>10</v>
      </c>
      <c r="D100" s="29">
        <v>15</v>
      </c>
    </row>
    <row r="101" spans="1:4" ht="18" customHeight="1" x14ac:dyDescent="0.2">
      <c r="A101" s="31">
        <v>79</v>
      </c>
      <c r="B101" s="27">
        <v>7</v>
      </c>
      <c r="C101" s="28">
        <v>9</v>
      </c>
      <c r="D101" s="29">
        <v>16</v>
      </c>
    </row>
    <row r="102" spans="1:4" ht="18" customHeight="1" x14ac:dyDescent="0.2">
      <c r="A102" s="31" t="s">
        <v>83</v>
      </c>
      <c r="B102" s="27">
        <v>42</v>
      </c>
      <c r="C102" s="28">
        <v>53</v>
      </c>
      <c r="D102" s="29">
        <v>95</v>
      </c>
    </row>
    <row r="103" spans="1:4" ht="18" customHeight="1" x14ac:dyDescent="0.2">
      <c r="A103" s="31">
        <v>80</v>
      </c>
      <c r="B103" s="27">
        <v>10</v>
      </c>
      <c r="C103" s="28">
        <v>12</v>
      </c>
      <c r="D103" s="29">
        <v>22</v>
      </c>
    </row>
    <row r="104" spans="1:4" ht="18" customHeight="1" x14ac:dyDescent="0.2">
      <c r="A104" s="31">
        <v>81</v>
      </c>
      <c r="B104" s="27">
        <v>4</v>
      </c>
      <c r="C104" s="28">
        <v>8</v>
      </c>
      <c r="D104" s="29">
        <v>12</v>
      </c>
    </row>
    <row r="105" spans="1:4" ht="18" customHeight="1" x14ac:dyDescent="0.2">
      <c r="A105" s="31">
        <v>82</v>
      </c>
      <c r="B105" s="27">
        <v>4</v>
      </c>
      <c r="C105" s="28">
        <v>4</v>
      </c>
      <c r="D105" s="29">
        <v>8</v>
      </c>
    </row>
    <row r="106" spans="1:4" ht="18" customHeight="1" x14ac:dyDescent="0.2">
      <c r="A106" s="31">
        <v>83</v>
      </c>
      <c r="B106" s="27">
        <v>5</v>
      </c>
      <c r="C106" s="28">
        <v>8</v>
      </c>
      <c r="D106" s="29">
        <v>13</v>
      </c>
    </row>
    <row r="107" spans="1:4" ht="18" customHeight="1" x14ac:dyDescent="0.2">
      <c r="A107" s="31">
        <v>84</v>
      </c>
      <c r="B107" s="27">
        <v>4</v>
      </c>
      <c r="C107" s="28">
        <v>7</v>
      </c>
      <c r="D107" s="29">
        <v>11</v>
      </c>
    </row>
    <row r="108" spans="1:4" ht="18" customHeight="1" x14ac:dyDescent="0.2">
      <c r="A108" s="31" t="s">
        <v>84</v>
      </c>
      <c r="B108" s="27">
        <v>27</v>
      </c>
      <c r="C108" s="28">
        <v>39</v>
      </c>
      <c r="D108" s="29">
        <v>66</v>
      </c>
    </row>
    <row r="109" spans="1:4" ht="18" customHeight="1" x14ac:dyDescent="0.2">
      <c r="A109" s="31">
        <v>85</v>
      </c>
      <c r="B109" s="27">
        <v>3</v>
      </c>
      <c r="C109" s="28">
        <v>7</v>
      </c>
      <c r="D109" s="29">
        <v>10</v>
      </c>
    </row>
    <row r="110" spans="1:4" ht="18" customHeight="1" x14ac:dyDescent="0.2">
      <c r="A110" s="31">
        <v>86</v>
      </c>
      <c r="B110" s="27">
        <v>3</v>
      </c>
      <c r="C110" s="28">
        <v>6</v>
      </c>
      <c r="D110" s="29">
        <v>9</v>
      </c>
    </row>
    <row r="111" spans="1:4" ht="18" customHeight="1" x14ac:dyDescent="0.2">
      <c r="A111" s="31">
        <v>87</v>
      </c>
      <c r="B111" s="27">
        <v>4</v>
      </c>
      <c r="C111" s="28">
        <v>7</v>
      </c>
      <c r="D111" s="29">
        <v>11</v>
      </c>
    </row>
    <row r="112" spans="1:4" ht="18" customHeight="1" x14ac:dyDescent="0.2">
      <c r="A112" s="31">
        <v>88</v>
      </c>
      <c r="B112" s="27">
        <v>2</v>
      </c>
      <c r="C112" s="28">
        <v>7</v>
      </c>
      <c r="D112" s="29">
        <v>9</v>
      </c>
    </row>
    <row r="113" spans="1:4" ht="18" customHeight="1" x14ac:dyDescent="0.2">
      <c r="A113" s="31">
        <v>89</v>
      </c>
      <c r="B113" s="27">
        <v>1</v>
      </c>
      <c r="C113" s="28">
        <v>4</v>
      </c>
      <c r="D113" s="29">
        <v>5</v>
      </c>
    </row>
    <row r="114" spans="1:4" ht="18" customHeight="1" x14ac:dyDescent="0.2">
      <c r="A114" s="31" t="s">
        <v>85</v>
      </c>
      <c r="B114" s="27">
        <v>13</v>
      </c>
      <c r="C114" s="28">
        <v>31</v>
      </c>
      <c r="D114" s="29">
        <v>44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2</v>
      </c>
      <c r="C116" s="28">
        <v>3</v>
      </c>
      <c r="D116" s="29">
        <v>5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86</v>
      </c>
      <c r="B120" s="27">
        <v>6</v>
      </c>
      <c r="C120" s="28">
        <v>16</v>
      </c>
      <c r="D120" s="29">
        <v>2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87</v>
      </c>
      <c r="B126" s="27">
        <v>2</v>
      </c>
      <c r="C126" s="28">
        <v>2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178</v>
      </c>
      <c r="C130" s="5">
        <v>256</v>
      </c>
      <c r="D130" s="6">
        <v>434</v>
      </c>
    </row>
    <row r="131" spans="1:4" ht="18" customHeight="1" x14ac:dyDescent="0.2">
      <c r="A131" s="33" t="s">
        <v>65</v>
      </c>
      <c r="B131" s="7">
        <v>760</v>
      </c>
      <c r="C131" s="8">
        <v>802</v>
      </c>
      <c r="D131" s="9">
        <v>156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75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3</v>
      </c>
      <c r="C5" s="37">
        <v>4</v>
      </c>
      <c r="D5" s="39">
        <v>7</v>
      </c>
    </row>
    <row r="6" spans="1:4" ht="18" customHeight="1" x14ac:dyDescent="0.2">
      <c r="A6" s="31">
        <v>1</v>
      </c>
      <c r="B6" s="35">
        <v>8</v>
      </c>
      <c r="C6" s="28">
        <v>6</v>
      </c>
      <c r="D6" s="29">
        <v>14</v>
      </c>
    </row>
    <row r="7" spans="1:4" ht="18" customHeight="1" x14ac:dyDescent="0.2">
      <c r="A7" s="31">
        <v>2</v>
      </c>
      <c r="B7" s="35">
        <v>9</v>
      </c>
      <c r="C7" s="28">
        <v>8</v>
      </c>
      <c r="D7" s="29">
        <v>17</v>
      </c>
    </row>
    <row r="8" spans="1:4" ht="18" customHeight="1" x14ac:dyDescent="0.2">
      <c r="A8" s="31">
        <v>3</v>
      </c>
      <c r="B8" s="35">
        <v>9</v>
      </c>
      <c r="C8" s="28">
        <v>6</v>
      </c>
      <c r="D8" s="29">
        <v>15</v>
      </c>
    </row>
    <row r="9" spans="1:4" ht="18" customHeight="1" x14ac:dyDescent="0.2">
      <c r="A9" s="31">
        <v>4</v>
      </c>
      <c r="B9" s="36">
        <v>5</v>
      </c>
      <c r="C9" s="38">
        <v>9</v>
      </c>
      <c r="D9" s="40">
        <v>14</v>
      </c>
    </row>
    <row r="10" spans="1:4" ht="18" customHeight="1" x14ac:dyDescent="0.2">
      <c r="A10" s="31" t="s">
        <v>66</v>
      </c>
      <c r="B10" s="27">
        <v>34</v>
      </c>
      <c r="C10" s="28">
        <v>33</v>
      </c>
      <c r="D10" s="29">
        <v>67</v>
      </c>
    </row>
    <row r="11" spans="1:4" ht="18" customHeight="1" x14ac:dyDescent="0.2">
      <c r="A11" s="31">
        <v>5</v>
      </c>
      <c r="B11" s="35">
        <v>5</v>
      </c>
      <c r="C11" s="28">
        <v>10</v>
      </c>
      <c r="D11" s="29">
        <v>15</v>
      </c>
    </row>
    <row r="12" spans="1:4" ht="18" customHeight="1" x14ac:dyDescent="0.2">
      <c r="A12" s="31">
        <v>6</v>
      </c>
      <c r="B12" s="35">
        <v>10</v>
      </c>
      <c r="C12" s="28">
        <v>7</v>
      </c>
      <c r="D12" s="29">
        <v>17</v>
      </c>
    </row>
    <row r="13" spans="1:4" ht="18" customHeight="1" x14ac:dyDescent="0.2">
      <c r="A13" s="31">
        <v>7</v>
      </c>
      <c r="B13" s="35">
        <v>11</v>
      </c>
      <c r="C13" s="28">
        <v>13</v>
      </c>
      <c r="D13" s="29">
        <v>24</v>
      </c>
    </row>
    <row r="14" spans="1:4" ht="18" customHeight="1" x14ac:dyDescent="0.2">
      <c r="A14" s="31">
        <v>8</v>
      </c>
      <c r="B14" s="35">
        <v>8</v>
      </c>
      <c r="C14" s="28">
        <v>9</v>
      </c>
      <c r="D14" s="29">
        <v>17</v>
      </c>
    </row>
    <row r="15" spans="1:4" ht="18" customHeight="1" x14ac:dyDescent="0.2">
      <c r="A15" s="31">
        <v>9</v>
      </c>
      <c r="B15" s="35">
        <v>7</v>
      </c>
      <c r="C15" s="28">
        <v>12</v>
      </c>
      <c r="D15" s="29">
        <v>19</v>
      </c>
    </row>
    <row r="16" spans="1:4" ht="18" customHeight="1" x14ac:dyDescent="0.2">
      <c r="A16" s="31" t="s">
        <v>67</v>
      </c>
      <c r="B16" s="27">
        <v>41</v>
      </c>
      <c r="C16" s="28">
        <v>51</v>
      </c>
      <c r="D16" s="29">
        <v>92</v>
      </c>
    </row>
    <row r="17" spans="1:4" ht="18" customHeight="1" x14ac:dyDescent="0.2">
      <c r="A17" s="31">
        <v>10</v>
      </c>
      <c r="B17" s="27">
        <v>7</v>
      </c>
      <c r="C17" s="28">
        <v>12</v>
      </c>
      <c r="D17" s="29">
        <v>19</v>
      </c>
    </row>
    <row r="18" spans="1:4" ht="18" customHeight="1" x14ac:dyDescent="0.2">
      <c r="A18" s="31">
        <v>11</v>
      </c>
      <c r="B18" s="27">
        <v>1</v>
      </c>
      <c r="C18" s="28">
        <v>10</v>
      </c>
      <c r="D18" s="29">
        <v>11</v>
      </c>
    </row>
    <row r="19" spans="1:4" ht="18" customHeight="1" x14ac:dyDescent="0.2">
      <c r="A19" s="31">
        <v>12</v>
      </c>
      <c r="B19" s="27">
        <v>12</v>
      </c>
      <c r="C19" s="28">
        <v>15</v>
      </c>
      <c r="D19" s="29">
        <v>27</v>
      </c>
    </row>
    <row r="20" spans="1:4" ht="18" customHeight="1" x14ac:dyDescent="0.2">
      <c r="A20" s="31">
        <v>13</v>
      </c>
      <c r="B20" s="27">
        <v>4</v>
      </c>
      <c r="C20" s="28">
        <v>6</v>
      </c>
      <c r="D20" s="29">
        <v>10</v>
      </c>
    </row>
    <row r="21" spans="1:4" ht="18" customHeight="1" x14ac:dyDescent="0.2">
      <c r="A21" s="31">
        <v>14</v>
      </c>
      <c r="B21" s="27">
        <v>15</v>
      </c>
      <c r="C21" s="28">
        <v>11</v>
      </c>
      <c r="D21" s="29">
        <v>26</v>
      </c>
    </row>
    <row r="22" spans="1:4" ht="18" customHeight="1" x14ac:dyDescent="0.2">
      <c r="A22" s="31" t="s">
        <v>68</v>
      </c>
      <c r="B22" s="27">
        <v>39</v>
      </c>
      <c r="C22" s="28">
        <v>54</v>
      </c>
      <c r="D22" s="29">
        <v>93</v>
      </c>
    </row>
    <row r="23" spans="1:4" ht="18" customHeight="1" x14ac:dyDescent="0.2">
      <c r="A23" s="31" t="s">
        <v>69</v>
      </c>
      <c r="B23" s="27">
        <v>114</v>
      </c>
      <c r="C23" s="28">
        <v>138</v>
      </c>
      <c r="D23" s="29">
        <v>252</v>
      </c>
    </row>
    <row r="24" spans="1:4" ht="18" customHeight="1" x14ac:dyDescent="0.2">
      <c r="A24" s="31">
        <v>15</v>
      </c>
      <c r="B24" s="27">
        <v>13</v>
      </c>
      <c r="C24" s="28">
        <v>13</v>
      </c>
      <c r="D24" s="29">
        <v>26</v>
      </c>
    </row>
    <row r="25" spans="1:4" ht="18" customHeight="1" x14ac:dyDescent="0.2">
      <c r="A25" s="31">
        <v>16</v>
      </c>
      <c r="B25" s="27">
        <v>10</v>
      </c>
      <c r="C25" s="28">
        <v>11</v>
      </c>
      <c r="D25" s="29">
        <v>21</v>
      </c>
    </row>
    <row r="26" spans="1:4" ht="18" customHeight="1" x14ac:dyDescent="0.2">
      <c r="A26" s="31">
        <v>17</v>
      </c>
      <c r="B26" s="27">
        <v>14</v>
      </c>
      <c r="C26" s="28">
        <v>12</v>
      </c>
      <c r="D26" s="29">
        <v>26</v>
      </c>
    </row>
    <row r="27" spans="1:4" ht="18" customHeight="1" x14ac:dyDescent="0.2">
      <c r="A27" s="31">
        <v>18</v>
      </c>
      <c r="B27" s="27">
        <v>14</v>
      </c>
      <c r="C27" s="28">
        <v>12</v>
      </c>
      <c r="D27" s="29">
        <v>26</v>
      </c>
    </row>
    <row r="28" spans="1:4" ht="18" customHeight="1" x14ac:dyDescent="0.2">
      <c r="A28" s="31">
        <v>19</v>
      </c>
      <c r="B28" s="27">
        <v>7</v>
      </c>
      <c r="C28" s="28">
        <v>7</v>
      </c>
      <c r="D28" s="29">
        <v>14</v>
      </c>
    </row>
    <row r="29" spans="1:4" ht="18" customHeight="1" x14ac:dyDescent="0.2">
      <c r="A29" s="31" t="s">
        <v>70</v>
      </c>
      <c r="B29" s="27">
        <v>58</v>
      </c>
      <c r="C29" s="28">
        <v>55</v>
      </c>
      <c r="D29" s="29">
        <v>113</v>
      </c>
    </row>
    <row r="30" spans="1:4" ht="18" customHeight="1" x14ac:dyDescent="0.2">
      <c r="A30" s="31">
        <v>20</v>
      </c>
      <c r="B30" s="27">
        <v>18</v>
      </c>
      <c r="C30" s="28">
        <v>15</v>
      </c>
      <c r="D30" s="29">
        <v>33</v>
      </c>
    </row>
    <row r="31" spans="1:4" ht="18" customHeight="1" x14ac:dyDescent="0.2">
      <c r="A31" s="31">
        <v>21</v>
      </c>
      <c r="B31" s="27">
        <v>17</v>
      </c>
      <c r="C31" s="28">
        <v>12</v>
      </c>
      <c r="D31" s="29">
        <v>29</v>
      </c>
    </row>
    <row r="32" spans="1:4" ht="18" customHeight="1" x14ac:dyDescent="0.2">
      <c r="A32" s="31">
        <v>22</v>
      </c>
      <c r="B32" s="27">
        <v>17</v>
      </c>
      <c r="C32" s="28">
        <v>16</v>
      </c>
      <c r="D32" s="29">
        <v>33</v>
      </c>
    </row>
    <row r="33" spans="1:4" ht="18" customHeight="1" x14ac:dyDescent="0.2">
      <c r="A33" s="31">
        <v>23</v>
      </c>
      <c r="B33" s="27">
        <v>18</v>
      </c>
      <c r="C33" s="28">
        <v>15</v>
      </c>
      <c r="D33" s="29">
        <v>33</v>
      </c>
    </row>
    <row r="34" spans="1:4" ht="18" customHeight="1" x14ac:dyDescent="0.2">
      <c r="A34" s="31">
        <v>24</v>
      </c>
      <c r="B34" s="27">
        <v>17</v>
      </c>
      <c r="C34" s="28">
        <v>11</v>
      </c>
      <c r="D34" s="29">
        <v>28</v>
      </c>
    </row>
    <row r="35" spans="1:4" ht="18" customHeight="1" x14ac:dyDescent="0.2">
      <c r="A35" s="31" t="s">
        <v>71</v>
      </c>
      <c r="B35" s="27">
        <v>87</v>
      </c>
      <c r="C35" s="28">
        <v>69</v>
      </c>
      <c r="D35" s="29">
        <v>156</v>
      </c>
    </row>
    <row r="36" spans="1:4" ht="18" customHeight="1" x14ac:dyDescent="0.2">
      <c r="A36" s="31">
        <v>25</v>
      </c>
      <c r="B36" s="27">
        <v>11</v>
      </c>
      <c r="C36" s="28">
        <v>11</v>
      </c>
      <c r="D36" s="29">
        <v>22</v>
      </c>
    </row>
    <row r="37" spans="1:4" ht="18" customHeight="1" x14ac:dyDescent="0.2">
      <c r="A37" s="31">
        <v>26</v>
      </c>
      <c r="B37" s="27">
        <v>11</v>
      </c>
      <c r="C37" s="28">
        <v>13</v>
      </c>
      <c r="D37" s="29">
        <v>24</v>
      </c>
    </row>
    <row r="38" spans="1:4" ht="18" customHeight="1" x14ac:dyDescent="0.2">
      <c r="A38" s="31">
        <v>27</v>
      </c>
      <c r="B38" s="27">
        <v>12</v>
      </c>
      <c r="C38" s="28">
        <v>13</v>
      </c>
      <c r="D38" s="29">
        <v>25</v>
      </c>
    </row>
    <row r="39" spans="1:4" ht="18" customHeight="1" x14ac:dyDescent="0.2">
      <c r="A39" s="31">
        <v>28</v>
      </c>
      <c r="B39" s="27">
        <v>12</v>
      </c>
      <c r="C39" s="28">
        <v>10</v>
      </c>
      <c r="D39" s="29">
        <v>22</v>
      </c>
    </row>
    <row r="40" spans="1:4" ht="18" customHeight="1" x14ac:dyDescent="0.2">
      <c r="A40" s="31">
        <v>29</v>
      </c>
      <c r="B40" s="27">
        <v>14</v>
      </c>
      <c r="C40" s="28">
        <v>9</v>
      </c>
      <c r="D40" s="29">
        <v>23</v>
      </c>
    </row>
    <row r="41" spans="1:4" ht="18" customHeight="1" x14ac:dyDescent="0.2">
      <c r="A41" s="31" t="s">
        <v>72</v>
      </c>
      <c r="B41" s="27">
        <v>60</v>
      </c>
      <c r="C41" s="28">
        <v>56</v>
      </c>
      <c r="D41" s="29">
        <v>116</v>
      </c>
    </row>
    <row r="42" spans="1:4" ht="18" customHeight="1" x14ac:dyDescent="0.2">
      <c r="A42" s="31">
        <v>30</v>
      </c>
      <c r="B42" s="27">
        <v>14</v>
      </c>
      <c r="C42" s="28">
        <v>9</v>
      </c>
      <c r="D42" s="29">
        <v>23</v>
      </c>
    </row>
    <row r="43" spans="1:4" ht="18" customHeight="1" x14ac:dyDescent="0.2">
      <c r="A43" s="31">
        <v>31</v>
      </c>
      <c r="B43" s="27">
        <v>12</v>
      </c>
      <c r="C43" s="28">
        <v>4</v>
      </c>
      <c r="D43" s="29">
        <v>16</v>
      </c>
    </row>
    <row r="44" spans="1:4" ht="18" customHeight="1" x14ac:dyDescent="0.2">
      <c r="A44" s="31">
        <v>32</v>
      </c>
      <c r="B44" s="27">
        <v>17</v>
      </c>
      <c r="C44" s="28">
        <v>8</v>
      </c>
      <c r="D44" s="29">
        <v>25</v>
      </c>
    </row>
    <row r="45" spans="1:4" ht="18" customHeight="1" x14ac:dyDescent="0.2">
      <c r="A45" s="31">
        <v>33</v>
      </c>
      <c r="B45" s="27">
        <v>15</v>
      </c>
      <c r="C45" s="28">
        <v>19</v>
      </c>
      <c r="D45" s="29">
        <v>34</v>
      </c>
    </row>
    <row r="46" spans="1:4" ht="18" customHeight="1" x14ac:dyDescent="0.2">
      <c r="A46" s="31">
        <v>34</v>
      </c>
      <c r="B46" s="27">
        <v>13</v>
      </c>
      <c r="C46" s="28">
        <v>9</v>
      </c>
      <c r="D46" s="29">
        <v>22</v>
      </c>
    </row>
    <row r="47" spans="1:4" ht="18" customHeight="1" x14ac:dyDescent="0.2">
      <c r="A47" s="31" t="s">
        <v>73</v>
      </c>
      <c r="B47" s="27">
        <v>71</v>
      </c>
      <c r="C47" s="28">
        <v>49</v>
      </c>
      <c r="D47" s="29">
        <v>120</v>
      </c>
    </row>
    <row r="48" spans="1:4" ht="18" customHeight="1" x14ac:dyDescent="0.2">
      <c r="A48" s="31">
        <v>35</v>
      </c>
      <c r="B48" s="27">
        <v>12</v>
      </c>
      <c r="C48" s="28">
        <v>12</v>
      </c>
      <c r="D48" s="29">
        <v>24</v>
      </c>
    </row>
    <row r="49" spans="1:4" ht="18" customHeight="1" x14ac:dyDescent="0.2">
      <c r="A49" s="31">
        <v>36</v>
      </c>
      <c r="B49" s="27">
        <v>17</v>
      </c>
      <c r="C49" s="28">
        <v>14</v>
      </c>
      <c r="D49" s="29">
        <v>31</v>
      </c>
    </row>
    <row r="50" spans="1:4" ht="18" customHeight="1" x14ac:dyDescent="0.2">
      <c r="A50" s="31">
        <v>37</v>
      </c>
      <c r="B50" s="27">
        <v>11</v>
      </c>
      <c r="C50" s="28">
        <v>4</v>
      </c>
      <c r="D50" s="29">
        <v>15</v>
      </c>
    </row>
    <row r="51" spans="1:4" ht="18" customHeight="1" x14ac:dyDescent="0.2">
      <c r="A51" s="31">
        <v>38</v>
      </c>
      <c r="B51" s="27">
        <v>16</v>
      </c>
      <c r="C51" s="28">
        <v>16</v>
      </c>
      <c r="D51" s="29">
        <v>32</v>
      </c>
    </row>
    <row r="52" spans="1:4" ht="18" customHeight="1" x14ac:dyDescent="0.2">
      <c r="A52" s="31">
        <v>39</v>
      </c>
      <c r="B52" s="27">
        <v>12</v>
      </c>
      <c r="C52" s="28">
        <v>11</v>
      </c>
      <c r="D52" s="29">
        <v>23</v>
      </c>
    </row>
    <row r="53" spans="1:4" ht="18" customHeight="1" x14ac:dyDescent="0.2">
      <c r="A53" s="31" t="s">
        <v>74</v>
      </c>
      <c r="B53" s="27">
        <v>68</v>
      </c>
      <c r="C53" s="28">
        <v>57</v>
      </c>
      <c r="D53" s="29">
        <v>125</v>
      </c>
    </row>
    <row r="54" spans="1:4" ht="18" customHeight="1" x14ac:dyDescent="0.2">
      <c r="A54" s="31">
        <v>40</v>
      </c>
      <c r="B54" s="27">
        <v>9</v>
      </c>
      <c r="C54" s="28">
        <v>11</v>
      </c>
      <c r="D54" s="29">
        <v>20</v>
      </c>
    </row>
    <row r="55" spans="1:4" ht="18" customHeight="1" x14ac:dyDescent="0.2">
      <c r="A55" s="31">
        <v>41</v>
      </c>
      <c r="B55" s="27">
        <v>10</v>
      </c>
      <c r="C55" s="28">
        <v>18</v>
      </c>
      <c r="D55" s="29">
        <v>28</v>
      </c>
    </row>
    <row r="56" spans="1:4" ht="18" customHeight="1" x14ac:dyDescent="0.2">
      <c r="A56" s="31">
        <v>42</v>
      </c>
      <c r="B56" s="27">
        <v>9</v>
      </c>
      <c r="C56" s="28">
        <v>14</v>
      </c>
      <c r="D56" s="29">
        <v>23</v>
      </c>
    </row>
    <row r="57" spans="1:4" ht="18" customHeight="1" x14ac:dyDescent="0.2">
      <c r="A57" s="31">
        <v>43</v>
      </c>
      <c r="B57" s="27">
        <v>8</v>
      </c>
      <c r="C57" s="28">
        <v>3</v>
      </c>
      <c r="D57" s="29">
        <v>11</v>
      </c>
    </row>
    <row r="58" spans="1:4" ht="18" customHeight="1" x14ac:dyDescent="0.2">
      <c r="A58" s="31">
        <v>44</v>
      </c>
      <c r="B58" s="27">
        <v>19</v>
      </c>
      <c r="C58" s="28">
        <v>19</v>
      </c>
      <c r="D58" s="29">
        <v>38</v>
      </c>
    </row>
    <row r="59" spans="1:4" ht="18" customHeight="1" x14ac:dyDescent="0.2">
      <c r="A59" s="31" t="s">
        <v>75</v>
      </c>
      <c r="B59" s="27">
        <v>55</v>
      </c>
      <c r="C59" s="28">
        <v>65</v>
      </c>
      <c r="D59" s="29">
        <v>120</v>
      </c>
    </row>
    <row r="60" spans="1:4" ht="18" customHeight="1" x14ac:dyDescent="0.2">
      <c r="A60" s="31">
        <v>45</v>
      </c>
      <c r="B60" s="27">
        <v>5</v>
      </c>
      <c r="C60" s="28">
        <v>12</v>
      </c>
      <c r="D60" s="29">
        <v>17</v>
      </c>
    </row>
    <row r="61" spans="1:4" ht="18" customHeight="1" x14ac:dyDescent="0.2">
      <c r="A61" s="31">
        <v>46</v>
      </c>
      <c r="B61" s="27">
        <v>10</v>
      </c>
      <c r="C61" s="28">
        <v>12</v>
      </c>
      <c r="D61" s="29">
        <v>22</v>
      </c>
    </row>
    <row r="62" spans="1:4" ht="18" customHeight="1" x14ac:dyDescent="0.2">
      <c r="A62" s="31">
        <v>47</v>
      </c>
      <c r="B62" s="27">
        <v>15</v>
      </c>
      <c r="C62" s="28">
        <v>15</v>
      </c>
      <c r="D62" s="29">
        <v>30</v>
      </c>
    </row>
    <row r="63" spans="1:4" ht="18" customHeight="1" x14ac:dyDescent="0.2">
      <c r="A63" s="31">
        <v>48</v>
      </c>
      <c r="B63" s="27">
        <v>13</v>
      </c>
      <c r="C63" s="28">
        <v>21</v>
      </c>
      <c r="D63" s="29">
        <v>34</v>
      </c>
    </row>
    <row r="64" spans="1:4" ht="18" customHeight="1" x14ac:dyDescent="0.2">
      <c r="A64" s="31">
        <v>49</v>
      </c>
      <c r="B64" s="27">
        <v>12</v>
      </c>
      <c r="C64" s="28">
        <v>21</v>
      </c>
      <c r="D64" s="29">
        <v>33</v>
      </c>
    </row>
    <row r="65" spans="1:4" ht="18" customHeight="1" x14ac:dyDescent="0.2">
      <c r="A65" s="31" t="s">
        <v>76</v>
      </c>
      <c r="B65" s="27">
        <v>55</v>
      </c>
      <c r="C65" s="28">
        <v>81</v>
      </c>
      <c r="D65" s="29">
        <v>136</v>
      </c>
    </row>
    <row r="66" spans="1:4" ht="18" customHeight="1" x14ac:dyDescent="0.2">
      <c r="A66" s="31">
        <v>50</v>
      </c>
      <c r="B66" s="27">
        <v>22</v>
      </c>
      <c r="C66" s="28">
        <v>12</v>
      </c>
      <c r="D66" s="29">
        <v>34</v>
      </c>
    </row>
    <row r="67" spans="1:4" ht="18" customHeight="1" x14ac:dyDescent="0.2">
      <c r="A67" s="31">
        <v>51</v>
      </c>
      <c r="B67" s="27">
        <v>23</v>
      </c>
      <c r="C67" s="28">
        <v>20</v>
      </c>
      <c r="D67" s="29">
        <v>43</v>
      </c>
    </row>
    <row r="68" spans="1:4" ht="18" customHeight="1" x14ac:dyDescent="0.2">
      <c r="A68" s="31">
        <v>52</v>
      </c>
      <c r="B68" s="27">
        <v>16</v>
      </c>
      <c r="C68" s="28">
        <v>14</v>
      </c>
      <c r="D68" s="29">
        <v>30</v>
      </c>
    </row>
    <row r="69" spans="1:4" ht="18" customHeight="1" x14ac:dyDescent="0.2">
      <c r="A69" s="31">
        <v>53</v>
      </c>
      <c r="B69" s="27">
        <v>23</v>
      </c>
      <c r="C69" s="28">
        <v>18</v>
      </c>
      <c r="D69" s="29">
        <v>41</v>
      </c>
    </row>
    <row r="70" spans="1:4" ht="18" customHeight="1" x14ac:dyDescent="0.2">
      <c r="A70" s="31">
        <v>54</v>
      </c>
      <c r="B70" s="27">
        <v>15</v>
      </c>
      <c r="C70" s="28">
        <v>18</v>
      </c>
      <c r="D70" s="29">
        <v>33</v>
      </c>
    </row>
    <row r="71" spans="1:4" ht="18" customHeight="1" x14ac:dyDescent="0.2">
      <c r="A71" s="31" t="s">
        <v>77</v>
      </c>
      <c r="B71" s="27">
        <v>99</v>
      </c>
      <c r="C71" s="28">
        <v>82</v>
      </c>
      <c r="D71" s="29">
        <v>181</v>
      </c>
    </row>
    <row r="72" spans="1:4" ht="18" customHeight="1" x14ac:dyDescent="0.2">
      <c r="A72" s="31">
        <v>55</v>
      </c>
      <c r="B72" s="27">
        <v>11</v>
      </c>
      <c r="C72" s="28">
        <v>13</v>
      </c>
      <c r="D72" s="29">
        <v>24</v>
      </c>
    </row>
    <row r="73" spans="1:4" ht="18" customHeight="1" x14ac:dyDescent="0.2">
      <c r="A73" s="31">
        <v>56</v>
      </c>
      <c r="B73" s="27">
        <v>12</v>
      </c>
      <c r="C73" s="28">
        <v>19</v>
      </c>
      <c r="D73" s="29">
        <v>31</v>
      </c>
    </row>
    <row r="74" spans="1:4" ht="18" customHeight="1" x14ac:dyDescent="0.2">
      <c r="A74" s="31">
        <v>57</v>
      </c>
      <c r="B74" s="27">
        <v>20</v>
      </c>
      <c r="C74" s="28">
        <v>15</v>
      </c>
      <c r="D74" s="29">
        <v>35</v>
      </c>
    </row>
    <row r="75" spans="1:4" ht="18" customHeight="1" x14ac:dyDescent="0.2">
      <c r="A75" s="31">
        <v>58</v>
      </c>
      <c r="B75" s="27">
        <v>22</v>
      </c>
      <c r="C75" s="28">
        <v>30</v>
      </c>
      <c r="D75" s="29">
        <v>52</v>
      </c>
    </row>
    <row r="76" spans="1:4" ht="18" customHeight="1" x14ac:dyDescent="0.2">
      <c r="A76" s="31">
        <v>59</v>
      </c>
      <c r="B76" s="27">
        <v>21</v>
      </c>
      <c r="C76" s="28">
        <v>19</v>
      </c>
      <c r="D76" s="29">
        <v>40</v>
      </c>
    </row>
    <row r="77" spans="1:4" ht="18" customHeight="1" x14ac:dyDescent="0.2">
      <c r="A77" s="31" t="s">
        <v>78</v>
      </c>
      <c r="B77" s="27">
        <v>86</v>
      </c>
      <c r="C77" s="28">
        <v>96</v>
      </c>
      <c r="D77" s="29">
        <v>182</v>
      </c>
    </row>
    <row r="78" spans="1:4" ht="18" customHeight="1" x14ac:dyDescent="0.2">
      <c r="A78" s="31">
        <v>60</v>
      </c>
      <c r="B78" s="27">
        <v>27</v>
      </c>
      <c r="C78" s="28">
        <v>12</v>
      </c>
      <c r="D78" s="29">
        <v>39</v>
      </c>
    </row>
    <row r="79" spans="1:4" ht="18" customHeight="1" x14ac:dyDescent="0.2">
      <c r="A79" s="31">
        <v>61</v>
      </c>
      <c r="B79" s="27">
        <v>28</v>
      </c>
      <c r="C79" s="28">
        <v>33</v>
      </c>
      <c r="D79" s="29">
        <v>61</v>
      </c>
    </row>
    <row r="80" spans="1:4" ht="18" customHeight="1" x14ac:dyDescent="0.2">
      <c r="A80" s="31">
        <v>62</v>
      </c>
      <c r="B80" s="27">
        <v>22</v>
      </c>
      <c r="C80" s="28">
        <v>20</v>
      </c>
      <c r="D80" s="29">
        <v>42</v>
      </c>
    </row>
    <row r="81" spans="1:4" ht="18" customHeight="1" x14ac:dyDescent="0.2">
      <c r="A81" s="31">
        <v>63</v>
      </c>
      <c r="B81" s="27">
        <v>9</v>
      </c>
      <c r="C81" s="28">
        <v>11</v>
      </c>
      <c r="D81" s="29">
        <v>20</v>
      </c>
    </row>
    <row r="82" spans="1:4" ht="18" customHeight="1" x14ac:dyDescent="0.2">
      <c r="A82" s="31">
        <v>64</v>
      </c>
      <c r="B82" s="27">
        <v>8</v>
      </c>
      <c r="C82" s="28">
        <v>13</v>
      </c>
      <c r="D82" s="29">
        <v>21</v>
      </c>
    </row>
    <row r="83" spans="1:4" ht="18" customHeight="1" x14ac:dyDescent="0.2">
      <c r="A83" s="31" t="s">
        <v>79</v>
      </c>
      <c r="B83" s="27">
        <v>94</v>
      </c>
      <c r="C83" s="28">
        <v>89</v>
      </c>
      <c r="D83" s="29">
        <v>183</v>
      </c>
    </row>
    <row r="84" spans="1:4" ht="18" customHeight="1" x14ac:dyDescent="0.2">
      <c r="A84" s="31" t="s">
        <v>80</v>
      </c>
      <c r="B84" s="27">
        <v>733</v>
      </c>
      <c r="C84" s="28">
        <v>699</v>
      </c>
      <c r="D84" s="29">
        <v>1432</v>
      </c>
    </row>
    <row r="85" spans="1:4" ht="18" customHeight="1" x14ac:dyDescent="0.2">
      <c r="A85" s="31">
        <v>65</v>
      </c>
      <c r="B85" s="27">
        <v>13</v>
      </c>
      <c r="C85" s="28">
        <v>17</v>
      </c>
      <c r="D85" s="29">
        <v>30</v>
      </c>
    </row>
    <row r="86" spans="1:4" ht="18" customHeight="1" x14ac:dyDescent="0.2">
      <c r="A86" s="31">
        <v>66</v>
      </c>
      <c r="B86" s="27">
        <v>20</v>
      </c>
      <c r="C86" s="28">
        <v>12</v>
      </c>
      <c r="D86" s="29">
        <v>32</v>
      </c>
    </row>
    <row r="87" spans="1:4" ht="18" customHeight="1" x14ac:dyDescent="0.2">
      <c r="A87" s="31">
        <v>67</v>
      </c>
      <c r="B87" s="27">
        <v>19</v>
      </c>
      <c r="C87" s="28">
        <v>9</v>
      </c>
      <c r="D87" s="29">
        <v>28</v>
      </c>
    </row>
    <row r="88" spans="1:4" ht="18" customHeight="1" x14ac:dyDescent="0.2">
      <c r="A88" s="31">
        <v>68</v>
      </c>
      <c r="B88" s="27">
        <v>17</v>
      </c>
      <c r="C88" s="28">
        <v>17</v>
      </c>
      <c r="D88" s="29">
        <v>34</v>
      </c>
    </row>
    <row r="89" spans="1:4" ht="18" customHeight="1" x14ac:dyDescent="0.2">
      <c r="A89" s="31">
        <v>69</v>
      </c>
      <c r="B89" s="27">
        <v>10</v>
      </c>
      <c r="C89" s="28">
        <v>19</v>
      </c>
      <c r="D89" s="29">
        <v>29</v>
      </c>
    </row>
    <row r="90" spans="1:4" ht="18" customHeight="1" x14ac:dyDescent="0.2">
      <c r="A90" s="31" t="s">
        <v>81</v>
      </c>
      <c r="B90" s="27">
        <v>79</v>
      </c>
      <c r="C90" s="28">
        <v>74</v>
      </c>
      <c r="D90" s="29">
        <v>153</v>
      </c>
    </row>
    <row r="91" spans="1:4" ht="18" customHeight="1" x14ac:dyDescent="0.2">
      <c r="A91" s="31">
        <v>70</v>
      </c>
      <c r="B91" s="27">
        <v>8</v>
      </c>
      <c r="C91" s="28">
        <v>11</v>
      </c>
      <c r="D91" s="29">
        <v>19</v>
      </c>
    </row>
    <row r="92" spans="1:4" ht="18" customHeight="1" x14ac:dyDescent="0.2">
      <c r="A92" s="31">
        <v>71</v>
      </c>
      <c r="B92" s="27">
        <v>9</v>
      </c>
      <c r="C92" s="28">
        <v>15</v>
      </c>
      <c r="D92" s="29">
        <v>24</v>
      </c>
    </row>
    <row r="93" spans="1:4" ht="18" customHeight="1" x14ac:dyDescent="0.2">
      <c r="A93" s="31">
        <v>72</v>
      </c>
      <c r="B93" s="27">
        <v>15</v>
      </c>
      <c r="C93" s="28">
        <v>13</v>
      </c>
      <c r="D93" s="29">
        <v>28</v>
      </c>
    </row>
    <row r="94" spans="1:4" ht="18" customHeight="1" x14ac:dyDescent="0.2">
      <c r="A94" s="31">
        <v>73</v>
      </c>
      <c r="B94" s="27">
        <v>12</v>
      </c>
      <c r="C94" s="28">
        <v>16</v>
      </c>
      <c r="D94" s="29">
        <v>28</v>
      </c>
    </row>
    <row r="95" spans="1:4" ht="18" customHeight="1" x14ac:dyDescent="0.2">
      <c r="A95" s="31">
        <v>74</v>
      </c>
      <c r="B95" s="27">
        <v>5</v>
      </c>
      <c r="C95" s="28">
        <v>7</v>
      </c>
      <c r="D95" s="29">
        <v>12</v>
      </c>
    </row>
    <row r="96" spans="1:4" ht="18" customHeight="1" x14ac:dyDescent="0.2">
      <c r="A96" s="31" t="s">
        <v>82</v>
      </c>
      <c r="B96" s="27">
        <v>49</v>
      </c>
      <c r="C96" s="28">
        <v>62</v>
      </c>
      <c r="D96" s="29">
        <v>111</v>
      </c>
    </row>
    <row r="97" spans="1:4" ht="18" customHeight="1" x14ac:dyDescent="0.2">
      <c r="A97" s="31">
        <v>75</v>
      </c>
      <c r="B97" s="27">
        <v>12</v>
      </c>
      <c r="C97" s="28">
        <v>17</v>
      </c>
      <c r="D97" s="29">
        <v>29</v>
      </c>
    </row>
    <row r="98" spans="1:4" ht="18" customHeight="1" x14ac:dyDescent="0.2">
      <c r="A98" s="31">
        <v>76</v>
      </c>
      <c r="B98" s="27">
        <v>10</v>
      </c>
      <c r="C98" s="28">
        <v>18</v>
      </c>
      <c r="D98" s="29">
        <v>28</v>
      </c>
    </row>
    <row r="99" spans="1:4" ht="18" customHeight="1" x14ac:dyDescent="0.2">
      <c r="A99" s="31">
        <v>77</v>
      </c>
      <c r="B99" s="27">
        <v>10</v>
      </c>
      <c r="C99" s="28">
        <v>13</v>
      </c>
      <c r="D99" s="29">
        <v>23</v>
      </c>
    </row>
    <row r="100" spans="1:4" ht="18" customHeight="1" x14ac:dyDescent="0.2">
      <c r="A100" s="31">
        <v>78</v>
      </c>
      <c r="B100" s="27">
        <v>10</v>
      </c>
      <c r="C100" s="28">
        <v>13</v>
      </c>
      <c r="D100" s="29">
        <v>23</v>
      </c>
    </row>
    <row r="101" spans="1:4" ht="18" customHeight="1" x14ac:dyDescent="0.2">
      <c r="A101" s="31">
        <v>79</v>
      </c>
      <c r="B101" s="27">
        <v>9</v>
      </c>
      <c r="C101" s="28">
        <v>16</v>
      </c>
      <c r="D101" s="29">
        <v>25</v>
      </c>
    </row>
    <row r="102" spans="1:4" ht="18" customHeight="1" x14ac:dyDescent="0.2">
      <c r="A102" s="31" t="s">
        <v>83</v>
      </c>
      <c r="B102" s="27">
        <v>51</v>
      </c>
      <c r="C102" s="28">
        <v>77</v>
      </c>
      <c r="D102" s="29">
        <v>128</v>
      </c>
    </row>
    <row r="103" spans="1:4" ht="18" customHeight="1" x14ac:dyDescent="0.2">
      <c r="A103" s="31">
        <v>80</v>
      </c>
      <c r="B103" s="27">
        <v>13</v>
      </c>
      <c r="C103" s="28">
        <v>12</v>
      </c>
      <c r="D103" s="29">
        <v>25</v>
      </c>
    </row>
    <row r="104" spans="1:4" ht="18" customHeight="1" x14ac:dyDescent="0.2">
      <c r="A104" s="31">
        <v>81</v>
      </c>
      <c r="B104" s="27">
        <v>10</v>
      </c>
      <c r="C104" s="28">
        <v>9</v>
      </c>
      <c r="D104" s="29">
        <v>19</v>
      </c>
    </row>
    <row r="105" spans="1:4" ht="18" customHeight="1" x14ac:dyDescent="0.2">
      <c r="A105" s="31">
        <v>82</v>
      </c>
      <c r="B105" s="27">
        <v>8</v>
      </c>
      <c r="C105" s="28">
        <v>10</v>
      </c>
      <c r="D105" s="29">
        <v>18</v>
      </c>
    </row>
    <row r="106" spans="1:4" ht="18" customHeight="1" x14ac:dyDescent="0.2">
      <c r="A106" s="31">
        <v>83</v>
      </c>
      <c r="B106" s="27">
        <v>7</v>
      </c>
      <c r="C106" s="28">
        <v>9</v>
      </c>
      <c r="D106" s="29">
        <v>16</v>
      </c>
    </row>
    <row r="107" spans="1:4" ht="18" customHeight="1" x14ac:dyDescent="0.2">
      <c r="A107" s="31">
        <v>84</v>
      </c>
      <c r="B107" s="27">
        <v>5</v>
      </c>
      <c r="C107" s="28">
        <v>11</v>
      </c>
      <c r="D107" s="29">
        <v>16</v>
      </c>
    </row>
    <row r="108" spans="1:4" ht="18" customHeight="1" x14ac:dyDescent="0.2">
      <c r="A108" s="31" t="s">
        <v>84</v>
      </c>
      <c r="B108" s="27">
        <v>43</v>
      </c>
      <c r="C108" s="28">
        <v>51</v>
      </c>
      <c r="D108" s="29">
        <v>94</v>
      </c>
    </row>
    <row r="109" spans="1:4" ht="18" customHeight="1" x14ac:dyDescent="0.2">
      <c r="A109" s="31">
        <v>85</v>
      </c>
      <c r="B109" s="27">
        <v>3</v>
      </c>
      <c r="C109" s="28">
        <v>8</v>
      </c>
      <c r="D109" s="29">
        <v>11</v>
      </c>
    </row>
    <row r="110" spans="1:4" ht="18" customHeight="1" x14ac:dyDescent="0.2">
      <c r="A110" s="31">
        <v>86</v>
      </c>
      <c r="B110" s="27">
        <v>1</v>
      </c>
      <c r="C110" s="28">
        <v>6</v>
      </c>
      <c r="D110" s="29">
        <v>7</v>
      </c>
    </row>
    <row r="111" spans="1:4" ht="18" customHeight="1" x14ac:dyDescent="0.2">
      <c r="A111" s="31">
        <v>87</v>
      </c>
      <c r="B111" s="27">
        <v>3</v>
      </c>
      <c r="C111" s="28">
        <v>4</v>
      </c>
      <c r="D111" s="29">
        <v>7</v>
      </c>
    </row>
    <row r="112" spans="1:4" ht="18" customHeight="1" x14ac:dyDescent="0.2">
      <c r="A112" s="31">
        <v>88</v>
      </c>
      <c r="B112" s="27">
        <v>1</v>
      </c>
      <c r="C112" s="28">
        <v>4</v>
      </c>
      <c r="D112" s="29">
        <v>5</v>
      </c>
    </row>
    <row r="113" spans="1:4" ht="18" customHeight="1" x14ac:dyDescent="0.2">
      <c r="A113" s="31">
        <v>89</v>
      </c>
      <c r="B113" s="27">
        <v>3</v>
      </c>
      <c r="C113" s="28">
        <v>3</v>
      </c>
      <c r="D113" s="29">
        <v>6</v>
      </c>
    </row>
    <row r="114" spans="1:4" ht="18" customHeight="1" x14ac:dyDescent="0.2">
      <c r="A114" s="31" t="s">
        <v>85</v>
      </c>
      <c r="B114" s="27">
        <v>11</v>
      </c>
      <c r="C114" s="28">
        <v>25</v>
      </c>
      <c r="D114" s="29">
        <v>36</v>
      </c>
    </row>
    <row r="115" spans="1:4" ht="18" customHeight="1" x14ac:dyDescent="0.2">
      <c r="A115" s="31">
        <v>90</v>
      </c>
      <c r="B115" s="27">
        <v>1</v>
      </c>
      <c r="C115" s="28">
        <v>4</v>
      </c>
      <c r="D115" s="29">
        <v>5</v>
      </c>
    </row>
    <row r="116" spans="1:4" ht="18" customHeight="1" x14ac:dyDescent="0.2">
      <c r="A116" s="31">
        <v>91</v>
      </c>
      <c r="B116" s="27">
        <v>1</v>
      </c>
      <c r="C116" s="28">
        <v>4</v>
      </c>
      <c r="D116" s="29">
        <v>5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4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86</v>
      </c>
      <c r="B120" s="27">
        <v>3</v>
      </c>
      <c r="C120" s="28">
        <v>17</v>
      </c>
      <c r="D120" s="29">
        <v>20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1</v>
      </c>
      <c r="C126" s="28">
        <v>4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37</v>
      </c>
      <c r="C130" s="5">
        <v>310</v>
      </c>
      <c r="D130" s="6">
        <v>547</v>
      </c>
    </row>
    <row r="131" spans="1:4" ht="18" customHeight="1" x14ac:dyDescent="0.2">
      <c r="A131" s="33" t="s">
        <v>65</v>
      </c>
      <c r="B131" s="7">
        <v>1084</v>
      </c>
      <c r="C131" s="8">
        <v>1147</v>
      </c>
      <c r="D131" s="9">
        <v>223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76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2</v>
      </c>
      <c r="C5" s="37">
        <v>11</v>
      </c>
      <c r="D5" s="39">
        <v>23</v>
      </c>
    </row>
    <row r="6" spans="1:4" ht="18" customHeight="1" x14ac:dyDescent="0.2">
      <c r="A6" s="31">
        <v>1</v>
      </c>
      <c r="B6" s="35">
        <v>8</v>
      </c>
      <c r="C6" s="28">
        <v>13</v>
      </c>
      <c r="D6" s="29">
        <v>21</v>
      </c>
    </row>
    <row r="7" spans="1:4" ht="18" customHeight="1" x14ac:dyDescent="0.2">
      <c r="A7" s="31">
        <v>2</v>
      </c>
      <c r="B7" s="35">
        <v>22</v>
      </c>
      <c r="C7" s="28">
        <v>9</v>
      </c>
      <c r="D7" s="29">
        <v>31</v>
      </c>
    </row>
    <row r="8" spans="1:4" ht="18" customHeight="1" x14ac:dyDescent="0.2">
      <c r="A8" s="31">
        <v>3</v>
      </c>
      <c r="B8" s="35">
        <v>9</v>
      </c>
      <c r="C8" s="28">
        <v>6</v>
      </c>
      <c r="D8" s="29">
        <v>15</v>
      </c>
    </row>
    <row r="9" spans="1:4" ht="18" customHeight="1" x14ac:dyDescent="0.2">
      <c r="A9" s="31">
        <v>4</v>
      </c>
      <c r="B9" s="36">
        <v>18</v>
      </c>
      <c r="C9" s="38">
        <v>10</v>
      </c>
      <c r="D9" s="40">
        <v>28</v>
      </c>
    </row>
    <row r="10" spans="1:4" ht="18" customHeight="1" x14ac:dyDescent="0.2">
      <c r="A10" s="31" t="s">
        <v>66</v>
      </c>
      <c r="B10" s="27">
        <v>69</v>
      </c>
      <c r="C10" s="28">
        <v>49</v>
      </c>
      <c r="D10" s="29">
        <v>118</v>
      </c>
    </row>
    <row r="11" spans="1:4" ht="18" customHeight="1" x14ac:dyDescent="0.2">
      <c r="A11" s="31">
        <v>5</v>
      </c>
      <c r="B11" s="35">
        <v>18</v>
      </c>
      <c r="C11" s="28">
        <v>10</v>
      </c>
      <c r="D11" s="29">
        <v>28</v>
      </c>
    </row>
    <row r="12" spans="1:4" ht="18" customHeight="1" x14ac:dyDescent="0.2">
      <c r="A12" s="31">
        <v>6</v>
      </c>
      <c r="B12" s="35">
        <v>16</v>
      </c>
      <c r="C12" s="28">
        <v>16</v>
      </c>
      <c r="D12" s="29">
        <v>32</v>
      </c>
    </row>
    <row r="13" spans="1:4" ht="18" customHeight="1" x14ac:dyDescent="0.2">
      <c r="A13" s="31">
        <v>7</v>
      </c>
      <c r="B13" s="35">
        <v>24</v>
      </c>
      <c r="C13" s="28">
        <v>19</v>
      </c>
      <c r="D13" s="29">
        <v>43</v>
      </c>
    </row>
    <row r="14" spans="1:4" ht="18" customHeight="1" x14ac:dyDescent="0.2">
      <c r="A14" s="31">
        <v>8</v>
      </c>
      <c r="B14" s="35">
        <v>18</v>
      </c>
      <c r="C14" s="28">
        <v>11</v>
      </c>
      <c r="D14" s="29">
        <v>29</v>
      </c>
    </row>
    <row r="15" spans="1:4" ht="18" customHeight="1" x14ac:dyDescent="0.2">
      <c r="A15" s="31">
        <v>9</v>
      </c>
      <c r="B15" s="35">
        <v>9</v>
      </c>
      <c r="C15" s="28">
        <v>18</v>
      </c>
      <c r="D15" s="29">
        <v>27</v>
      </c>
    </row>
    <row r="16" spans="1:4" ht="18" customHeight="1" x14ac:dyDescent="0.2">
      <c r="A16" s="31" t="s">
        <v>67</v>
      </c>
      <c r="B16" s="27">
        <v>85</v>
      </c>
      <c r="C16" s="28">
        <v>74</v>
      </c>
      <c r="D16" s="29">
        <v>159</v>
      </c>
    </row>
    <row r="17" spans="1:4" ht="18" customHeight="1" x14ac:dyDescent="0.2">
      <c r="A17" s="31">
        <v>10</v>
      </c>
      <c r="B17" s="27">
        <v>9</v>
      </c>
      <c r="C17" s="28">
        <v>14</v>
      </c>
      <c r="D17" s="29">
        <v>23</v>
      </c>
    </row>
    <row r="18" spans="1:4" ht="18" customHeight="1" x14ac:dyDescent="0.2">
      <c r="A18" s="31">
        <v>11</v>
      </c>
      <c r="B18" s="27">
        <v>10</v>
      </c>
      <c r="C18" s="28">
        <v>9</v>
      </c>
      <c r="D18" s="29">
        <v>19</v>
      </c>
    </row>
    <row r="19" spans="1:4" ht="18" customHeight="1" x14ac:dyDescent="0.2">
      <c r="A19" s="31">
        <v>12</v>
      </c>
      <c r="B19" s="27">
        <v>12</v>
      </c>
      <c r="C19" s="28">
        <v>16</v>
      </c>
      <c r="D19" s="29">
        <v>28</v>
      </c>
    </row>
    <row r="20" spans="1:4" ht="18" customHeight="1" x14ac:dyDescent="0.2">
      <c r="A20" s="31">
        <v>13</v>
      </c>
      <c r="B20" s="27">
        <v>7</v>
      </c>
      <c r="C20" s="28">
        <v>16</v>
      </c>
      <c r="D20" s="29">
        <v>23</v>
      </c>
    </row>
    <row r="21" spans="1:4" ht="18" customHeight="1" x14ac:dyDescent="0.2">
      <c r="A21" s="31">
        <v>14</v>
      </c>
      <c r="B21" s="27">
        <v>15</v>
      </c>
      <c r="C21" s="28">
        <v>18</v>
      </c>
      <c r="D21" s="29">
        <v>33</v>
      </c>
    </row>
    <row r="22" spans="1:4" ht="18" customHeight="1" x14ac:dyDescent="0.2">
      <c r="A22" s="31" t="s">
        <v>68</v>
      </c>
      <c r="B22" s="27">
        <v>53</v>
      </c>
      <c r="C22" s="28">
        <v>73</v>
      </c>
      <c r="D22" s="29">
        <v>126</v>
      </c>
    </row>
    <row r="23" spans="1:4" ht="18" customHeight="1" x14ac:dyDescent="0.2">
      <c r="A23" s="31" t="s">
        <v>69</v>
      </c>
      <c r="B23" s="27">
        <v>207</v>
      </c>
      <c r="C23" s="28">
        <v>196</v>
      </c>
      <c r="D23" s="29">
        <v>403</v>
      </c>
    </row>
    <row r="24" spans="1:4" ht="18" customHeight="1" x14ac:dyDescent="0.2">
      <c r="A24" s="31">
        <v>15</v>
      </c>
      <c r="B24" s="27">
        <v>15</v>
      </c>
      <c r="C24" s="28">
        <v>11</v>
      </c>
      <c r="D24" s="29">
        <v>26</v>
      </c>
    </row>
    <row r="25" spans="1:4" ht="18" customHeight="1" x14ac:dyDescent="0.2">
      <c r="A25" s="31">
        <v>16</v>
      </c>
      <c r="B25" s="27">
        <v>21</v>
      </c>
      <c r="C25" s="28">
        <v>10</v>
      </c>
      <c r="D25" s="29">
        <v>31</v>
      </c>
    </row>
    <row r="26" spans="1:4" ht="18" customHeight="1" x14ac:dyDescent="0.2">
      <c r="A26" s="31">
        <v>17</v>
      </c>
      <c r="B26" s="27">
        <v>9</v>
      </c>
      <c r="C26" s="28">
        <v>18</v>
      </c>
      <c r="D26" s="29">
        <v>27</v>
      </c>
    </row>
    <row r="27" spans="1:4" ht="18" customHeight="1" x14ac:dyDescent="0.2">
      <c r="A27" s="31">
        <v>18</v>
      </c>
      <c r="B27" s="27">
        <v>17</v>
      </c>
      <c r="C27" s="28">
        <v>16</v>
      </c>
      <c r="D27" s="29">
        <v>33</v>
      </c>
    </row>
    <row r="28" spans="1:4" ht="18" customHeight="1" x14ac:dyDescent="0.2">
      <c r="A28" s="31">
        <v>19</v>
      </c>
      <c r="B28" s="27">
        <v>19</v>
      </c>
      <c r="C28" s="28">
        <v>14</v>
      </c>
      <c r="D28" s="29">
        <v>33</v>
      </c>
    </row>
    <row r="29" spans="1:4" ht="18" customHeight="1" x14ac:dyDescent="0.2">
      <c r="A29" s="31" t="s">
        <v>70</v>
      </c>
      <c r="B29" s="27">
        <v>81</v>
      </c>
      <c r="C29" s="28">
        <v>69</v>
      </c>
      <c r="D29" s="29">
        <v>150</v>
      </c>
    </row>
    <row r="30" spans="1:4" ht="18" customHeight="1" x14ac:dyDescent="0.2">
      <c r="A30" s="31">
        <v>20</v>
      </c>
      <c r="B30" s="27">
        <v>13</v>
      </c>
      <c r="C30" s="28">
        <v>15</v>
      </c>
      <c r="D30" s="29">
        <v>28</v>
      </c>
    </row>
    <row r="31" spans="1:4" ht="18" customHeight="1" x14ac:dyDescent="0.2">
      <c r="A31" s="31">
        <v>21</v>
      </c>
      <c r="B31" s="27">
        <v>14</v>
      </c>
      <c r="C31" s="28">
        <v>13</v>
      </c>
      <c r="D31" s="29">
        <v>27</v>
      </c>
    </row>
    <row r="32" spans="1:4" ht="18" customHeight="1" x14ac:dyDescent="0.2">
      <c r="A32" s="31">
        <v>22</v>
      </c>
      <c r="B32" s="27">
        <v>18</v>
      </c>
      <c r="C32" s="28">
        <v>13</v>
      </c>
      <c r="D32" s="29">
        <v>31</v>
      </c>
    </row>
    <row r="33" spans="1:4" ht="18" customHeight="1" x14ac:dyDescent="0.2">
      <c r="A33" s="31">
        <v>23</v>
      </c>
      <c r="B33" s="27">
        <v>14</v>
      </c>
      <c r="C33" s="28">
        <v>12</v>
      </c>
      <c r="D33" s="29">
        <v>26</v>
      </c>
    </row>
    <row r="34" spans="1:4" ht="18" customHeight="1" x14ac:dyDescent="0.2">
      <c r="A34" s="31">
        <v>24</v>
      </c>
      <c r="B34" s="27">
        <v>20</v>
      </c>
      <c r="C34" s="28">
        <v>26</v>
      </c>
      <c r="D34" s="29">
        <v>46</v>
      </c>
    </row>
    <row r="35" spans="1:4" ht="18" customHeight="1" x14ac:dyDescent="0.2">
      <c r="A35" s="31" t="s">
        <v>71</v>
      </c>
      <c r="B35" s="27">
        <v>79</v>
      </c>
      <c r="C35" s="28">
        <v>79</v>
      </c>
      <c r="D35" s="29">
        <v>158</v>
      </c>
    </row>
    <row r="36" spans="1:4" ht="18" customHeight="1" x14ac:dyDescent="0.2">
      <c r="A36" s="31">
        <v>25</v>
      </c>
      <c r="B36" s="27">
        <v>18</v>
      </c>
      <c r="C36" s="28">
        <v>15</v>
      </c>
      <c r="D36" s="29">
        <v>33</v>
      </c>
    </row>
    <row r="37" spans="1:4" ht="18" customHeight="1" x14ac:dyDescent="0.2">
      <c r="A37" s="31">
        <v>26</v>
      </c>
      <c r="B37" s="27">
        <v>21</v>
      </c>
      <c r="C37" s="28">
        <v>22</v>
      </c>
      <c r="D37" s="29">
        <v>43</v>
      </c>
    </row>
    <row r="38" spans="1:4" ht="18" customHeight="1" x14ac:dyDescent="0.2">
      <c r="A38" s="31">
        <v>27</v>
      </c>
      <c r="B38" s="27">
        <v>13</v>
      </c>
      <c r="C38" s="28">
        <v>22</v>
      </c>
      <c r="D38" s="29">
        <v>35</v>
      </c>
    </row>
    <row r="39" spans="1:4" ht="18" customHeight="1" x14ac:dyDescent="0.2">
      <c r="A39" s="31">
        <v>28</v>
      </c>
      <c r="B39" s="27">
        <v>18</v>
      </c>
      <c r="C39" s="28">
        <v>13</v>
      </c>
      <c r="D39" s="29">
        <v>31</v>
      </c>
    </row>
    <row r="40" spans="1:4" ht="18" customHeight="1" x14ac:dyDescent="0.2">
      <c r="A40" s="31">
        <v>29</v>
      </c>
      <c r="B40" s="27">
        <v>20</v>
      </c>
      <c r="C40" s="28">
        <v>23</v>
      </c>
      <c r="D40" s="29">
        <v>43</v>
      </c>
    </row>
    <row r="41" spans="1:4" ht="18" customHeight="1" x14ac:dyDescent="0.2">
      <c r="A41" s="31" t="s">
        <v>72</v>
      </c>
      <c r="B41" s="27">
        <v>90</v>
      </c>
      <c r="C41" s="28">
        <v>95</v>
      </c>
      <c r="D41" s="29">
        <v>185</v>
      </c>
    </row>
    <row r="42" spans="1:4" ht="18" customHeight="1" x14ac:dyDescent="0.2">
      <c r="A42" s="31">
        <v>30</v>
      </c>
      <c r="B42" s="27">
        <v>19</v>
      </c>
      <c r="C42" s="28">
        <v>17</v>
      </c>
      <c r="D42" s="29">
        <v>36</v>
      </c>
    </row>
    <row r="43" spans="1:4" ht="18" customHeight="1" x14ac:dyDescent="0.2">
      <c r="A43" s="31">
        <v>31</v>
      </c>
      <c r="B43" s="27">
        <v>33</v>
      </c>
      <c r="C43" s="28">
        <v>25</v>
      </c>
      <c r="D43" s="29">
        <v>58</v>
      </c>
    </row>
    <row r="44" spans="1:4" ht="18" customHeight="1" x14ac:dyDescent="0.2">
      <c r="A44" s="31">
        <v>32</v>
      </c>
      <c r="B44" s="27">
        <v>27</v>
      </c>
      <c r="C44" s="28">
        <v>19</v>
      </c>
      <c r="D44" s="29">
        <v>46</v>
      </c>
    </row>
    <row r="45" spans="1:4" ht="18" customHeight="1" x14ac:dyDescent="0.2">
      <c r="A45" s="31">
        <v>33</v>
      </c>
      <c r="B45" s="27">
        <v>22</v>
      </c>
      <c r="C45" s="28">
        <v>16</v>
      </c>
      <c r="D45" s="29">
        <v>38</v>
      </c>
    </row>
    <row r="46" spans="1:4" ht="18" customHeight="1" x14ac:dyDescent="0.2">
      <c r="A46" s="31">
        <v>34</v>
      </c>
      <c r="B46" s="27">
        <v>31</v>
      </c>
      <c r="C46" s="28">
        <v>39</v>
      </c>
      <c r="D46" s="29">
        <v>70</v>
      </c>
    </row>
    <row r="47" spans="1:4" ht="18" customHeight="1" x14ac:dyDescent="0.2">
      <c r="A47" s="31" t="s">
        <v>73</v>
      </c>
      <c r="B47" s="27">
        <v>132</v>
      </c>
      <c r="C47" s="28">
        <v>116</v>
      </c>
      <c r="D47" s="29">
        <v>248</v>
      </c>
    </row>
    <row r="48" spans="1:4" ht="18" customHeight="1" x14ac:dyDescent="0.2">
      <c r="A48" s="31">
        <v>35</v>
      </c>
      <c r="B48" s="27">
        <v>40</v>
      </c>
      <c r="C48" s="28">
        <v>34</v>
      </c>
      <c r="D48" s="29">
        <v>74</v>
      </c>
    </row>
    <row r="49" spans="1:4" ht="18" customHeight="1" x14ac:dyDescent="0.2">
      <c r="A49" s="31">
        <v>36</v>
      </c>
      <c r="B49" s="27">
        <v>23</v>
      </c>
      <c r="C49" s="28">
        <v>20</v>
      </c>
      <c r="D49" s="29">
        <v>43</v>
      </c>
    </row>
    <row r="50" spans="1:4" ht="18" customHeight="1" x14ac:dyDescent="0.2">
      <c r="A50" s="31">
        <v>37</v>
      </c>
      <c r="B50" s="27">
        <v>21</v>
      </c>
      <c r="C50" s="28">
        <v>17</v>
      </c>
      <c r="D50" s="29">
        <v>38</v>
      </c>
    </row>
    <row r="51" spans="1:4" ht="18" customHeight="1" x14ac:dyDescent="0.2">
      <c r="A51" s="31">
        <v>38</v>
      </c>
      <c r="B51" s="27">
        <v>17</v>
      </c>
      <c r="C51" s="28">
        <v>27</v>
      </c>
      <c r="D51" s="29">
        <v>44</v>
      </c>
    </row>
    <row r="52" spans="1:4" ht="18" customHeight="1" x14ac:dyDescent="0.2">
      <c r="A52" s="31">
        <v>39</v>
      </c>
      <c r="B52" s="27">
        <v>19</v>
      </c>
      <c r="C52" s="28">
        <v>19</v>
      </c>
      <c r="D52" s="29">
        <v>38</v>
      </c>
    </row>
    <row r="53" spans="1:4" ht="18" customHeight="1" x14ac:dyDescent="0.2">
      <c r="A53" s="31" t="s">
        <v>74</v>
      </c>
      <c r="B53" s="27">
        <v>120</v>
      </c>
      <c r="C53" s="28">
        <v>117</v>
      </c>
      <c r="D53" s="29">
        <v>237</v>
      </c>
    </row>
    <row r="54" spans="1:4" ht="18" customHeight="1" x14ac:dyDescent="0.2">
      <c r="A54" s="31">
        <v>40</v>
      </c>
      <c r="B54" s="27">
        <v>20</v>
      </c>
      <c r="C54" s="28">
        <v>22</v>
      </c>
      <c r="D54" s="29">
        <v>42</v>
      </c>
    </row>
    <row r="55" spans="1:4" ht="18" customHeight="1" x14ac:dyDescent="0.2">
      <c r="A55" s="31">
        <v>41</v>
      </c>
      <c r="B55" s="27">
        <v>14</v>
      </c>
      <c r="C55" s="28">
        <v>18</v>
      </c>
      <c r="D55" s="29">
        <v>32</v>
      </c>
    </row>
    <row r="56" spans="1:4" ht="18" customHeight="1" x14ac:dyDescent="0.2">
      <c r="A56" s="31">
        <v>42</v>
      </c>
      <c r="B56" s="27">
        <v>19</v>
      </c>
      <c r="C56" s="28">
        <v>13</v>
      </c>
      <c r="D56" s="29">
        <v>32</v>
      </c>
    </row>
    <row r="57" spans="1:4" ht="18" customHeight="1" x14ac:dyDescent="0.2">
      <c r="A57" s="31">
        <v>43</v>
      </c>
      <c r="B57" s="27">
        <v>15</v>
      </c>
      <c r="C57" s="28">
        <v>12</v>
      </c>
      <c r="D57" s="29">
        <v>27</v>
      </c>
    </row>
    <row r="58" spans="1:4" ht="18" customHeight="1" x14ac:dyDescent="0.2">
      <c r="A58" s="31">
        <v>44</v>
      </c>
      <c r="B58" s="27">
        <v>22</v>
      </c>
      <c r="C58" s="28">
        <v>19</v>
      </c>
      <c r="D58" s="29">
        <v>41</v>
      </c>
    </row>
    <row r="59" spans="1:4" ht="18" customHeight="1" x14ac:dyDescent="0.2">
      <c r="A59" s="31" t="s">
        <v>75</v>
      </c>
      <c r="B59" s="27">
        <v>90</v>
      </c>
      <c r="C59" s="28">
        <v>84</v>
      </c>
      <c r="D59" s="29">
        <v>174</v>
      </c>
    </row>
    <row r="60" spans="1:4" ht="18" customHeight="1" x14ac:dyDescent="0.2">
      <c r="A60" s="31">
        <v>45</v>
      </c>
      <c r="B60" s="27">
        <v>18</v>
      </c>
      <c r="C60" s="28">
        <v>11</v>
      </c>
      <c r="D60" s="29">
        <v>29</v>
      </c>
    </row>
    <row r="61" spans="1:4" ht="18" customHeight="1" x14ac:dyDescent="0.2">
      <c r="A61" s="31">
        <v>46</v>
      </c>
      <c r="B61" s="27">
        <v>22</v>
      </c>
      <c r="C61" s="28">
        <v>23</v>
      </c>
      <c r="D61" s="29">
        <v>45</v>
      </c>
    </row>
    <row r="62" spans="1:4" ht="18" customHeight="1" x14ac:dyDescent="0.2">
      <c r="A62" s="31">
        <v>47</v>
      </c>
      <c r="B62" s="27">
        <v>14</v>
      </c>
      <c r="C62" s="28">
        <v>14</v>
      </c>
      <c r="D62" s="29">
        <v>28</v>
      </c>
    </row>
    <row r="63" spans="1:4" ht="18" customHeight="1" x14ac:dyDescent="0.2">
      <c r="A63" s="31">
        <v>48</v>
      </c>
      <c r="B63" s="27">
        <v>11</v>
      </c>
      <c r="C63" s="28">
        <v>19</v>
      </c>
      <c r="D63" s="29">
        <v>30</v>
      </c>
    </row>
    <row r="64" spans="1:4" ht="18" customHeight="1" x14ac:dyDescent="0.2">
      <c r="A64" s="31">
        <v>49</v>
      </c>
      <c r="B64" s="27">
        <v>18</v>
      </c>
      <c r="C64" s="28">
        <v>20</v>
      </c>
      <c r="D64" s="29">
        <v>38</v>
      </c>
    </row>
    <row r="65" spans="1:4" ht="18" customHeight="1" x14ac:dyDescent="0.2">
      <c r="A65" s="31" t="s">
        <v>76</v>
      </c>
      <c r="B65" s="27">
        <v>83</v>
      </c>
      <c r="C65" s="28">
        <v>87</v>
      </c>
      <c r="D65" s="29">
        <v>170</v>
      </c>
    </row>
    <row r="66" spans="1:4" ht="18" customHeight="1" x14ac:dyDescent="0.2">
      <c r="A66" s="31">
        <v>50</v>
      </c>
      <c r="B66" s="27">
        <v>17</v>
      </c>
      <c r="C66" s="28">
        <v>11</v>
      </c>
      <c r="D66" s="29">
        <v>28</v>
      </c>
    </row>
    <row r="67" spans="1:4" ht="18" customHeight="1" x14ac:dyDescent="0.2">
      <c r="A67" s="31">
        <v>51</v>
      </c>
      <c r="B67" s="27">
        <v>7</v>
      </c>
      <c r="C67" s="28">
        <v>23</v>
      </c>
      <c r="D67" s="29">
        <v>30</v>
      </c>
    </row>
    <row r="68" spans="1:4" ht="18" customHeight="1" x14ac:dyDescent="0.2">
      <c r="A68" s="31">
        <v>52</v>
      </c>
      <c r="B68" s="27">
        <v>21</v>
      </c>
      <c r="C68" s="28">
        <v>26</v>
      </c>
      <c r="D68" s="29">
        <v>47</v>
      </c>
    </row>
    <row r="69" spans="1:4" ht="18" customHeight="1" x14ac:dyDescent="0.2">
      <c r="A69" s="31">
        <v>53</v>
      </c>
      <c r="B69" s="27">
        <v>20</v>
      </c>
      <c r="C69" s="28">
        <v>18</v>
      </c>
      <c r="D69" s="29">
        <v>38</v>
      </c>
    </row>
    <row r="70" spans="1:4" ht="18" customHeight="1" x14ac:dyDescent="0.2">
      <c r="A70" s="31">
        <v>54</v>
      </c>
      <c r="B70" s="27">
        <v>22</v>
      </c>
      <c r="C70" s="28">
        <v>32</v>
      </c>
      <c r="D70" s="29">
        <v>54</v>
      </c>
    </row>
    <row r="71" spans="1:4" ht="18" customHeight="1" x14ac:dyDescent="0.2">
      <c r="A71" s="31" t="s">
        <v>77</v>
      </c>
      <c r="B71" s="27">
        <v>87</v>
      </c>
      <c r="C71" s="28">
        <v>110</v>
      </c>
      <c r="D71" s="29">
        <v>197</v>
      </c>
    </row>
    <row r="72" spans="1:4" ht="18" customHeight="1" x14ac:dyDescent="0.2">
      <c r="A72" s="31">
        <v>55</v>
      </c>
      <c r="B72" s="27">
        <v>21</v>
      </c>
      <c r="C72" s="28">
        <v>24</v>
      </c>
      <c r="D72" s="29">
        <v>45</v>
      </c>
    </row>
    <row r="73" spans="1:4" ht="18" customHeight="1" x14ac:dyDescent="0.2">
      <c r="A73" s="31">
        <v>56</v>
      </c>
      <c r="B73" s="27">
        <v>33</v>
      </c>
      <c r="C73" s="28">
        <v>27</v>
      </c>
      <c r="D73" s="29">
        <v>60</v>
      </c>
    </row>
    <row r="74" spans="1:4" ht="18" customHeight="1" x14ac:dyDescent="0.2">
      <c r="A74" s="31">
        <v>57</v>
      </c>
      <c r="B74" s="27">
        <v>33</v>
      </c>
      <c r="C74" s="28">
        <v>39</v>
      </c>
      <c r="D74" s="29">
        <v>72</v>
      </c>
    </row>
    <row r="75" spans="1:4" ht="18" customHeight="1" x14ac:dyDescent="0.2">
      <c r="A75" s="31">
        <v>58</v>
      </c>
      <c r="B75" s="27">
        <v>26</v>
      </c>
      <c r="C75" s="28">
        <v>29</v>
      </c>
      <c r="D75" s="29">
        <v>55</v>
      </c>
    </row>
    <row r="76" spans="1:4" ht="18" customHeight="1" x14ac:dyDescent="0.2">
      <c r="A76" s="31">
        <v>59</v>
      </c>
      <c r="B76" s="27">
        <v>39</v>
      </c>
      <c r="C76" s="28">
        <v>28</v>
      </c>
      <c r="D76" s="29">
        <v>67</v>
      </c>
    </row>
    <row r="77" spans="1:4" ht="18" customHeight="1" x14ac:dyDescent="0.2">
      <c r="A77" s="31" t="s">
        <v>78</v>
      </c>
      <c r="B77" s="27">
        <v>152</v>
      </c>
      <c r="C77" s="28">
        <v>147</v>
      </c>
      <c r="D77" s="29">
        <v>299</v>
      </c>
    </row>
    <row r="78" spans="1:4" ht="18" customHeight="1" x14ac:dyDescent="0.2">
      <c r="A78" s="31">
        <v>60</v>
      </c>
      <c r="B78" s="27">
        <v>45</v>
      </c>
      <c r="C78" s="28">
        <v>43</v>
      </c>
      <c r="D78" s="29">
        <v>88</v>
      </c>
    </row>
    <row r="79" spans="1:4" ht="18" customHeight="1" x14ac:dyDescent="0.2">
      <c r="A79" s="31">
        <v>61</v>
      </c>
      <c r="B79" s="27">
        <v>38</v>
      </c>
      <c r="C79" s="28">
        <v>32</v>
      </c>
      <c r="D79" s="29">
        <v>70</v>
      </c>
    </row>
    <row r="80" spans="1:4" ht="18" customHeight="1" x14ac:dyDescent="0.2">
      <c r="A80" s="31">
        <v>62</v>
      </c>
      <c r="B80" s="27">
        <v>32</v>
      </c>
      <c r="C80" s="28">
        <v>43</v>
      </c>
      <c r="D80" s="29">
        <v>75</v>
      </c>
    </row>
    <row r="81" spans="1:4" ht="18" customHeight="1" x14ac:dyDescent="0.2">
      <c r="A81" s="31">
        <v>63</v>
      </c>
      <c r="B81" s="27">
        <v>14</v>
      </c>
      <c r="C81" s="28">
        <v>23</v>
      </c>
      <c r="D81" s="29">
        <v>37</v>
      </c>
    </row>
    <row r="82" spans="1:4" ht="18" customHeight="1" x14ac:dyDescent="0.2">
      <c r="A82" s="31">
        <v>64</v>
      </c>
      <c r="B82" s="27">
        <v>27</v>
      </c>
      <c r="C82" s="28">
        <v>17</v>
      </c>
      <c r="D82" s="29">
        <v>44</v>
      </c>
    </row>
    <row r="83" spans="1:4" ht="18" customHeight="1" x14ac:dyDescent="0.2">
      <c r="A83" s="31" t="s">
        <v>79</v>
      </c>
      <c r="B83" s="27">
        <v>156</v>
      </c>
      <c r="C83" s="28">
        <v>158</v>
      </c>
      <c r="D83" s="29">
        <v>314</v>
      </c>
    </row>
    <row r="84" spans="1:4" ht="18" customHeight="1" x14ac:dyDescent="0.2">
      <c r="A84" s="31" t="s">
        <v>80</v>
      </c>
      <c r="B84" s="27">
        <v>1070</v>
      </c>
      <c r="C84" s="28">
        <v>1062</v>
      </c>
      <c r="D84" s="29">
        <v>2132</v>
      </c>
    </row>
    <row r="85" spans="1:4" ht="18" customHeight="1" x14ac:dyDescent="0.2">
      <c r="A85" s="31">
        <v>65</v>
      </c>
      <c r="B85" s="27">
        <v>21</v>
      </c>
      <c r="C85" s="28">
        <v>24</v>
      </c>
      <c r="D85" s="29">
        <v>45</v>
      </c>
    </row>
    <row r="86" spans="1:4" ht="18" customHeight="1" x14ac:dyDescent="0.2">
      <c r="A86" s="31">
        <v>66</v>
      </c>
      <c r="B86" s="27">
        <v>26</v>
      </c>
      <c r="C86" s="28">
        <v>17</v>
      </c>
      <c r="D86" s="29">
        <v>43</v>
      </c>
    </row>
    <row r="87" spans="1:4" ht="18" customHeight="1" x14ac:dyDescent="0.2">
      <c r="A87" s="31">
        <v>67</v>
      </c>
      <c r="B87" s="27">
        <v>23</v>
      </c>
      <c r="C87" s="28">
        <v>18</v>
      </c>
      <c r="D87" s="29">
        <v>41</v>
      </c>
    </row>
    <row r="88" spans="1:4" ht="18" customHeight="1" x14ac:dyDescent="0.2">
      <c r="A88" s="31">
        <v>68</v>
      </c>
      <c r="B88" s="27">
        <v>23</v>
      </c>
      <c r="C88" s="28">
        <v>15</v>
      </c>
      <c r="D88" s="29">
        <v>38</v>
      </c>
    </row>
    <row r="89" spans="1:4" ht="18" customHeight="1" x14ac:dyDescent="0.2">
      <c r="A89" s="31">
        <v>69</v>
      </c>
      <c r="B89" s="27">
        <v>13</v>
      </c>
      <c r="C89" s="28">
        <v>19</v>
      </c>
      <c r="D89" s="29">
        <v>32</v>
      </c>
    </row>
    <row r="90" spans="1:4" ht="18" customHeight="1" x14ac:dyDescent="0.2">
      <c r="A90" s="31" t="s">
        <v>81</v>
      </c>
      <c r="B90" s="27">
        <v>106</v>
      </c>
      <c r="C90" s="28">
        <v>93</v>
      </c>
      <c r="D90" s="29">
        <v>199</v>
      </c>
    </row>
    <row r="91" spans="1:4" ht="18" customHeight="1" x14ac:dyDescent="0.2">
      <c r="A91" s="31">
        <v>70</v>
      </c>
      <c r="B91" s="27">
        <v>10</v>
      </c>
      <c r="C91" s="28">
        <v>14</v>
      </c>
      <c r="D91" s="29">
        <v>24</v>
      </c>
    </row>
    <row r="92" spans="1:4" ht="18" customHeight="1" x14ac:dyDescent="0.2">
      <c r="A92" s="31">
        <v>71</v>
      </c>
      <c r="B92" s="27">
        <v>16</v>
      </c>
      <c r="C92" s="28">
        <v>14</v>
      </c>
      <c r="D92" s="29">
        <v>30</v>
      </c>
    </row>
    <row r="93" spans="1:4" ht="18" customHeight="1" x14ac:dyDescent="0.2">
      <c r="A93" s="31">
        <v>72</v>
      </c>
      <c r="B93" s="27">
        <v>7</v>
      </c>
      <c r="C93" s="28">
        <v>11</v>
      </c>
      <c r="D93" s="29">
        <v>18</v>
      </c>
    </row>
    <row r="94" spans="1:4" ht="18" customHeight="1" x14ac:dyDescent="0.2">
      <c r="A94" s="31">
        <v>73</v>
      </c>
      <c r="B94" s="27">
        <v>17</v>
      </c>
      <c r="C94" s="28">
        <v>15</v>
      </c>
      <c r="D94" s="29">
        <v>32</v>
      </c>
    </row>
    <row r="95" spans="1:4" ht="18" customHeight="1" x14ac:dyDescent="0.2">
      <c r="A95" s="31">
        <v>74</v>
      </c>
      <c r="B95" s="27">
        <v>13</v>
      </c>
      <c r="C95" s="28">
        <v>22</v>
      </c>
      <c r="D95" s="29">
        <v>35</v>
      </c>
    </row>
    <row r="96" spans="1:4" ht="18" customHeight="1" x14ac:dyDescent="0.2">
      <c r="A96" s="31" t="s">
        <v>82</v>
      </c>
      <c r="B96" s="27">
        <v>63</v>
      </c>
      <c r="C96" s="28">
        <v>76</v>
      </c>
      <c r="D96" s="29">
        <v>139</v>
      </c>
    </row>
    <row r="97" spans="1:4" ht="18" customHeight="1" x14ac:dyDescent="0.2">
      <c r="A97" s="31">
        <v>75</v>
      </c>
      <c r="B97" s="27">
        <v>7</v>
      </c>
      <c r="C97" s="28">
        <v>16</v>
      </c>
      <c r="D97" s="29">
        <v>23</v>
      </c>
    </row>
    <row r="98" spans="1:4" ht="18" customHeight="1" x14ac:dyDescent="0.2">
      <c r="A98" s="31">
        <v>76</v>
      </c>
      <c r="B98" s="27">
        <v>5</v>
      </c>
      <c r="C98" s="28">
        <v>15</v>
      </c>
      <c r="D98" s="29">
        <v>20</v>
      </c>
    </row>
    <row r="99" spans="1:4" ht="18" customHeight="1" x14ac:dyDescent="0.2">
      <c r="A99" s="31">
        <v>77</v>
      </c>
      <c r="B99" s="27">
        <v>7</v>
      </c>
      <c r="C99" s="28">
        <v>17</v>
      </c>
      <c r="D99" s="29">
        <v>24</v>
      </c>
    </row>
    <row r="100" spans="1:4" ht="18" customHeight="1" x14ac:dyDescent="0.2">
      <c r="A100" s="31">
        <v>78</v>
      </c>
      <c r="B100" s="27">
        <v>11</v>
      </c>
      <c r="C100" s="28">
        <v>12</v>
      </c>
      <c r="D100" s="29">
        <v>23</v>
      </c>
    </row>
    <row r="101" spans="1:4" ht="18" customHeight="1" x14ac:dyDescent="0.2">
      <c r="A101" s="31">
        <v>79</v>
      </c>
      <c r="B101" s="27">
        <v>10</v>
      </c>
      <c r="C101" s="28">
        <v>17</v>
      </c>
      <c r="D101" s="29">
        <v>27</v>
      </c>
    </row>
    <row r="102" spans="1:4" ht="18" customHeight="1" x14ac:dyDescent="0.2">
      <c r="A102" s="31" t="s">
        <v>83</v>
      </c>
      <c r="B102" s="27">
        <v>40</v>
      </c>
      <c r="C102" s="28">
        <v>77</v>
      </c>
      <c r="D102" s="29">
        <v>117</v>
      </c>
    </row>
    <row r="103" spans="1:4" ht="18" customHeight="1" x14ac:dyDescent="0.2">
      <c r="A103" s="31">
        <v>80</v>
      </c>
      <c r="B103" s="27">
        <v>10</v>
      </c>
      <c r="C103" s="28">
        <v>19</v>
      </c>
      <c r="D103" s="29">
        <v>29</v>
      </c>
    </row>
    <row r="104" spans="1:4" ht="18" customHeight="1" x14ac:dyDescent="0.2">
      <c r="A104" s="31">
        <v>81</v>
      </c>
      <c r="B104" s="27">
        <v>8</v>
      </c>
      <c r="C104" s="28">
        <v>10</v>
      </c>
      <c r="D104" s="29">
        <v>18</v>
      </c>
    </row>
    <row r="105" spans="1:4" ht="18" customHeight="1" x14ac:dyDescent="0.2">
      <c r="A105" s="31">
        <v>82</v>
      </c>
      <c r="B105" s="27">
        <v>11</v>
      </c>
      <c r="C105" s="28">
        <v>9</v>
      </c>
      <c r="D105" s="29">
        <v>20</v>
      </c>
    </row>
    <row r="106" spans="1:4" ht="18" customHeight="1" x14ac:dyDescent="0.2">
      <c r="A106" s="31">
        <v>83</v>
      </c>
      <c r="B106" s="27">
        <v>6</v>
      </c>
      <c r="C106" s="28">
        <v>15</v>
      </c>
      <c r="D106" s="29">
        <v>21</v>
      </c>
    </row>
    <row r="107" spans="1:4" ht="18" customHeight="1" x14ac:dyDescent="0.2">
      <c r="A107" s="31">
        <v>84</v>
      </c>
      <c r="B107" s="27">
        <v>10</v>
      </c>
      <c r="C107" s="28">
        <v>7</v>
      </c>
      <c r="D107" s="29">
        <v>17</v>
      </c>
    </row>
    <row r="108" spans="1:4" ht="18" customHeight="1" x14ac:dyDescent="0.2">
      <c r="A108" s="31" t="s">
        <v>84</v>
      </c>
      <c r="B108" s="27">
        <v>45</v>
      </c>
      <c r="C108" s="28">
        <v>60</v>
      </c>
      <c r="D108" s="29">
        <v>105</v>
      </c>
    </row>
    <row r="109" spans="1:4" ht="18" customHeight="1" x14ac:dyDescent="0.2">
      <c r="A109" s="31">
        <v>85</v>
      </c>
      <c r="B109" s="27">
        <v>8</v>
      </c>
      <c r="C109" s="28">
        <v>6</v>
      </c>
      <c r="D109" s="29">
        <v>14</v>
      </c>
    </row>
    <row r="110" spans="1:4" ht="18" customHeight="1" x14ac:dyDescent="0.2">
      <c r="A110" s="31">
        <v>86</v>
      </c>
      <c r="B110" s="27">
        <v>5</v>
      </c>
      <c r="C110" s="28">
        <v>6</v>
      </c>
      <c r="D110" s="29">
        <v>11</v>
      </c>
    </row>
    <row r="111" spans="1:4" ht="18" customHeight="1" x14ac:dyDescent="0.2">
      <c r="A111" s="31">
        <v>87</v>
      </c>
      <c r="B111" s="27">
        <v>4</v>
      </c>
      <c r="C111" s="28">
        <v>6</v>
      </c>
      <c r="D111" s="29">
        <v>10</v>
      </c>
    </row>
    <row r="112" spans="1:4" ht="18" customHeight="1" x14ac:dyDescent="0.2">
      <c r="A112" s="31">
        <v>88</v>
      </c>
      <c r="B112" s="27">
        <v>1</v>
      </c>
      <c r="C112" s="28">
        <v>6</v>
      </c>
      <c r="D112" s="29">
        <v>7</v>
      </c>
    </row>
    <row r="113" spans="1:4" ht="18" customHeight="1" x14ac:dyDescent="0.2">
      <c r="A113" s="31">
        <v>89</v>
      </c>
      <c r="B113" s="27">
        <v>1</v>
      </c>
      <c r="C113" s="28">
        <v>6</v>
      </c>
      <c r="D113" s="29">
        <v>7</v>
      </c>
    </row>
    <row r="114" spans="1:4" ht="18" customHeight="1" x14ac:dyDescent="0.2">
      <c r="A114" s="31" t="s">
        <v>85</v>
      </c>
      <c r="B114" s="27">
        <v>19</v>
      </c>
      <c r="C114" s="28">
        <v>30</v>
      </c>
      <c r="D114" s="29">
        <v>49</v>
      </c>
    </row>
    <row r="115" spans="1:4" ht="18" customHeight="1" x14ac:dyDescent="0.2">
      <c r="A115" s="31">
        <v>90</v>
      </c>
      <c r="B115" s="27">
        <v>3</v>
      </c>
      <c r="C115" s="28">
        <v>2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2</v>
      </c>
      <c r="C117" s="28">
        <v>2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4</v>
      </c>
      <c r="D118" s="29">
        <v>4</v>
      </c>
    </row>
    <row r="119" spans="1:4" ht="18" customHeight="1" x14ac:dyDescent="0.2">
      <c r="A119" s="31">
        <v>94</v>
      </c>
      <c r="B119" s="27">
        <v>2</v>
      </c>
      <c r="C119" s="28">
        <v>2</v>
      </c>
      <c r="D119" s="29">
        <v>4</v>
      </c>
    </row>
    <row r="120" spans="1:4" ht="18" customHeight="1" x14ac:dyDescent="0.2">
      <c r="A120" s="31" t="s">
        <v>86</v>
      </c>
      <c r="B120" s="27">
        <v>7</v>
      </c>
      <c r="C120" s="28">
        <v>11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4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8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80</v>
      </c>
      <c r="C130" s="5">
        <v>355</v>
      </c>
      <c r="D130" s="6">
        <v>635</v>
      </c>
    </row>
    <row r="131" spans="1:4" ht="18" customHeight="1" x14ac:dyDescent="0.2">
      <c r="A131" s="33" t="s">
        <v>65</v>
      </c>
      <c r="B131" s="7">
        <v>1557</v>
      </c>
      <c r="C131" s="8">
        <v>1613</v>
      </c>
      <c r="D131" s="9">
        <v>317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77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6</v>
      </c>
      <c r="C5" s="37">
        <v>18</v>
      </c>
      <c r="D5" s="39">
        <v>34</v>
      </c>
    </row>
    <row r="6" spans="1:4" ht="18" customHeight="1" x14ac:dyDescent="0.2">
      <c r="A6" s="31">
        <v>1</v>
      </c>
      <c r="B6" s="35">
        <v>26</v>
      </c>
      <c r="C6" s="28">
        <v>15</v>
      </c>
      <c r="D6" s="29">
        <v>41</v>
      </c>
    </row>
    <row r="7" spans="1:4" ht="18" customHeight="1" x14ac:dyDescent="0.2">
      <c r="A7" s="31">
        <v>2</v>
      </c>
      <c r="B7" s="35">
        <v>12</v>
      </c>
      <c r="C7" s="28">
        <v>12</v>
      </c>
      <c r="D7" s="29">
        <v>24</v>
      </c>
    </row>
    <row r="8" spans="1:4" ht="18" customHeight="1" x14ac:dyDescent="0.2">
      <c r="A8" s="31">
        <v>3</v>
      </c>
      <c r="B8" s="35">
        <v>19</v>
      </c>
      <c r="C8" s="28">
        <v>15</v>
      </c>
      <c r="D8" s="29">
        <v>34</v>
      </c>
    </row>
    <row r="9" spans="1:4" ht="18" customHeight="1" x14ac:dyDescent="0.2">
      <c r="A9" s="31">
        <v>4</v>
      </c>
      <c r="B9" s="36">
        <v>24</v>
      </c>
      <c r="C9" s="38">
        <v>20</v>
      </c>
      <c r="D9" s="40">
        <v>44</v>
      </c>
    </row>
    <row r="10" spans="1:4" ht="18" customHeight="1" x14ac:dyDescent="0.2">
      <c r="A10" s="31" t="s">
        <v>66</v>
      </c>
      <c r="B10" s="27">
        <v>97</v>
      </c>
      <c r="C10" s="28">
        <v>80</v>
      </c>
      <c r="D10" s="29">
        <v>177</v>
      </c>
    </row>
    <row r="11" spans="1:4" ht="18" customHeight="1" x14ac:dyDescent="0.2">
      <c r="A11" s="31">
        <v>5</v>
      </c>
      <c r="B11" s="35">
        <v>32</v>
      </c>
      <c r="C11" s="28">
        <v>14</v>
      </c>
      <c r="D11" s="29">
        <v>46</v>
      </c>
    </row>
    <row r="12" spans="1:4" ht="18" customHeight="1" x14ac:dyDescent="0.2">
      <c r="A12" s="31">
        <v>6</v>
      </c>
      <c r="B12" s="35">
        <v>14</v>
      </c>
      <c r="C12" s="28">
        <v>13</v>
      </c>
      <c r="D12" s="29">
        <v>27</v>
      </c>
    </row>
    <row r="13" spans="1:4" ht="18" customHeight="1" x14ac:dyDescent="0.2">
      <c r="A13" s="31">
        <v>7</v>
      </c>
      <c r="B13" s="35">
        <v>15</v>
      </c>
      <c r="C13" s="28">
        <v>23</v>
      </c>
      <c r="D13" s="29">
        <v>38</v>
      </c>
    </row>
    <row r="14" spans="1:4" ht="18" customHeight="1" x14ac:dyDescent="0.2">
      <c r="A14" s="31">
        <v>8</v>
      </c>
      <c r="B14" s="35">
        <v>19</v>
      </c>
      <c r="C14" s="28">
        <v>24</v>
      </c>
      <c r="D14" s="29">
        <v>43</v>
      </c>
    </row>
    <row r="15" spans="1:4" ht="18" customHeight="1" x14ac:dyDescent="0.2">
      <c r="A15" s="31">
        <v>9</v>
      </c>
      <c r="B15" s="35">
        <v>24</v>
      </c>
      <c r="C15" s="28">
        <v>15</v>
      </c>
      <c r="D15" s="29">
        <v>39</v>
      </c>
    </row>
    <row r="16" spans="1:4" ht="18" customHeight="1" x14ac:dyDescent="0.2">
      <c r="A16" s="31" t="s">
        <v>67</v>
      </c>
      <c r="B16" s="27">
        <v>104</v>
      </c>
      <c r="C16" s="28">
        <v>89</v>
      </c>
      <c r="D16" s="29">
        <v>193</v>
      </c>
    </row>
    <row r="17" spans="1:4" ht="18" customHeight="1" x14ac:dyDescent="0.2">
      <c r="A17" s="31">
        <v>10</v>
      </c>
      <c r="B17" s="27">
        <v>14</v>
      </c>
      <c r="C17" s="28">
        <v>21</v>
      </c>
      <c r="D17" s="29">
        <v>35</v>
      </c>
    </row>
    <row r="18" spans="1:4" ht="18" customHeight="1" x14ac:dyDescent="0.2">
      <c r="A18" s="31">
        <v>11</v>
      </c>
      <c r="B18" s="27">
        <v>17</v>
      </c>
      <c r="C18" s="28">
        <v>29</v>
      </c>
      <c r="D18" s="29">
        <v>46</v>
      </c>
    </row>
    <row r="19" spans="1:4" ht="18" customHeight="1" x14ac:dyDescent="0.2">
      <c r="A19" s="31">
        <v>12</v>
      </c>
      <c r="B19" s="27">
        <v>24</v>
      </c>
      <c r="C19" s="28">
        <v>19</v>
      </c>
      <c r="D19" s="29">
        <v>43</v>
      </c>
    </row>
    <row r="20" spans="1:4" ht="18" customHeight="1" x14ac:dyDescent="0.2">
      <c r="A20" s="31">
        <v>13</v>
      </c>
      <c r="B20" s="27">
        <v>17</v>
      </c>
      <c r="C20" s="28">
        <v>16</v>
      </c>
      <c r="D20" s="29">
        <v>33</v>
      </c>
    </row>
    <row r="21" spans="1:4" ht="18" customHeight="1" x14ac:dyDescent="0.2">
      <c r="A21" s="31">
        <v>14</v>
      </c>
      <c r="B21" s="27">
        <v>19</v>
      </c>
      <c r="C21" s="28">
        <v>20</v>
      </c>
      <c r="D21" s="29">
        <v>39</v>
      </c>
    </row>
    <row r="22" spans="1:4" ht="18" customHeight="1" x14ac:dyDescent="0.2">
      <c r="A22" s="31" t="s">
        <v>68</v>
      </c>
      <c r="B22" s="27">
        <v>91</v>
      </c>
      <c r="C22" s="28">
        <v>105</v>
      </c>
      <c r="D22" s="29">
        <v>196</v>
      </c>
    </row>
    <row r="23" spans="1:4" ht="18" customHeight="1" x14ac:dyDescent="0.2">
      <c r="A23" s="31" t="s">
        <v>69</v>
      </c>
      <c r="B23" s="27">
        <v>292</v>
      </c>
      <c r="C23" s="28">
        <v>274</v>
      </c>
      <c r="D23" s="29">
        <v>566</v>
      </c>
    </row>
    <row r="24" spans="1:4" ht="18" customHeight="1" x14ac:dyDescent="0.2">
      <c r="A24" s="31">
        <v>15</v>
      </c>
      <c r="B24" s="27">
        <v>30</v>
      </c>
      <c r="C24" s="28">
        <v>23</v>
      </c>
      <c r="D24" s="29">
        <v>53</v>
      </c>
    </row>
    <row r="25" spans="1:4" ht="18" customHeight="1" x14ac:dyDescent="0.2">
      <c r="A25" s="31">
        <v>16</v>
      </c>
      <c r="B25" s="27">
        <v>25</v>
      </c>
      <c r="C25" s="28">
        <v>19</v>
      </c>
      <c r="D25" s="29">
        <v>44</v>
      </c>
    </row>
    <row r="26" spans="1:4" ht="18" customHeight="1" x14ac:dyDescent="0.2">
      <c r="A26" s="31">
        <v>17</v>
      </c>
      <c r="B26" s="27">
        <v>23</v>
      </c>
      <c r="C26" s="28">
        <v>29</v>
      </c>
      <c r="D26" s="29">
        <v>52</v>
      </c>
    </row>
    <row r="27" spans="1:4" ht="18" customHeight="1" x14ac:dyDescent="0.2">
      <c r="A27" s="31">
        <v>18</v>
      </c>
      <c r="B27" s="27">
        <v>21</v>
      </c>
      <c r="C27" s="28">
        <v>35</v>
      </c>
      <c r="D27" s="29">
        <v>56</v>
      </c>
    </row>
    <row r="28" spans="1:4" ht="18" customHeight="1" x14ac:dyDescent="0.2">
      <c r="A28" s="31">
        <v>19</v>
      </c>
      <c r="B28" s="27">
        <v>26</v>
      </c>
      <c r="C28" s="28">
        <v>35</v>
      </c>
      <c r="D28" s="29">
        <v>61</v>
      </c>
    </row>
    <row r="29" spans="1:4" ht="18" customHeight="1" x14ac:dyDescent="0.2">
      <c r="A29" s="31" t="s">
        <v>70</v>
      </c>
      <c r="B29" s="27">
        <v>125</v>
      </c>
      <c r="C29" s="28">
        <v>141</v>
      </c>
      <c r="D29" s="29">
        <v>266</v>
      </c>
    </row>
    <row r="30" spans="1:4" ht="18" customHeight="1" x14ac:dyDescent="0.2">
      <c r="A30" s="31">
        <v>20</v>
      </c>
      <c r="B30" s="27">
        <v>21</v>
      </c>
      <c r="C30" s="28">
        <v>28</v>
      </c>
      <c r="D30" s="29">
        <v>49</v>
      </c>
    </row>
    <row r="31" spans="1:4" ht="18" customHeight="1" x14ac:dyDescent="0.2">
      <c r="A31" s="31">
        <v>21</v>
      </c>
      <c r="B31" s="27">
        <v>31</v>
      </c>
      <c r="C31" s="28">
        <v>23</v>
      </c>
      <c r="D31" s="29">
        <v>54</v>
      </c>
    </row>
    <row r="32" spans="1:4" ht="18" customHeight="1" x14ac:dyDescent="0.2">
      <c r="A32" s="31">
        <v>22</v>
      </c>
      <c r="B32" s="27">
        <v>23</v>
      </c>
      <c r="C32" s="28">
        <v>24</v>
      </c>
      <c r="D32" s="29">
        <v>47</v>
      </c>
    </row>
    <row r="33" spans="1:4" ht="18" customHeight="1" x14ac:dyDescent="0.2">
      <c r="A33" s="31">
        <v>23</v>
      </c>
      <c r="B33" s="27">
        <v>28</v>
      </c>
      <c r="C33" s="28">
        <v>23</v>
      </c>
      <c r="D33" s="29">
        <v>51</v>
      </c>
    </row>
    <row r="34" spans="1:4" ht="18" customHeight="1" x14ac:dyDescent="0.2">
      <c r="A34" s="31">
        <v>24</v>
      </c>
      <c r="B34" s="27">
        <v>23</v>
      </c>
      <c r="C34" s="28">
        <v>17</v>
      </c>
      <c r="D34" s="29">
        <v>40</v>
      </c>
    </row>
    <row r="35" spans="1:4" ht="18" customHeight="1" x14ac:dyDescent="0.2">
      <c r="A35" s="31" t="s">
        <v>71</v>
      </c>
      <c r="B35" s="27">
        <v>126</v>
      </c>
      <c r="C35" s="28">
        <v>115</v>
      </c>
      <c r="D35" s="29">
        <v>241</v>
      </c>
    </row>
    <row r="36" spans="1:4" ht="18" customHeight="1" x14ac:dyDescent="0.2">
      <c r="A36" s="31">
        <v>25</v>
      </c>
      <c r="B36" s="27">
        <v>22</v>
      </c>
      <c r="C36" s="28">
        <v>21</v>
      </c>
      <c r="D36" s="29">
        <v>43</v>
      </c>
    </row>
    <row r="37" spans="1:4" ht="18" customHeight="1" x14ac:dyDescent="0.2">
      <c r="A37" s="31">
        <v>26</v>
      </c>
      <c r="B37" s="27">
        <v>28</v>
      </c>
      <c r="C37" s="28">
        <v>19</v>
      </c>
      <c r="D37" s="29">
        <v>47</v>
      </c>
    </row>
    <row r="38" spans="1:4" ht="18" customHeight="1" x14ac:dyDescent="0.2">
      <c r="A38" s="31">
        <v>27</v>
      </c>
      <c r="B38" s="27">
        <v>23</v>
      </c>
      <c r="C38" s="28">
        <v>32</v>
      </c>
      <c r="D38" s="29">
        <v>55</v>
      </c>
    </row>
    <row r="39" spans="1:4" ht="18" customHeight="1" x14ac:dyDescent="0.2">
      <c r="A39" s="31">
        <v>28</v>
      </c>
      <c r="B39" s="27">
        <v>20</v>
      </c>
      <c r="C39" s="28">
        <v>12</v>
      </c>
      <c r="D39" s="29">
        <v>32</v>
      </c>
    </row>
    <row r="40" spans="1:4" ht="18" customHeight="1" x14ac:dyDescent="0.2">
      <c r="A40" s="31">
        <v>29</v>
      </c>
      <c r="B40" s="27">
        <v>26</v>
      </c>
      <c r="C40" s="28">
        <v>25</v>
      </c>
      <c r="D40" s="29">
        <v>51</v>
      </c>
    </row>
    <row r="41" spans="1:4" ht="18" customHeight="1" x14ac:dyDescent="0.2">
      <c r="A41" s="31" t="s">
        <v>72</v>
      </c>
      <c r="B41" s="27">
        <v>119</v>
      </c>
      <c r="C41" s="28">
        <v>109</v>
      </c>
      <c r="D41" s="29">
        <v>228</v>
      </c>
    </row>
    <row r="42" spans="1:4" ht="18" customHeight="1" x14ac:dyDescent="0.2">
      <c r="A42" s="31">
        <v>30</v>
      </c>
      <c r="B42" s="27">
        <v>22</v>
      </c>
      <c r="C42" s="28">
        <v>24</v>
      </c>
      <c r="D42" s="29">
        <v>46</v>
      </c>
    </row>
    <row r="43" spans="1:4" ht="18" customHeight="1" x14ac:dyDescent="0.2">
      <c r="A43" s="31">
        <v>31</v>
      </c>
      <c r="B43" s="27">
        <v>32</v>
      </c>
      <c r="C43" s="28">
        <v>19</v>
      </c>
      <c r="D43" s="29">
        <v>51</v>
      </c>
    </row>
    <row r="44" spans="1:4" ht="18" customHeight="1" x14ac:dyDescent="0.2">
      <c r="A44" s="31">
        <v>32</v>
      </c>
      <c r="B44" s="27">
        <v>28</v>
      </c>
      <c r="C44" s="28">
        <v>31</v>
      </c>
      <c r="D44" s="29">
        <v>59</v>
      </c>
    </row>
    <row r="45" spans="1:4" ht="18" customHeight="1" x14ac:dyDescent="0.2">
      <c r="A45" s="31">
        <v>33</v>
      </c>
      <c r="B45" s="27">
        <v>29</v>
      </c>
      <c r="C45" s="28">
        <v>31</v>
      </c>
      <c r="D45" s="29">
        <v>60</v>
      </c>
    </row>
    <row r="46" spans="1:4" ht="18" customHeight="1" x14ac:dyDescent="0.2">
      <c r="A46" s="31">
        <v>34</v>
      </c>
      <c r="B46" s="27">
        <v>27</v>
      </c>
      <c r="C46" s="28">
        <v>34</v>
      </c>
      <c r="D46" s="29">
        <v>61</v>
      </c>
    </row>
    <row r="47" spans="1:4" ht="18" customHeight="1" x14ac:dyDescent="0.2">
      <c r="A47" s="31" t="s">
        <v>73</v>
      </c>
      <c r="B47" s="27">
        <v>138</v>
      </c>
      <c r="C47" s="28">
        <v>139</v>
      </c>
      <c r="D47" s="29">
        <v>277</v>
      </c>
    </row>
    <row r="48" spans="1:4" ht="18" customHeight="1" x14ac:dyDescent="0.2">
      <c r="A48" s="31">
        <v>35</v>
      </c>
      <c r="B48" s="27">
        <v>32</v>
      </c>
      <c r="C48" s="28">
        <v>41</v>
      </c>
      <c r="D48" s="29">
        <v>73</v>
      </c>
    </row>
    <row r="49" spans="1:4" ht="18" customHeight="1" x14ac:dyDescent="0.2">
      <c r="A49" s="31">
        <v>36</v>
      </c>
      <c r="B49" s="27">
        <v>25</v>
      </c>
      <c r="C49" s="28">
        <v>30</v>
      </c>
      <c r="D49" s="29">
        <v>55</v>
      </c>
    </row>
    <row r="50" spans="1:4" ht="18" customHeight="1" x14ac:dyDescent="0.2">
      <c r="A50" s="31">
        <v>37</v>
      </c>
      <c r="B50" s="27">
        <v>42</v>
      </c>
      <c r="C50" s="28">
        <v>29</v>
      </c>
      <c r="D50" s="29">
        <v>71</v>
      </c>
    </row>
    <row r="51" spans="1:4" ht="18" customHeight="1" x14ac:dyDescent="0.2">
      <c r="A51" s="31">
        <v>38</v>
      </c>
      <c r="B51" s="27">
        <v>22</v>
      </c>
      <c r="C51" s="28">
        <v>26</v>
      </c>
      <c r="D51" s="29">
        <v>48</v>
      </c>
    </row>
    <row r="52" spans="1:4" ht="18" customHeight="1" x14ac:dyDescent="0.2">
      <c r="A52" s="31">
        <v>39</v>
      </c>
      <c r="B52" s="27">
        <v>25</v>
      </c>
      <c r="C52" s="28">
        <v>27</v>
      </c>
      <c r="D52" s="29">
        <v>52</v>
      </c>
    </row>
    <row r="53" spans="1:4" ht="18" customHeight="1" x14ac:dyDescent="0.2">
      <c r="A53" s="31" t="s">
        <v>74</v>
      </c>
      <c r="B53" s="27">
        <v>146</v>
      </c>
      <c r="C53" s="28">
        <v>153</v>
      </c>
      <c r="D53" s="29">
        <v>299</v>
      </c>
    </row>
    <row r="54" spans="1:4" ht="18" customHeight="1" x14ac:dyDescent="0.2">
      <c r="A54" s="31">
        <v>40</v>
      </c>
      <c r="B54" s="27">
        <v>41</v>
      </c>
      <c r="C54" s="28">
        <v>29</v>
      </c>
      <c r="D54" s="29">
        <v>70</v>
      </c>
    </row>
    <row r="55" spans="1:4" ht="18" customHeight="1" x14ac:dyDescent="0.2">
      <c r="A55" s="31">
        <v>41</v>
      </c>
      <c r="B55" s="27">
        <v>20</v>
      </c>
      <c r="C55" s="28">
        <v>24</v>
      </c>
      <c r="D55" s="29">
        <v>44</v>
      </c>
    </row>
    <row r="56" spans="1:4" ht="18" customHeight="1" x14ac:dyDescent="0.2">
      <c r="A56" s="31">
        <v>42</v>
      </c>
      <c r="B56" s="27">
        <v>22</v>
      </c>
      <c r="C56" s="28">
        <v>31</v>
      </c>
      <c r="D56" s="29">
        <v>53</v>
      </c>
    </row>
    <row r="57" spans="1:4" ht="18" customHeight="1" x14ac:dyDescent="0.2">
      <c r="A57" s="31">
        <v>43</v>
      </c>
      <c r="B57" s="27">
        <v>32</v>
      </c>
      <c r="C57" s="28">
        <v>23</v>
      </c>
      <c r="D57" s="29">
        <v>55</v>
      </c>
    </row>
    <row r="58" spans="1:4" ht="18" customHeight="1" x14ac:dyDescent="0.2">
      <c r="A58" s="31">
        <v>44</v>
      </c>
      <c r="B58" s="27">
        <v>29</v>
      </c>
      <c r="C58" s="28">
        <v>33</v>
      </c>
      <c r="D58" s="29">
        <v>62</v>
      </c>
    </row>
    <row r="59" spans="1:4" ht="18" customHeight="1" x14ac:dyDescent="0.2">
      <c r="A59" s="31" t="s">
        <v>75</v>
      </c>
      <c r="B59" s="27">
        <v>144</v>
      </c>
      <c r="C59" s="28">
        <v>140</v>
      </c>
      <c r="D59" s="29">
        <v>284</v>
      </c>
    </row>
    <row r="60" spans="1:4" ht="18" customHeight="1" x14ac:dyDescent="0.2">
      <c r="A60" s="31">
        <v>45</v>
      </c>
      <c r="B60" s="27">
        <v>32</v>
      </c>
      <c r="C60" s="28">
        <v>25</v>
      </c>
      <c r="D60" s="29">
        <v>57</v>
      </c>
    </row>
    <row r="61" spans="1:4" ht="18" customHeight="1" x14ac:dyDescent="0.2">
      <c r="A61" s="31">
        <v>46</v>
      </c>
      <c r="B61" s="27">
        <v>26</v>
      </c>
      <c r="C61" s="28">
        <v>44</v>
      </c>
      <c r="D61" s="29">
        <v>70</v>
      </c>
    </row>
    <row r="62" spans="1:4" ht="18" customHeight="1" x14ac:dyDescent="0.2">
      <c r="A62" s="31">
        <v>47</v>
      </c>
      <c r="B62" s="27">
        <v>24</v>
      </c>
      <c r="C62" s="28">
        <v>26</v>
      </c>
      <c r="D62" s="29">
        <v>50</v>
      </c>
    </row>
    <row r="63" spans="1:4" ht="18" customHeight="1" x14ac:dyDescent="0.2">
      <c r="A63" s="31">
        <v>48</v>
      </c>
      <c r="B63" s="27">
        <v>30</v>
      </c>
      <c r="C63" s="28">
        <v>28</v>
      </c>
      <c r="D63" s="29">
        <v>58</v>
      </c>
    </row>
    <row r="64" spans="1:4" ht="18" customHeight="1" x14ac:dyDescent="0.2">
      <c r="A64" s="31">
        <v>49</v>
      </c>
      <c r="B64" s="27">
        <v>29</v>
      </c>
      <c r="C64" s="28">
        <v>22</v>
      </c>
      <c r="D64" s="29">
        <v>51</v>
      </c>
    </row>
    <row r="65" spans="1:4" ht="18" customHeight="1" x14ac:dyDescent="0.2">
      <c r="A65" s="31" t="s">
        <v>76</v>
      </c>
      <c r="B65" s="27">
        <v>141</v>
      </c>
      <c r="C65" s="28">
        <v>145</v>
      </c>
      <c r="D65" s="29">
        <v>286</v>
      </c>
    </row>
    <row r="66" spans="1:4" ht="18" customHeight="1" x14ac:dyDescent="0.2">
      <c r="A66" s="31">
        <v>50</v>
      </c>
      <c r="B66" s="27">
        <v>30</v>
      </c>
      <c r="C66" s="28">
        <v>27</v>
      </c>
      <c r="D66" s="29">
        <v>57</v>
      </c>
    </row>
    <row r="67" spans="1:4" ht="18" customHeight="1" x14ac:dyDescent="0.2">
      <c r="A67" s="31">
        <v>51</v>
      </c>
      <c r="B67" s="27">
        <v>22</v>
      </c>
      <c r="C67" s="28">
        <v>21</v>
      </c>
      <c r="D67" s="29">
        <v>43</v>
      </c>
    </row>
    <row r="68" spans="1:4" ht="18" customHeight="1" x14ac:dyDescent="0.2">
      <c r="A68" s="31">
        <v>52</v>
      </c>
      <c r="B68" s="27">
        <v>25</v>
      </c>
      <c r="C68" s="28">
        <v>38</v>
      </c>
      <c r="D68" s="29">
        <v>63</v>
      </c>
    </row>
    <row r="69" spans="1:4" ht="18" customHeight="1" x14ac:dyDescent="0.2">
      <c r="A69" s="31">
        <v>53</v>
      </c>
      <c r="B69" s="27">
        <v>29</v>
      </c>
      <c r="C69" s="28">
        <v>25</v>
      </c>
      <c r="D69" s="29">
        <v>54</v>
      </c>
    </row>
    <row r="70" spans="1:4" ht="18" customHeight="1" x14ac:dyDescent="0.2">
      <c r="A70" s="31">
        <v>54</v>
      </c>
      <c r="B70" s="27">
        <v>31</v>
      </c>
      <c r="C70" s="28">
        <v>35</v>
      </c>
      <c r="D70" s="29">
        <v>66</v>
      </c>
    </row>
    <row r="71" spans="1:4" ht="18" customHeight="1" x14ac:dyDescent="0.2">
      <c r="A71" s="31" t="s">
        <v>77</v>
      </c>
      <c r="B71" s="27">
        <v>137</v>
      </c>
      <c r="C71" s="28">
        <v>146</v>
      </c>
      <c r="D71" s="29">
        <v>283</v>
      </c>
    </row>
    <row r="72" spans="1:4" ht="18" customHeight="1" x14ac:dyDescent="0.2">
      <c r="A72" s="31">
        <v>55</v>
      </c>
      <c r="B72" s="27">
        <v>32</v>
      </c>
      <c r="C72" s="28">
        <v>25</v>
      </c>
      <c r="D72" s="29">
        <v>57</v>
      </c>
    </row>
    <row r="73" spans="1:4" ht="18" customHeight="1" x14ac:dyDescent="0.2">
      <c r="A73" s="31">
        <v>56</v>
      </c>
      <c r="B73" s="27">
        <v>18</v>
      </c>
      <c r="C73" s="28">
        <v>38</v>
      </c>
      <c r="D73" s="29">
        <v>56</v>
      </c>
    </row>
    <row r="74" spans="1:4" ht="18" customHeight="1" x14ac:dyDescent="0.2">
      <c r="A74" s="31">
        <v>57</v>
      </c>
      <c r="B74" s="27">
        <v>38</v>
      </c>
      <c r="C74" s="28">
        <v>27</v>
      </c>
      <c r="D74" s="29">
        <v>65</v>
      </c>
    </row>
    <row r="75" spans="1:4" ht="18" customHeight="1" x14ac:dyDescent="0.2">
      <c r="A75" s="31">
        <v>58</v>
      </c>
      <c r="B75" s="27">
        <v>30</v>
      </c>
      <c r="C75" s="28">
        <v>26</v>
      </c>
      <c r="D75" s="29">
        <v>56</v>
      </c>
    </row>
    <row r="76" spans="1:4" ht="18" customHeight="1" x14ac:dyDescent="0.2">
      <c r="A76" s="31">
        <v>59</v>
      </c>
      <c r="B76" s="27">
        <v>35</v>
      </c>
      <c r="C76" s="28">
        <v>35</v>
      </c>
      <c r="D76" s="29">
        <v>70</v>
      </c>
    </row>
    <row r="77" spans="1:4" ht="18" customHeight="1" x14ac:dyDescent="0.2">
      <c r="A77" s="31" t="s">
        <v>78</v>
      </c>
      <c r="B77" s="27">
        <v>153</v>
      </c>
      <c r="C77" s="28">
        <v>151</v>
      </c>
      <c r="D77" s="29">
        <v>304</v>
      </c>
    </row>
    <row r="78" spans="1:4" ht="18" customHeight="1" x14ac:dyDescent="0.2">
      <c r="A78" s="31">
        <v>60</v>
      </c>
      <c r="B78" s="27">
        <v>37</v>
      </c>
      <c r="C78" s="28">
        <v>52</v>
      </c>
      <c r="D78" s="29">
        <v>89</v>
      </c>
    </row>
    <row r="79" spans="1:4" ht="18" customHeight="1" x14ac:dyDescent="0.2">
      <c r="A79" s="31">
        <v>61</v>
      </c>
      <c r="B79" s="27">
        <v>42</v>
      </c>
      <c r="C79" s="28">
        <v>32</v>
      </c>
      <c r="D79" s="29">
        <v>74</v>
      </c>
    </row>
    <row r="80" spans="1:4" ht="18" customHeight="1" x14ac:dyDescent="0.2">
      <c r="A80" s="31">
        <v>62</v>
      </c>
      <c r="B80" s="27">
        <v>48</v>
      </c>
      <c r="C80" s="28">
        <v>39</v>
      </c>
      <c r="D80" s="29">
        <v>87</v>
      </c>
    </row>
    <row r="81" spans="1:4" ht="18" customHeight="1" x14ac:dyDescent="0.2">
      <c r="A81" s="31">
        <v>63</v>
      </c>
      <c r="B81" s="27">
        <v>26</v>
      </c>
      <c r="C81" s="28">
        <v>18</v>
      </c>
      <c r="D81" s="29">
        <v>44</v>
      </c>
    </row>
    <row r="82" spans="1:4" ht="18" customHeight="1" x14ac:dyDescent="0.2">
      <c r="A82" s="31">
        <v>64</v>
      </c>
      <c r="B82" s="27">
        <v>18</v>
      </c>
      <c r="C82" s="28">
        <v>23</v>
      </c>
      <c r="D82" s="29">
        <v>41</v>
      </c>
    </row>
    <row r="83" spans="1:4" ht="18" customHeight="1" x14ac:dyDescent="0.2">
      <c r="A83" s="31" t="s">
        <v>79</v>
      </c>
      <c r="B83" s="27">
        <v>171</v>
      </c>
      <c r="C83" s="28">
        <v>164</v>
      </c>
      <c r="D83" s="29">
        <v>335</v>
      </c>
    </row>
    <row r="84" spans="1:4" ht="18" customHeight="1" x14ac:dyDescent="0.2">
      <c r="A84" s="31" t="s">
        <v>80</v>
      </c>
      <c r="B84" s="27">
        <v>1400</v>
      </c>
      <c r="C84" s="28">
        <v>1403</v>
      </c>
      <c r="D84" s="29">
        <v>2803</v>
      </c>
    </row>
    <row r="85" spans="1:4" ht="18" customHeight="1" x14ac:dyDescent="0.2">
      <c r="A85" s="31">
        <v>65</v>
      </c>
      <c r="B85" s="27">
        <v>33</v>
      </c>
      <c r="C85" s="28">
        <v>33</v>
      </c>
      <c r="D85" s="29">
        <v>66</v>
      </c>
    </row>
    <row r="86" spans="1:4" ht="18" customHeight="1" x14ac:dyDescent="0.2">
      <c r="A86" s="31">
        <v>66</v>
      </c>
      <c r="B86" s="27">
        <v>13</v>
      </c>
      <c r="C86" s="28">
        <v>28</v>
      </c>
      <c r="D86" s="29">
        <v>41</v>
      </c>
    </row>
    <row r="87" spans="1:4" ht="18" customHeight="1" x14ac:dyDescent="0.2">
      <c r="A87" s="31">
        <v>67</v>
      </c>
      <c r="B87" s="27">
        <v>25</v>
      </c>
      <c r="C87" s="28">
        <v>36</v>
      </c>
      <c r="D87" s="29">
        <v>61</v>
      </c>
    </row>
    <row r="88" spans="1:4" ht="18" customHeight="1" x14ac:dyDescent="0.2">
      <c r="A88" s="31">
        <v>68</v>
      </c>
      <c r="B88" s="27">
        <v>26</v>
      </c>
      <c r="C88" s="28">
        <v>26</v>
      </c>
      <c r="D88" s="29">
        <v>52</v>
      </c>
    </row>
    <row r="89" spans="1:4" ht="18" customHeight="1" x14ac:dyDescent="0.2">
      <c r="A89" s="31">
        <v>69</v>
      </c>
      <c r="B89" s="27">
        <v>19</v>
      </c>
      <c r="C89" s="28">
        <v>21</v>
      </c>
      <c r="D89" s="29">
        <v>40</v>
      </c>
    </row>
    <row r="90" spans="1:4" ht="18" customHeight="1" x14ac:dyDescent="0.2">
      <c r="A90" s="31" t="s">
        <v>81</v>
      </c>
      <c r="B90" s="27">
        <v>116</v>
      </c>
      <c r="C90" s="28">
        <v>144</v>
      </c>
      <c r="D90" s="29">
        <v>260</v>
      </c>
    </row>
    <row r="91" spans="1:4" ht="18" customHeight="1" x14ac:dyDescent="0.2">
      <c r="A91" s="31">
        <v>70</v>
      </c>
      <c r="B91" s="27">
        <v>16</v>
      </c>
      <c r="C91" s="28">
        <v>17</v>
      </c>
      <c r="D91" s="29">
        <v>33</v>
      </c>
    </row>
    <row r="92" spans="1:4" ht="18" customHeight="1" x14ac:dyDescent="0.2">
      <c r="A92" s="31">
        <v>71</v>
      </c>
      <c r="B92" s="27">
        <v>19</v>
      </c>
      <c r="C92" s="28">
        <v>23</v>
      </c>
      <c r="D92" s="29">
        <v>42</v>
      </c>
    </row>
    <row r="93" spans="1:4" ht="18" customHeight="1" x14ac:dyDescent="0.2">
      <c r="A93" s="31">
        <v>72</v>
      </c>
      <c r="B93" s="27">
        <v>19</v>
      </c>
      <c r="C93" s="28">
        <v>14</v>
      </c>
      <c r="D93" s="29">
        <v>33</v>
      </c>
    </row>
    <row r="94" spans="1:4" ht="18" customHeight="1" x14ac:dyDescent="0.2">
      <c r="A94" s="31">
        <v>73</v>
      </c>
      <c r="B94" s="27">
        <v>23</v>
      </c>
      <c r="C94" s="28">
        <v>25</v>
      </c>
      <c r="D94" s="29">
        <v>48</v>
      </c>
    </row>
    <row r="95" spans="1:4" ht="18" customHeight="1" x14ac:dyDescent="0.2">
      <c r="A95" s="31">
        <v>74</v>
      </c>
      <c r="B95" s="27">
        <v>18</v>
      </c>
      <c r="C95" s="28">
        <v>20</v>
      </c>
      <c r="D95" s="29">
        <v>38</v>
      </c>
    </row>
    <row r="96" spans="1:4" ht="18" customHeight="1" x14ac:dyDescent="0.2">
      <c r="A96" s="31" t="s">
        <v>82</v>
      </c>
      <c r="B96" s="27">
        <v>95</v>
      </c>
      <c r="C96" s="28">
        <v>99</v>
      </c>
      <c r="D96" s="29">
        <v>194</v>
      </c>
    </row>
    <row r="97" spans="1:4" ht="18" customHeight="1" x14ac:dyDescent="0.2">
      <c r="A97" s="31">
        <v>75</v>
      </c>
      <c r="B97" s="27">
        <v>20</v>
      </c>
      <c r="C97" s="28">
        <v>29</v>
      </c>
      <c r="D97" s="29">
        <v>49</v>
      </c>
    </row>
    <row r="98" spans="1:4" ht="18" customHeight="1" x14ac:dyDescent="0.2">
      <c r="A98" s="31">
        <v>76</v>
      </c>
      <c r="B98" s="27">
        <v>20</v>
      </c>
      <c r="C98" s="28">
        <v>25</v>
      </c>
      <c r="D98" s="29">
        <v>45</v>
      </c>
    </row>
    <row r="99" spans="1:4" ht="18" customHeight="1" x14ac:dyDescent="0.2">
      <c r="A99" s="31">
        <v>77</v>
      </c>
      <c r="B99" s="27">
        <v>9</v>
      </c>
      <c r="C99" s="28">
        <v>31</v>
      </c>
      <c r="D99" s="29">
        <v>40</v>
      </c>
    </row>
    <row r="100" spans="1:4" ht="18" customHeight="1" x14ac:dyDescent="0.2">
      <c r="A100" s="31">
        <v>78</v>
      </c>
      <c r="B100" s="27">
        <v>13</v>
      </c>
      <c r="C100" s="28">
        <v>26</v>
      </c>
      <c r="D100" s="29">
        <v>39</v>
      </c>
    </row>
    <row r="101" spans="1:4" ht="18" customHeight="1" x14ac:dyDescent="0.2">
      <c r="A101" s="31">
        <v>79</v>
      </c>
      <c r="B101" s="27">
        <v>14</v>
      </c>
      <c r="C101" s="28">
        <v>20</v>
      </c>
      <c r="D101" s="29">
        <v>34</v>
      </c>
    </row>
    <row r="102" spans="1:4" ht="18" customHeight="1" x14ac:dyDescent="0.2">
      <c r="A102" s="31" t="s">
        <v>83</v>
      </c>
      <c r="B102" s="27">
        <v>76</v>
      </c>
      <c r="C102" s="28">
        <v>131</v>
      </c>
      <c r="D102" s="29">
        <v>207</v>
      </c>
    </row>
    <row r="103" spans="1:4" ht="18" customHeight="1" x14ac:dyDescent="0.2">
      <c r="A103" s="31">
        <v>80</v>
      </c>
      <c r="B103" s="27">
        <v>23</v>
      </c>
      <c r="C103" s="28">
        <v>18</v>
      </c>
      <c r="D103" s="29">
        <v>41</v>
      </c>
    </row>
    <row r="104" spans="1:4" ht="18" customHeight="1" x14ac:dyDescent="0.2">
      <c r="A104" s="31">
        <v>81</v>
      </c>
      <c r="B104" s="27">
        <v>12</v>
      </c>
      <c r="C104" s="28">
        <v>21</v>
      </c>
      <c r="D104" s="29">
        <v>33</v>
      </c>
    </row>
    <row r="105" spans="1:4" ht="18" customHeight="1" x14ac:dyDescent="0.2">
      <c r="A105" s="31">
        <v>82</v>
      </c>
      <c r="B105" s="27">
        <v>9</v>
      </c>
      <c r="C105" s="28">
        <v>25</v>
      </c>
      <c r="D105" s="29">
        <v>34</v>
      </c>
    </row>
    <row r="106" spans="1:4" ht="18" customHeight="1" x14ac:dyDescent="0.2">
      <c r="A106" s="31">
        <v>83</v>
      </c>
      <c r="B106" s="27">
        <v>10</v>
      </c>
      <c r="C106" s="28">
        <v>18</v>
      </c>
      <c r="D106" s="29">
        <v>28</v>
      </c>
    </row>
    <row r="107" spans="1:4" ht="18" customHeight="1" x14ac:dyDescent="0.2">
      <c r="A107" s="31">
        <v>84</v>
      </c>
      <c r="B107" s="27">
        <v>15</v>
      </c>
      <c r="C107" s="28">
        <v>19</v>
      </c>
      <c r="D107" s="29">
        <v>34</v>
      </c>
    </row>
    <row r="108" spans="1:4" ht="18" customHeight="1" x14ac:dyDescent="0.2">
      <c r="A108" s="31" t="s">
        <v>84</v>
      </c>
      <c r="B108" s="27">
        <v>69</v>
      </c>
      <c r="C108" s="28">
        <v>101</v>
      </c>
      <c r="D108" s="29">
        <v>170</v>
      </c>
    </row>
    <row r="109" spans="1:4" ht="18" customHeight="1" x14ac:dyDescent="0.2">
      <c r="A109" s="31">
        <v>85</v>
      </c>
      <c r="B109" s="27">
        <v>9</v>
      </c>
      <c r="C109" s="28">
        <v>21</v>
      </c>
      <c r="D109" s="29">
        <v>30</v>
      </c>
    </row>
    <row r="110" spans="1:4" ht="18" customHeight="1" x14ac:dyDescent="0.2">
      <c r="A110" s="31">
        <v>86</v>
      </c>
      <c r="B110" s="27">
        <v>8</v>
      </c>
      <c r="C110" s="28">
        <v>14</v>
      </c>
      <c r="D110" s="29">
        <v>22</v>
      </c>
    </row>
    <row r="111" spans="1:4" ht="18" customHeight="1" x14ac:dyDescent="0.2">
      <c r="A111" s="31">
        <v>87</v>
      </c>
      <c r="B111" s="27">
        <v>6</v>
      </c>
      <c r="C111" s="28">
        <v>14</v>
      </c>
      <c r="D111" s="29">
        <v>20</v>
      </c>
    </row>
    <row r="112" spans="1:4" ht="18" customHeight="1" x14ac:dyDescent="0.2">
      <c r="A112" s="31">
        <v>88</v>
      </c>
      <c r="B112" s="27">
        <v>2</v>
      </c>
      <c r="C112" s="28">
        <v>17</v>
      </c>
      <c r="D112" s="29">
        <v>19</v>
      </c>
    </row>
    <row r="113" spans="1:4" ht="18" customHeight="1" x14ac:dyDescent="0.2">
      <c r="A113" s="31">
        <v>89</v>
      </c>
      <c r="B113" s="27">
        <v>7</v>
      </c>
      <c r="C113" s="28">
        <v>7</v>
      </c>
      <c r="D113" s="29">
        <v>14</v>
      </c>
    </row>
    <row r="114" spans="1:4" ht="18" customHeight="1" x14ac:dyDescent="0.2">
      <c r="A114" s="31" t="s">
        <v>85</v>
      </c>
      <c r="B114" s="27">
        <v>32</v>
      </c>
      <c r="C114" s="28">
        <v>73</v>
      </c>
      <c r="D114" s="29">
        <v>105</v>
      </c>
    </row>
    <row r="115" spans="1:4" ht="18" customHeight="1" x14ac:dyDescent="0.2">
      <c r="A115" s="31">
        <v>90</v>
      </c>
      <c r="B115" s="27">
        <v>2</v>
      </c>
      <c r="C115" s="28">
        <v>16</v>
      </c>
      <c r="D115" s="29">
        <v>18</v>
      </c>
    </row>
    <row r="116" spans="1:4" ht="18" customHeight="1" x14ac:dyDescent="0.2">
      <c r="A116" s="31">
        <v>91</v>
      </c>
      <c r="B116" s="27">
        <v>2</v>
      </c>
      <c r="C116" s="28">
        <v>7</v>
      </c>
      <c r="D116" s="29">
        <v>9</v>
      </c>
    </row>
    <row r="117" spans="1:4" ht="18" customHeight="1" x14ac:dyDescent="0.2">
      <c r="A117" s="31">
        <v>92</v>
      </c>
      <c r="B117" s="27">
        <v>0</v>
      </c>
      <c r="C117" s="28">
        <v>6</v>
      </c>
      <c r="D117" s="29">
        <v>6</v>
      </c>
    </row>
    <row r="118" spans="1:4" ht="18" customHeight="1" x14ac:dyDescent="0.2">
      <c r="A118" s="31">
        <v>93</v>
      </c>
      <c r="B118" s="27">
        <v>2</v>
      </c>
      <c r="C118" s="28">
        <v>7</v>
      </c>
      <c r="D118" s="29">
        <v>9</v>
      </c>
    </row>
    <row r="119" spans="1:4" ht="18" customHeight="1" x14ac:dyDescent="0.2">
      <c r="A119" s="31">
        <v>94</v>
      </c>
      <c r="B119" s="27">
        <v>1</v>
      </c>
      <c r="C119" s="28">
        <v>10</v>
      </c>
      <c r="D119" s="29">
        <v>11</v>
      </c>
    </row>
    <row r="120" spans="1:4" ht="18" customHeight="1" x14ac:dyDescent="0.2">
      <c r="A120" s="31" t="s">
        <v>86</v>
      </c>
      <c r="B120" s="27">
        <v>7</v>
      </c>
      <c r="C120" s="28">
        <v>46</v>
      </c>
      <c r="D120" s="29">
        <v>53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0</v>
      </c>
      <c r="D122" s="29">
        <v>10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15</v>
      </c>
      <c r="D126" s="29">
        <v>16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89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90</v>
      </c>
      <c r="B130" s="4">
        <v>396</v>
      </c>
      <c r="C130" s="5">
        <v>613</v>
      </c>
      <c r="D130" s="6">
        <v>1009</v>
      </c>
    </row>
    <row r="131" spans="1:4" ht="18" customHeight="1" x14ac:dyDescent="0.2">
      <c r="A131" s="33" t="s">
        <v>65</v>
      </c>
      <c r="B131" s="7">
        <v>2088</v>
      </c>
      <c r="C131" s="8">
        <v>2290</v>
      </c>
      <c r="D131" s="9">
        <v>437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78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4</v>
      </c>
      <c r="C5" s="37">
        <v>4</v>
      </c>
      <c r="D5" s="39">
        <v>8</v>
      </c>
    </row>
    <row r="6" spans="1:4" ht="18" customHeight="1" x14ac:dyDescent="0.2">
      <c r="A6" s="31">
        <v>1</v>
      </c>
      <c r="B6" s="35">
        <v>4</v>
      </c>
      <c r="C6" s="28">
        <v>6</v>
      </c>
      <c r="D6" s="29">
        <v>10</v>
      </c>
    </row>
    <row r="7" spans="1:4" ht="18" customHeight="1" x14ac:dyDescent="0.2">
      <c r="A7" s="31">
        <v>2</v>
      </c>
      <c r="B7" s="35">
        <v>7</v>
      </c>
      <c r="C7" s="28">
        <v>6</v>
      </c>
      <c r="D7" s="29">
        <v>13</v>
      </c>
    </row>
    <row r="8" spans="1:4" ht="18" customHeight="1" x14ac:dyDescent="0.2">
      <c r="A8" s="31">
        <v>3</v>
      </c>
      <c r="B8" s="35">
        <v>7</v>
      </c>
      <c r="C8" s="28">
        <v>4</v>
      </c>
      <c r="D8" s="29">
        <v>11</v>
      </c>
    </row>
    <row r="9" spans="1:4" ht="18" customHeight="1" x14ac:dyDescent="0.2">
      <c r="A9" s="31">
        <v>4</v>
      </c>
      <c r="B9" s="36">
        <v>7</v>
      </c>
      <c r="C9" s="38">
        <v>3</v>
      </c>
      <c r="D9" s="40">
        <v>10</v>
      </c>
    </row>
    <row r="10" spans="1:4" ht="18" customHeight="1" x14ac:dyDescent="0.2">
      <c r="A10" s="31" t="s">
        <v>66</v>
      </c>
      <c r="B10" s="27">
        <v>29</v>
      </c>
      <c r="C10" s="28">
        <v>23</v>
      </c>
      <c r="D10" s="29">
        <v>52</v>
      </c>
    </row>
    <row r="11" spans="1:4" ht="18" customHeight="1" x14ac:dyDescent="0.2">
      <c r="A11" s="31">
        <v>5</v>
      </c>
      <c r="B11" s="35">
        <v>8</v>
      </c>
      <c r="C11" s="28">
        <v>10</v>
      </c>
      <c r="D11" s="29">
        <v>18</v>
      </c>
    </row>
    <row r="12" spans="1:4" ht="18" customHeight="1" x14ac:dyDescent="0.2">
      <c r="A12" s="31">
        <v>6</v>
      </c>
      <c r="B12" s="35">
        <v>4</v>
      </c>
      <c r="C12" s="28">
        <v>1</v>
      </c>
      <c r="D12" s="29">
        <v>5</v>
      </c>
    </row>
    <row r="13" spans="1:4" ht="18" customHeight="1" x14ac:dyDescent="0.2">
      <c r="A13" s="31">
        <v>7</v>
      </c>
      <c r="B13" s="35">
        <v>2</v>
      </c>
      <c r="C13" s="28">
        <v>7</v>
      </c>
      <c r="D13" s="29">
        <v>9</v>
      </c>
    </row>
    <row r="14" spans="1:4" ht="18" customHeight="1" x14ac:dyDescent="0.2">
      <c r="A14" s="31">
        <v>8</v>
      </c>
      <c r="B14" s="35">
        <v>5</v>
      </c>
      <c r="C14" s="28">
        <v>2</v>
      </c>
      <c r="D14" s="29">
        <v>7</v>
      </c>
    </row>
    <row r="15" spans="1:4" ht="18" customHeight="1" x14ac:dyDescent="0.2">
      <c r="A15" s="31">
        <v>9</v>
      </c>
      <c r="B15" s="35">
        <v>7</v>
      </c>
      <c r="C15" s="28">
        <v>3</v>
      </c>
      <c r="D15" s="29">
        <v>10</v>
      </c>
    </row>
    <row r="16" spans="1:4" ht="18" customHeight="1" x14ac:dyDescent="0.2">
      <c r="A16" s="31" t="s">
        <v>67</v>
      </c>
      <c r="B16" s="27">
        <v>26</v>
      </c>
      <c r="C16" s="28">
        <v>23</v>
      </c>
      <c r="D16" s="29">
        <v>49</v>
      </c>
    </row>
    <row r="17" spans="1:4" ht="18" customHeight="1" x14ac:dyDescent="0.2">
      <c r="A17" s="31">
        <v>10</v>
      </c>
      <c r="B17" s="27">
        <v>5</v>
      </c>
      <c r="C17" s="28">
        <v>7</v>
      </c>
      <c r="D17" s="29">
        <v>12</v>
      </c>
    </row>
    <row r="18" spans="1:4" ht="18" customHeight="1" x14ac:dyDescent="0.2">
      <c r="A18" s="31">
        <v>11</v>
      </c>
      <c r="B18" s="27">
        <v>5</v>
      </c>
      <c r="C18" s="28">
        <v>4</v>
      </c>
      <c r="D18" s="29">
        <v>9</v>
      </c>
    </row>
    <row r="19" spans="1:4" ht="18" customHeight="1" x14ac:dyDescent="0.2">
      <c r="A19" s="31">
        <v>12</v>
      </c>
      <c r="B19" s="27">
        <v>7</v>
      </c>
      <c r="C19" s="28">
        <v>8</v>
      </c>
      <c r="D19" s="29">
        <v>15</v>
      </c>
    </row>
    <row r="20" spans="1:4" ht="18" customHeight="1" x14ac:dyDescent="0.2">
      <c r="A20" s="31">
        <v>13</v>
      </c>
      <c r="B20" s="27">
        <v>10</v>
      </c>
      <c r="C20" s="28">
        <v>4</v>
      </c>
      <c r="D20" s="29">
        <v>14</v>
      </c>
    </row>
    <row r="21" spans="1:4" ht="18" customHeight="1" x14ac:dyDescent="0.2">
      <c r="A21" s="31">
        <v>14</v>
      </c>
      <c r="B21" s="27">
        <v>9</v>
      </c>
      <c r="C21" s="28">
        <v>11</v>
      </c>
      <c r="D21" s="29">
        <v>20</v>
      </c>
    </row>
    <row r="22" spans="1:4" ht="18" customHeight="1" x14ac:dyDescent="0.2">
      <c r="A22" s="31" t="s">
        <v>68</v>
      </c>
      <c r="B22" s="27">
        <v>36</v>
      </c>
      <c r="C22" s="28">
        <v>34</v>
      </c>
      <c r="D22" s="29">
        <v>70</v>
      </c>
    </row>
    <row r="23" spans="1:4" ht="18" customHeight="1" x14ac:dyDescent="0.2">
      <c r="A23" s="31" t="s">
        <v>69</v>
      </c>
      <c r="B23" s="27">
        <v>91</v>
      </c>
      <c r="C23" s="28">
        <v>80</v>
      </c>
      <c r="D23" s="29">
        <v>171</v>
      </c>
    </row>
    <row r="24" spans="1:4" ht="18" customHeight="1" x14ac:dyDescent="0.2">
      <c r="A24" s="31">
        <v>15</v>
      </c>
      <c r="B24" s="27">
        <v>6</v>
      </c>
      <c r="C24" s="28">
        <v>4</v>
      </c>
      <c r="D24" s="29">
        <v>10</v>
      </c>
    </row>
    <row r="25" spans="1:4" ht="18" customHeight="1" x14ac:dyDescent="0.2">
      <c r="A25" s="31">
        <v>16</v>
      </c>
      <c r="B25" s="27">
        <v>14</v>
      </c>
      <c r="C25" s="28">
        <v>7</v>
      </c>
      <c r="D25" s="29">
        <v>21</v>
      </c>
    </row>
    <row r="26" spans="1:4" ht="18" customHeight="1" x14ac:dyDescent="0.2">
      <c r="A26" s="31">
        <v>17</v>
      </c>
      <c r="B26" s="27">
        <v>8</v>
      </c>
      <c r="C26" s="28">
        <v>4</v>
      </c>
      <c r="D26" s="29">
        <v>12</v>
      </c>
    </row>
    <row r="27" spans="1:4" ht="18" customHeight="1" x14ac:dyDescent="0.2">
      <c r="A27" s="31">
        <v>18</v>
      </c>
      <c r="B27" s="27">
        <v>8</v>
      </c>
      <c r="C27" s="28">
        <v>11</v>
      </c>
      <c r="D27" s="29">
        <v>19</v>
      </c>
    </row>
    <row r="28" spans="1:4" ht="18" customHeight="1" x14ac:dyDescent="0.2">
      <c r="A28" s="31">
        <v>19</v>
      </c>
      <c r="B28" s="27">
        <v>14</v>
      </c>
      <c r="C28" s="28">
        <v>7</v>
      </c>
      <c r="D28" s="29">
        <v>21</v>
      </c>
    </row>
    <row r="29" spans="1:4" ht="18" customHeight="1" x14ac:dyDescent="0.2">
      <c r="A29" s="31" t="s">
        <v>70</v>
      </c>
      <c r="B29" s="27">
        <v>50</v>
      </c>
      <c r="C29" s="28">
        <v>33</v>
      </c>
      <c r="D29" s="29">
        <v>83</v>
      </c>
    </row>
    <row r="30" spans="1:4" ht="18" customHeight="1" x14ac:dyDescent="0.2">
      <c r="A30" s="31">
        <v>20</v>
      </c>
      <c r="B30" s="27">
        <v>8</v>
      </c>
      <c r="C30" s="28">
        <v>7</v>
      </c>
      <c r="D30" s="29">
        <v>15</v>
      </c>
    </row>
    <row r="31" spans="1:4" ht="18" customHeight="1" x14ac:dyDescent="0.2">
      <c r="A31" s="31">
        <v>21</v>
      </c>
      <c r="B31" s="27">
        <v>9</v>
      </c>
      <c r="C31" s="28">
        <v>3</v>
      </c>
      <c r="D31" s="29">
        <v>12</v>
      </c>
    </row>
    <row r="32" spans="1:4" ht="18" customHeight="1" x14ac:dyDescent="0.2">
      <c r="A32" s="31">
        <v>22</v>
      </c>
      <c r="B32" s="27">
        <v>8</v>
      </c>
      <c r="C32" s="28">
        <v>4</v>
      </c>
      <c r="D32" s="29">
        <v>12</v>
      </c>
    </row>
    <row r="33" spans="1:4" ht="18" customHeight="1" x14ac:dyDescent="0.2">
      <c r="A33" s="31">
        <v>23</v>
      </c>
      <c r="B33" s="27">
        <v>5</v>
      </c>
      <c r="C33" s="28">
        <v>10</v>
      </c>
      <c r="D33" s="29">
        <v>15</v>
      </c>
    </row>
    <row r="34" spans="1:4" ht="18" customHeight="1" x14ac:dyDescent="0.2">
      <c r="A34" s="31">
        <v>24</v>
      </c>
      <c r="B34" s="27">
        <v>5</v>
      </c>
      <c r="C34" s="28">
        <v>7</v>
      </c>
      <c r="D34" s="29">
        <v>12</v>
      </c>
    </row>
    <row r="35" spans="1:4" ht="18" customHeight="1" x14ac:dyDescent="0.2">
      <c r="A35" s="31" t="s">
        <v>71</v>
      </c>
      <c r="B35" s="27">
        <v>35</v>
      </c>
      <c r="C35" s="28">
        <v>31</v>
      </c>
      <c r="D35" s="29">
        <v>66</v>
      </c>
    </row>
    <row r="36" spans="1:4" ht="18" customHeight="1" x14ac:dyDescent="0.2">
      <c r="A36" s="31">
        <v>25</v>
      </c>
      <c r="B36" s="27">
        <v>6</v>
      </c>
      <c r="C36" s="28">
        <v>9</v>
      </c>
      <c r="D36" s="29">
        <v>15</v>
      </c>
    </row>
    <row r="37" spans="1:4" ht="18" customHeight="1" x14ac:dyDescent="0.2">
      <c r="A37" s="31">
        <v>26</v>
      </c>
      <c r="B37" s="27">
        <v>10</v>
      </c>
      <c r="C37" s="28">
        <v>8</v>
      </c>
      <c r="D37" s="29">
        <v>18</v>
      </c>
    </row>
    <row r="38" spans="1:4" ht="18" customHeight="1" x14ac:dyDescent="0.2">
      <c r="A38" s="31">
        <v>27</v>
      </c>
      <c r="B38" s="27">
        <v>5</v>
      </c>
      <c r="C38" s="28">
        <v>5</v>
      </c>
      <c r="D38" s="29">
        <v>10</v>
      </c>
    </row>
    <row r="39" spans="1:4" ht="18" customHeight="1" x14ac:dyDescent="0.2">
      <c r="A39" s="31">
        <v>28</v>
      </c>
      <c r="B39" s="27">
        <v>11</v>
      </c>
      <c r="C39" s="28">
        <v>7</v>
      </c>
      <c r="D39" s="29">
        <v>18</v>
      </c>
    </row>
    <row r="40" spans="1:4" ht="18" customHeight="1" x14ac:dyDescent="0.2">
      <c r="A40" s="31">
        <v>29</v>
      </c>
      <c r="B40" s="27">
        <v>7</v>
      </c>
      <c r="C40" s="28">
        <v>11</v>
      </c>
      <c r="D40" s="29">
        <v>18</v>
      </c>
    </row>
    <row r="41" spans="1:4" ht="18" customHeight="1" x14ac:dyDescent="0.2">
      <c r="A41" s="31" t="s">
        <v>72</v>
      </c>
      <c r="B41" s="27">
        <v>39</v>
      </c>
      <c r="C41" s="28">
        <v>40</v>
      </c>
      <c r="D41" s="29">
        <v>79</v>
      </c>
    </row>
    <row r="42" spans="1:4" ht="18" customHeight="1" x14ac:dyDescent="0.2">
      <c r="A42" s="31">
        <v>30</v>
      </c>
      <c r="B42" s="27">
        <v>8</v>
      </c>
      <c r="C42" s="28">
        <v>9</v>
      </c>
      <c r="D42" s="29">
        <v>17</v>
      </c>
    </row>
    <row r="43" spans="1:4" ht="18" customHeight="1" x14ac:dyDescent="0.2">
      <c r="A43" s="31">
        <v>31</v>
      </c>
      <c r="B43" s="27">
        <v>21</v>
      </c>
      <c r="C43" s="28">
        <v>6</v>
      </c>
      <c r="D43" s="29">
        <v>27</v>
      </c>
    </row>
    <row r="44" spans="1:4" ht="18" customHeight="1" x14ac:dyDescent="0.2">
      <c r="A44" s="31">
        <v>32</v>
      </c>
      <c r="B44" s="27">
        <v>10</v>
      </c>
      <c r="C44" s="28">
        <v>8</v>
      </c>
      <c r="D44" s="29">
        <v>18</v>
      </c>
    </row>
    <row r="45" spans="1:4" ht="18" customHeight="1" x14ac:dyDescent="0.2">
      <c r="A45" s="31">
        <v>33</v>
      </c>
      <c r="B45" s="27">
        <v>6</v>
      </c>
      <c r="C45" s="28">
        <v>4</v>
      </c>
      <c r="D45" s="29">
        <v>10</v>
      </c>
    </row>
    <row r="46" spans="1:4" ht="18" customHeight="1" x14ac:dyDescent="0.2">
      <c r="A46" s="31">
        <v>34</v>
      </c>
      <c r="B46" s="27">
        <v>13</v>
      </c>
      <c r="C46" s="28">
        <v>6</v>
      </c>
      <c r="D46" s="29">
        <v>19</v>
      </c>
    </row>
    <row r="47" spans="1:4" ht="18" customHeight="1" x14ac:dyDescent="0.2">
      <c r="A47" s="31" t="s">
        <v>73</v>
      </c>
      <c r="B47" s="27">
        <v>58</v>
      </c>
      <c r="C47" s="28">
        <v>33</v>
      </c>
      <c r="D47" s="29">
        <v>91</v>
      </c>
    </row>
    <row r="48" spans="1:4" ht="18" customHeight="1" x14ac:dyDescent="0.2">
      <c r="A48" s="31">
        <v>35</v>
      </c>
      <c r="B48" s="27">
        <v>16</v>
      </c>
      <c r="C48" s="28">
        <v>8</v>
      </c>
      <c r="D48" s="29">
        <v>24</v>
      </c>
    </row>
    <row r="49" spans="1:4" ht="18" customHeight="1" x14ac:dyDescent="0.2">
      <c r="A49" s="31">
        <v>36</v>
      </c>
      <c r="B49" s="27">
        <v>9</v>
      </c>
      <c r="C49" s="28">
        <v>9</v>
      </c>
      <c r="D49" s="29">
        <v>18</v>
      </c>
    </row>
    <row r="50" spans="1:4" ht="18" customHeight="1" x14ac:dyDescent="0.2">
      <c r="A50" s="31">
        <v>37</v>
      </c>
      <c r="B50" s="27">
        <v>4</v>
      </c>
      <c r="C50" s="28">
        <v>4</v>
      </c>
      <c r="D50" s="29">
        <v>8</v>
      </c>
    </row>
    <row r="51" spans="1:4" ht="18" customHeight="1" x14ac:dyDescent="0.2">
      <c r="A51" s="31">
        <v>38</v>
      </c>
      <c r="B51" s="27">
        <v>7</v>
      </c>
      <c r="C51" s="28">
        <v>3</v>
      </c>
      <c r="D51" s="29">
        <v>10</v>
      </c>
    </row>
    <row r="52" spans="1:4" ht="18" customHeight="1" x14ac:dyDescent="0.2">
      <c r="A52" s="31">
        <v>39</v>
      </c>
      <c r="B52" s="27">
        <v>6</v>
      </c>
      <c r="C52" s="28">
        <v>8</v>
      </c>
      <c r="D52" s="29">
        <v>14</v>
      </c>
    </row>
    <row r="53" spans="1:4" ht="18" customHeight="1" x14ac:dyDescent="0.2">
      <c r="A53" s="31" t="s">
        <v>74</v>
      </c>
      <c r="B53" s="27">
        <v>42</v>
      </c>
      <c r="C53" s="28">
        <v>32</v>
      </c>
      <c r="D53" s="29">
        <v>74</v>
      </c>
    </row>
    <row r="54" spans="1:4" ht="18" customHeight="1" x14ac:dyDescent="0.2">
      <c r="A54" s="31">
        <v>40</v>
      </c>
      <c r="B54" s="27">
        <v>7</v>
      </c>
      <c r="C54" s="28">
        <v>6</v>
      </c>
      <c r="D54" s="29">
        <v>13</v>
      </c>
    </row>
    <row r="55" spans="1:4" ht="18" customHeight="1" x14ac:dyDescent="0.2">
      <c r="A55" s="31">
        <v>41</v>
      </c>
      <c r="B55" s="27">
        <v>7</v>
      </c>
      <c r="C55" s="28">
        <v>13</v>
      </c>
      <c r="D55" s="29">
        <v>20</v>
      </c>
    </row>
    <row r="56" spans="1:4" ht="18" customHeight="1" x14ac:dyDescent="0.2">
      <c r="A56" s="31">
        <v>42</v>
      </c>
      <c r="B56" s="27">
        <v>7</v>
      </c>
      <c r="C56" s="28">
        <v>10</v>
      </c>
      <c r="D56" s="29">
        <v>17</v>
      </c>
    </row>
    <row r="57" spans="1:4" ht="18" customHeight="1" x14ac:dyDescent="0.2">
      <c r="A57" s="31">
        <v>43</v>
      </c>
      <c r="B57" s="27">
        <v>9</v>
      </c>
      <c r="C57" s="28">
        <v>13</v>
      </c>
      <c r="D57" s="29">
        <v>22</v>
      </c>
    </row>
    <row r="58" spans="1:4" ht="18" customHeight="1" x14ac:dyDescent="0.2">
      <c r="A58" s="31">
        <v>44</v>
      </c>
      <c r="B58" s="27">
        <v>13</v>
      </c>
      <c r="C58" s="28">
        <v>11</v>
      </c>
      <c r="D58" s="29">
        <v>24</v>
      </c>
    </row>
    <row r="59" spans="1:4" ht="18" customHeight="1" x14ac:dyDescent="0.2">
      <c r="A59" s="31" t="s">
        <v>75</v>
      </c>
      <c r="B59" s="27">
        <v>43</v>
      </c>
      <c r="C59" s="28">
        <v>53</v>
      </c>
      <c r="D59" s="29">
        <v>96</v>
      </c>
    </row>
    <row r="60" spans="1:4" ht="18" customHeight="1" x14ac:dyDescent="0.2">
      <c r="A60" s="31">
        <v>45</v>
      </c>
      <c r="B60" s="27">
        <v>6</v>
      </c>
      <c r="C60" s="28">
        <v>7</v>
      </c>
      <c r="D60" s="29">
        <v>13</v>
      </c>
    </row>
    <row r="61" spans="1:4" ht="18" customHeight="1" x14ac:dyDescent="0.2">
      <c r="A61" s="31">
        <v>46</v>
      </c>
      <c r="B61" s="27">
        <v>7</v>
      </c>
      <c r="C61" s="28">
        <v>12</v>
      </c>
      <c r="D61" s="29">
        <v>19</v>
      </c>
    </row>
    <row r="62" spans="1:4" ht="18" customHeight="1" x14ac:dyDescent="0.2">
      <c r="A62" s="31">
        <v>47</v>
      </c>
      <c r="B62" s="27">
        <v>10</v>
      </c>
      <c r="C62" s="28">
        <v>10</v>
      </c>
      <c r="D62" s="29">
        <v>20</v>
      </c>
    </row>
    <row r="63" spans="1:4" ht="18" customHeight="1" x14ac:dyDescent="0.2">
      <c r="A63" s="31">
        <v>48</v>
      </c>
      <c r="B63" s="27">
        <v>9</v>
      </c>
      <c r="C63" s="28">
        <v>5</v>
      </c>
      <c r="D63" s="29">
        <v>14</v>
      </c>
    </row>
    <row r="64" spans="1:4" ht="18" customHeight="1" x14ac:dyDescent="0.2">
      <c r="A64" s="31">
        <v>49</v>
      </c>
      <c r="B64" s="27">
        <v>11</v>
      </c>
      <c r="C64" s="28">
        <v>6</v>
      </c>
      <c r="D64" s="29">
        <v>17</v>
      </c>
    </row>
    <row r="65" spans="1:4" ht="18" customHeight="1" x14ac:dyDescent="0.2">
      <c r="A65" s="31" t="s">
        <v>76</v>
      </c>
      <c r="B65" s="27">
        <v>43</v>
      </c>
      <c r="C65" s="28">
        <v>40</v>
      </c>
      <c r="D65" s="29">
        <v>83</v>
      </c>
    </row>
    <row r="66" spans="1:4" ht="18" customHeight="1" x14ac:dyDescent="0.2">
      <c r="A66" s="31">
        <v>50</v>
      </c>
      <c r="B66" s="27">
        <v>9</v>
      </c>
      <c r="C66" s="28">
        <v>8</v>
      </c>
      <c r="D66" s="29">
        <v>17</v>
      </c>
    </row>
    <row r="67" spans="1:4" ht="18" customHeight="1" x14ac:dyDescent="0.2">
      <c r="A67" s="31">
        <v>51</v>
      </c>
      <c r="B67" s="27">
        <v>9</v>
      </c>
      <c r="C67" s="28">
        <v>9</v>
      </c>
      <c r="D67" s="29">
        <v>18</v>
      </c>
    </row>
    <row r="68" spans="1:4" ht="18" customHeight="1" x14ac:dyDescent="0.2">
      <c r="A68" s="31">
        <v>52</v>
      </c>
      <c r="B68" s="27">
        <v>6</v>
      </c>
      <c r="C68" s="28">
        <v>8</v>
      </c>
      <c r="D68" s="29">
        <v>14</v>
      </c>
    </row>
    <row r="69" spans="1:4" ht="18" customHeight="1" x14ac:dyDescent="0.2">
      <c r="A69" s="31">
        <v>53</v>
      </c>
      <c r="B69" s="27">
        <v>6</v>
      </c>
      <c r="C69" s="28">
        <v>7</v>
      </c>
      <c r="D69" s="29">
        <v>13</v>
      </c>
    </row>
    <row r="70" spans="1:4" ht="18" customHeight="1" x14ac:dyDescent="0.2">
      <c r="A70" s="31">
        <v>54</v>
      </c>
      <c r="B70" s="27">
        <v>10</v>
      </c>
      <c r="C70" s="28">
        <v>10</v>
      </c>
      <c r="D70" s="29">
        <v>20</v>
      </c>
    </row>
    <row r="71" spans="1:4" ht="18" customHeight="1" x14ac:dyDescent="0.2">
      <c r="A71" s="31" t="s">
        <v>77</v>
      </c>
      <c r="B71" s="27">
        <v>40</v>
      </c>
      <c r="C71" s="28">
        <v>42</v>
      </c>
      <c r="D71" s="29">
        <v>82</v>
      </c>
    </row>
    <row r="72" spans="1:4" ht="18" customHeight="1" x14ac:dyDescent="0.2">
      <c r="A72" s="31">
        <v>55</v>
      </c>
      <c r="B72" s="27">
        <v>18</v>
      </c>
      <c r="C72" s="28">
        <v>13</v>
      </c>
      <c r="D72" s="29">
        <v>31</v>
      </c>
    </row>
    <row r="73" spans="1:4" ht="18" customHeight="1" x14ac:dyDescent="0.2">
      <c r="A73" s="31">
        <v>56</v>
      </c>
      <c r="B73" s="27">
        <v>13</v>
      </c>
      <c r="C73" s="28">
        <v>16</v>
      </c>
      <c r="D73" s="29">
        <v>29</v>
      </c>
    </row>
    <row r="74" spans="1:4" ht="18" customHeight="1" x14ac:dyDescent="0.2">
      <c r="A74" s="31">
        <v>57</v>
      </c>
      <c r="B74" s="27">
        <v>10</v>
      </c>
      <c r="C74" s="28">
        <v>19</v>
      </c>
      <c r="D74" s="29">
        <v>29</v>
      </c>
    </row>
    <row r="75" spans="1:4" ht="18" customHeight="1" x14ac:dyDescent="0.2">
      <c r="A75" s="31">
        <v>58</v>
      </c>
      <c r="B75" s="27">
        <v>13</v>
      </c>
      <c r="C75" s="28">
        <v>11</v>
      </c>
      <c r="D75" s="29">
        <v>24</v>
      </c>
    </row>
    <row r="76" spans="1:4" ht="18" customHeight="1" x14ac:dyDescent="0.2">
      <c r="A76" s="31">
        <v>59</v>
      </c>
      <c r="B76" s="27">
        <v>15</v>
      </c>
      <c r="C76" s="28">
        <v>16</v>
      </c>
      <c r="D76" s="29">
        <v>31</v>
      </c>
    </row>
    <row r="77" spans="1:4" ht="18" customHeight="1" x14ac:dyDescent="0.2">
      <c r="A77" s="31" t="s">
        <v>78</v>
      </c>
      <c r="B77" s="27">
        <v>69</v>
      </c>
      <c r="C77" s="28">
        <v>75</v>
      </c>
      <c r="D77" s="29">
        <v>144</v>
      </c>
    </row>
    <row r="78" spans="1:4" ht="18" customHeight="1" x14ac:dyDescent="0.2">
      <c r="A78" s="31">
        <v>60</v>
      </c>
      <c r="B78" s="27">
        <v>16</v>
      </c>
      <c r="C78" s="28">
        <v>15</v>
      </c>
      <c r="D78" s="29">
        <v>31</v>
      </c>
    </row>
    <row r="79" spans="1:4" ht="18" customHeight="1" x14ac:dyDescent="0.2">
      <c r="A79" s="31">
        <v>61</v>
      </c>
      <c r="B79" s="27">
        <v>31</v>
      </c>
      <c r="C79" s="28">
        <v>18</v>
      </c>
      <c r="D79" s="29">
        <v>49</v>
      </c>
    </row>
    <row r="80" spans="1:4" ht="18" customHeight="1" x14ac:dyDescent="0.2">
      <c r="A80" s="31">
        <v>62</v>
      </c>
      <c r="B80" s="27">
        <v>19</v>
      </c>
      <c r="C80" s="28">
        <v>11</v>
      </c>
      <c r="D80" s="29">
        <v>30</v>
      </c>
    </row>
    <row r="81" spans="1:4" ht="18" customHeight="1" x14ac:dyDescent="0.2">
      <c r="A81" s="31">
        <v>63</v>
      </c>
      <c r="B81" s="27">
        <v>11</v>
      </c>
      <c r="C81" s="28">
        <v>6</v>
      </c>
      <c r="D81" s="29">
        <v>17</v>
      </c>
    </row>
    <row r="82" spans="1:4" ht="18" customHeight="1" x14ac:dyDescent="0.2">
      <c r="A82" s="31">
        <v>64</v>
      </c>
      <c r="B82" s="27">
        <v>10</v>
      </c>
      <c r="C82" s="28">
        <v>5</v>
      </c>
      <c r="D82" s="29">
        <v>15</v>
      </c>
    </row>
    <row r="83" spans="1:4" ht="18" customHeight="1" x14ac:dyDescent="0.2">
      <c r="A83" s="31" t="s">
        <v>79</v>
      </c>
      <c r="B83" s="27">
        <v>87</v>
      </c>
      <c r="C83" s="28">
        <v>55</v>
      </c>
      <c r="D83" s="29">
        <v>142</v>
      </c>
    </row>
    <row r="84" spans="1:4" ht="18" customHeight="1" x14ac:dyDescent="0.2">
      <c r="A84" s="31" t="s">
        <v>80</v>
      </c>
      <c r="B84" s="27">
        <v>506</v>
      </c>
      <c r="C84" s="28">
        <v>434</v>
      </c>
      <c r="D84" s="29">
        <v>940</v>
      </c>
    </row>
    <row r="85" spans="1:4" ht="18" customHeight="1" x14ac:dyDescent="0.2">
      <c r="A85" s="31">
        <v>65</v>
      </c>
      <c r="B85" s="27">
        <v>10</v>
      </c>
      <c r="C85" s="28">
        <v>11</v>
      </c>
      <c r="D85" s="29">
        <v>21</v>
      </c>
    </row>
    <row r="86" spans="1:4" ht="18" customHeight="1" x14ac:dyDescent="0.2">
      <c r="A86" s="31">
        <v>66</v>
      </c>
      <c r="B86" s="27">
        <v>4</v>
      </c>
      <c r="C86" s="28">
        <v>8</v>
      </c>
      <c r="D86" s="29">
        <v>12</v>
      </c>
    </row>
    <row r="87" spans="1:4" ht="18" customHeight="1" x14ac:dyDescent="0.2">
      <c r="A87" s="31">
        <v>67</v>
      </c>
      <c r="B87" s="27">
        <v>12</v>
      </c>
      <c r="C87" s="28">
        <v>14</v>
      </c>
      <c r="D87" s="29">
        <v>26</v>
      </c>
    </row>
    <row r="88" spans="1:4" ht="18" customHeight="1" x14ac:dyDescent="0.2">
      <c r="A88" s="31">
        <v>68</v>
      </c>
      <c r="B88" s="27">
        <v>7</v>
      </c>
      <c r="C88" s="28">
        <v>9</v>
      </c>
      <c r="D88" s="29">
        <v>16</v>
      </c>
    </row>
    <row r="89" spans="1:4" ht="18" customHeight="1" x14ac:dyDescent="0.2">
      <c r="A89" s="31">
        <v>69</v>
      </c>
      <c r="B89" s="27">
        <v>7</v>
      </c>
      <c r="C89" s="28">
        <v>8</v>
      </c>
      <c r="D89" s="29">
        <v>15</v>
      </c>
    </row>
    <row r="90" spans="1:4" ht="18" customHeight="1" x14ac:dyDescent="0.2">
      <c r="A90" s="31" t="s">
        <v>81</v>
      </c>
      <c r="B90" s="27">
        <v>40</v>
      </c>
      <c r="C90" s="28">
        <v>50</v>
      </c>
      <c r="D90" s="29">
        <v>90</v>
      </c>
    </row>
    <row r="91" spans="1:4" ht="18" customHeight="1" x14ac:dyDescent="0.2">
      <c r="A91" s="31">
        <v>70</v>
      </c>
      <c r="B91" s="27">
        <v>11</v>
      </c>
      <c r="C91" s="28">
        <v>10</v>
      </c>
      <c r="D91" s="29">
        <v>21</v>
      </c>
    </row>
    <row r="92" spans="1:4" ht="18" customHeight="1" x14ac:dyDescent="0.2">
      <c r="A92" s="31">
        <v>71</v>
      </c>
      <c r="B92" s="27">
        <v>8</v>
      </c>
      <c r="C92" s="28">
        <v>12</v>
      </c>
      <c r="D92" s="29">
        <v>20</v>
      </c>
    </row>
    <row r="93" spans="1:4" ht="18" customHeight="1" x14ac:dyDescent="0.2">
      <c r="A93" s="31">
        <v>72</v>
      </c>
      <c r="B93" s="27">
        <v>14</v>
      </c>
      <c r="C93" s="28">
        <v>14</v>
      </c>
      <c r="D93" s="29">
        <v>28</v>
      </c>
    </row>
    <row r="94" spans="1:4" ht="18" customHeight="1" x14ac:dyDescent="0.2">
      <c r="A94" s="31">
        <v>73</v>
      </c>
      <c r="B94" s="27">
        <v>14</v>
      </c>
      <c r="C94" s="28">
        <v>18</v>
      </c>
      <c r="D94" s="29">
        <v>32</v>
      </c>
    </row>
    <row r="95" spans="1:4" ht="18" customHeight="1" x14ac:dyDescent="0.2">
      <c r="A95" s="31">
        <v>74</v>
      </c>
      <c r="B95" s="27">
        <v>8</v>
      </c>
      <c r="C95" s="28">
        <v>9</v>
      </c>
      <c r="D95" s="29">
        <v>17</v>
      </c>
    </row>
    <row r="96" spans="1:4" ht="18" customHeight="1" x14ac:dyDescent="0.2">
      <c r="A96" s="31" t="s">
        <v>82</v>
      </c>
      <c r="B96" s="27">
        <v>55</v>
      </c>
      <c r="C96" s="28">
        <v>63</v>
      </c>
      <c r="D96" s="29">
        <v>118</v>
      </c>
    </row>
    <row r="97" spans="1:4" ht="18" customHeight="1" x14ac:dyDescent="0.2">
      <c r="A97" s="31">
        <v>75</v>
      </c>
      <c r="B97" s="27">
        <v>12</v>
      </c>
      <c r="C97" s="28">
        <v>10</v>
      </c>
      <c r="D97" s="29">
        <v>22</v>
      </c>
    </row>
    <row r="98" spans="1:4" ht="18" customHeight="1" x14ac:dyDescent="0.2">
      <c r="A98" s="31">
        <v>76</v>
      </c>
      <c r="B98" s="27">
        <v>8</v>
      </c>
      <c r="C98" s="28">
        <v>15</v>
      </c>
      <c r="D98" s="29">
        <v>23</v>
      </c>
    </row>
    <row r="99" spans="1:4" ht="18" customHeight="1" x14ac:dyDescent="0.2">
      <c r="A99" s="31">
        <v>77</v>
      </c>
      <c r="B99" s="27">
        <v>7</v>
      </c>
      <c r="C99" s="28">
        <v>7</v>
      </c>
      <c r="D99" s="29">
        <v>14</v>
      </c>
    </row>
    <row r="100" spans="1:4" ht="18" customHeight="1" x14ac:dyDescent="0.2">
      <c r="A100" s="31">
        <v>78</v>
      </c>
      <c r="B100" s="27">
        <v>11</v>
      </c>
      <c r="C100" s="28">
        <v>9</v>
      </c>
      <c r="D100" s="29">
        <v>20</v>
      </c>
    </row>
    <row r="101" spans="1:4" ht="18" customHeight="1" x14ac:dyDescent="0.2">
      <c r="A101" s="31">
        <v>79</v>
      </c>
      <c r="B101" s="27">
        <v>6</v>
      </c>
      <c r="C101" s="28">
        <v>11</v>
      </c>
      <c r="D101" s="29">
        <v>17</v>
      </c>
    </row>
    <row r="102" spans="1:4" ht="18" customHeight="1" x14ac:dyDescent="0.2">
      <c r="A102" s="31" t="s">
        <v>83</v>
      </c>
      <c r="B102" s="27">
        <v>44</v>
      </c>
      <c r="C102" s="28">
        <v>52</v>
      </c>
      <c r="D102" s="29">
        <v>96</v>
      </c>
    </row>
    <row r="103" spans="1:4" ht="18" customHeight="1" x14ac:dyDescent="0.2">
      <c r="A103" s="31">
        <v>80</v>
      </c>
      <c r="B103" s="27">
        <v>13</v>
      </c>
      <c r="C103" s="28">
        <v>12</v>
      </c>
      <c r="D103" s="29">
        <v>25</v>
      </c>
    </row>
    <row r="104" spans="1:4" ht="18" customHeight="1" x14ac:dyDescent="0.2">
      <c r="A104" s="31">
        <v>81</v>
      </c>
      <c r="B104" s="27">
        <v>8</v>
      </c>
      <c r="C104" s="28">
        <v>16</v>
      </c>
      <c r="D104" s="29">
        <v>24</v>
      </c>
    </row>
    <row r="105" spans="1:4" ht="18" customHeight="1" x14ac:dyDescent="0.2">
      <c r="A105" s="31">
        <v>82</v>
      </c>
      <c r="B105" s="27">
        <v>7</v>
      </c>
      <c r="C105" s="28">
        <v>11</v>
      </c>
      <c r="D105" s="29">
        <v>18</v>
      </c>
    </row>
    <row r="106" spans="1:4" ht="18" customHeight="1" x14ac:dyDescent="0.2">
      <c r="A106" s="31">
        <v>83</v>
      </c>
      <c r="B106" s="27">
        <v>10</v>
      </c>
      <c r="C106" s="28">
        <v>18</v>
      </c>
      <c r="D106" s="29">
        <v>28</v>
      </c>
    </row>
    <row r="107" spans="1:4" ht="18" customHeight="1" x14ac:dyDescent="0.2">
      <c r="A107" s="31">
        <v>84</v>
      </c>
      <c r="B107" s="27">
        <v>6</v>
      </c>
      <c r="C107" s="28">
        <v>8</v>
      </c>
      <c r="D107" s="29">
        <v>14</v>
      </c>
    </row>
    <row r="108" spans="1:4" ht="18" customHeight="1" x14ac:dyDescent="0.2">
      <c r="A108" s="31" t="s">
        <v>84</v>
      </c>
      <c r="B108" s="27">
        <v>44</v>
      </c>
      <c r="C108" s="28">
        <v>65</v>
      </c>
      <c r="D108" s="29">
        <v>109</v>
      </c>
    </row>
    <row r="109" spans="1:4" ht="18" customHeight="1" x14ac:dyDescent="0.2">
      <c r="A109" s="31">
        <v>85</v>
      </c>
      <c r="B109" s="27">
        <v>2</v>
      </c>
      <c r="C109" s="28">
        <v>4</v>
      </c>
      <c r="D109" s="29">
        <v>6</v>
      </c>
    </row>
    <row r="110" spans="1:4" ht="18" customHeight="1" x14ac:dyDescent="0.2">
      <c r="A110" s="31">
        <v>86</v>
      </c>
      <c r="B110" s="27">
        <v>6</v>
      </c>
      <c r="C110" s="28">
        <v>11</v>
      </c>
      <c r="D110" s="29">
        <v>17</v>
      </c>
    </row>
    <row r="111" spans="1:4" ht="18" customHeight="1" x14ac:dyDescent="0.2">
      <c r="A111" s="31">
        <v>87</v>
      </c>
      <c r="B111" s="27">
        <v>5</v>
      </c>
      <c r="C111" s="28">
        <v>4</v>
      </c>
      <c r="D111" s="29">
        <v>9</v>
      </c>
    </row>
    <row r="112" spans="1:4" ht="18" customHeight="1" x14ac:dyDescent="0.2">
      <c r="A112" s="31">
        <v>88</v>
      </c>
      <c r="B112" s="27">
        <v>2</v>
      </c>
      <c r="C112" s="28">
        <v>9</v>
      </c>
      <c r="D112" s="29">
        <v>11</v>
      </c>
    </row>
    <row r="113" spans="1:4" ht="18" customHeight="1" x14ac:dyDescent="0.2">
      <c r="A113" s="31">
        <v>89</v>
      </c>
      <c r="B113" s="27">
        <v>3</v>
      </c>
      <c r="C113" s="28">
        <v>3</v>
      </c>
      <c r="D113" s="29">
        <v>6</v>
      </c>
    </row>
    <row r="114" spans="1:4" ht="18" customHeight="1" x14ac:dyDescent="0.2">
      <c r="A114" s="31" t="s">
        <v>85</v>
      </c>
      <c r="B114" s="27">
        <v>18</v>
      </c>
      <c r="C114" s="28">
        <v>31</v>
      </c>
      <c r="D114" s="29">
        <v>49</v>
      </c>
    </row>
    <row r="115" spans="1:4" ht="18" customHeight="1" x14ac:dyDescent="0.2">
      <c r="A115" s="31">
        <v>90</v>
      </c>
      <c r="B115" s="27">
        <v>1</v>
      </c>
      <c r="C115" s="28">
        <v>4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2</v>
      </c>
      <c r="C118" s="28">
        <v>6</v>
      </c>
      <c r="D118" s="29">
        <v>8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86</v>
      </c>
      <c r="B120" s="27">
        <v>5</v>
      </c>
      <c r="C120" s="28">
        <v>14</v>
      </c>
      <c r="D120" s="29">
        <v>19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06</v>
      </c>
      <c r="C130" s="5">
        <v>278</v>
      </c>
      <c r="D130" s="6">
        <v>484</v>
      </c>
    </row>
    <row r="131" spans="1:4" ht="18" customHeight="1" x14ac:dyDescent="0.2">
      <c r="A131" s="33" t="s">
        <v>65</v>
      </c>
      <c r="B131" s="7">
        <v>803</v>
      </c>
      <c r="C131" s="8">
        <v>792</v>
      </c>
      <c r="D131" s="9">
        <v>159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7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8</v>
      </c>
      <c r="C5" s="12">
        <v>15</v>
      </c>
      <c r="D5" s="13">
        <v>33</v>
      </c>
    </row>
    <row r="6" spans="1:4" ht="18" customHeight="1" x14ac:dyDescent="0.2">
      <c r="A6" s="14">
        <v>1</v>
      </c>
      <c r="B6" s="15">
        <v>12</v>
      </c>
      <c r="C6" s="16">
        <v>9</v>
      </c>
      <c r="D6" s="17">
        <v>21</v>
      </c>
    </row>
    <row r="7" spans="1:4" ht="18" customHeight="1" x14ac:dyDescent="0.2">
      <c r="A7" s="14">
        <v>2</v>
      </c>
      <c r="B7" s="15">
        <v>16</v>
      </c>
      <c r="C7" s="16">
        <v>13</v>
      </c>
      <c r="D7" s="17">
        <v>29</v>
      </c>
    </row>
    <row r="8" spans="1:4" ht="18" customHeight="1" x14ac:dyDescent="0.2">
      <c r="A8" s="14">
        <v>3</v>
      </c>
      <c r="B8" s="15">
        <v>12</v>
      </c>
      <c r="C8" s="16">
        <v>8</v>
      </c>
      <c r="D8" s="17">
        <v>20</v>
      </c>
    </row>
    <row r="9" spans="1:4" ht="18" customHeight="1" x14ac:dyDescent="0.2">
      <c r="A9" s="14">
        <v>4</v>
      </c>
      <c r="B9" s="15">
        <v>9</v>
      </c>
      <c r="C9" s="16">
        <v>11</v>
      </c>
      <c r="D9" s="17">
        <v>20</v>
      </c>
    </row>
    <row r="10" spans="1:4" ht="18" customHeight="1" x14ac:dyDescent="0.2">
      <c r="A10" s="18" t="s">
        <v>66</v>
      </c>
      <c r="B10" s="15">
        <v>67</v>
      </c>
      <c r="C10" s="16">
        <v>56</v>
      </c>
      <c r="D10" s="17">
        <v>123</v>
      </c>
    </row>
    <row r="11" spans="1:4" ht="18" customHeight="1" x14ac:dyDescent="0.2">
      <c r="A11" s="14">
        <v>5</v>
      </c>
      <c r="B11" s="15">
        <v>18</v>
      </c>
      <c r="C11" s="16">
        <v>12</v>
      </c>
      <c r="D11" s="17">
        <v>30</v>
      </c>
    </row>
    <row r="12" spans="1:4" ht="18" customHeight="1" x14ac:dyDescent="0.2">
      <c r="A12" s="14">
        <v>6</v>
      </c>
      <c r="B12" s="15">
        <v>14</v>
      </c>
      <c r="C12" s="16">
        <v>10</v>
      </c>
      <c r="D12" s="17">
        <v>24</v>
      </c>
    </row>
    <row r="13" spans="1:4" ht="18" customHeight="1" x14ac:dyDescent="0.2">
      <c r="A13" s="14">
        <v>7</v>
      </c>
      <c r="B13" s="15">
        <v>15</v>
      </c>
      <c r="C13" s="16">
        <v>12</v>
      </c>
      <c r="D13" s="17">
        <v>27</v>
      </c>
    </row>
    <row r="14" spans="1:4" ht="18" customHeight="1" x14ac:dyDescent="0.2">
      <c r="A14" s="14">
        <v>8</v>
      </c>
      <c r="B14" s="15">
        <v>17</v>
      </c>
      <c r="C14" s="16">
        <v>17</v>
      </c>
      <c r="D14" s="17">
        <v>34</v>
      </c>
    </row>
    <row r="15" spans="1:4" ht="18" customHeight="1" x14ac:dyDescent="0.2">
      <c r="A15" s="14">
        <v>9</v>
      </c>
      <c r="B15" s="15">
        <v>16</v>
      </c>
      <c r="C15" s="16">
        <v>6</v>
      </c>
      <c r="D15" s="17">
        <v>22</v>
      </c>
    </row>
    <row r="16" spans="1:4" ht="18" customHeight="1" x14ac:dyDescent="0.2">
      <c r="A16" s="18" t="s">
        <v>67</v>
      </c>
      <c r="B16" s="15">
        <v>80</v>
      </c>
      <c r="C16" s="16">
        <v>57</v>
      </c>
      <c r="D16" s="17">
        <v>137</v>
      </c>
    </row>
    <row r="17" spans="1:4" ht="18" customHeight="1" x14ac:dyDescent="0.2">
      <c r="A17" s="14">
        <v>10</v>
      </c>
      <c r="B17" s="15">
        <v>19</v>
      </c>
      <c r="C17" s="16">
        <v>14</v>
      </c>
      <c r="D17" s="17">
        <v>33</v>
      </c>
    </row>
    <row r="18" spans="1:4" ht="18" customHeight="1" x14ac:dyDescent="0.2">
      <c r="A18" s="14">
        <v>11</v>
      </c>
      <c r="B18" s="15">
        <v>11</v>
      </c>
      <c r="C18" s="16">
        <v>19</v>
      </c>
      <c r="D18" s="17">
        <v>30</v>
      </c>
    </row>
    <row r="19" spans="1:4" ht="18" customHeight="1" x14ac:dyDescent="0.2">
      <c r="A19" s="14">
        <v>12</v>
      </c>
      <c r="B19" s="15">
        <v>18</v>
      </c>
      <c r="C19" s="16">
        <v>16</v>
      </c>
      <c r="D19" s="17">
        <v>34</v>
      </c>
    </row>
    <row r="20" spans="1:4" ht="18" customHeight="1" x14ac:dyDescent="0.2">
      <c r="A20" s="14">
        <v>13</v>
      </c>
      <c r="B20" s="15">
        <v>13</v>
      </c>
      <c r="C20" s="16">
        <v>14</v>
      </c>
      <c r="D20" s="17">
        <v>27</v>
      </c>
    </row>
    <row r="21" spans="1:4" ht="18" customHeight="1" x14ac:dyDescent="0.2">
      <c r="A21" s="14">
        <v>14</v>
      </c>
      <c r="B21" s="15">
        <v>19</v>
      </c>
      <c r="C21" s="16">
        <v>18</v>
      </c>
      <c r="D21" s="17">
        <v>37</v>
      </c>
    </row>
    <row r="22" spans="1:4" ht="18" customHeight="1" x14ac:dyDescent="0.2">
      <c r="A22" s="18" t="s">
        <v>68</v>
      </c>
      <c r="B22" s="15">
        <v>80</v>
      </c>
      <c r="C22" s="16">
        <v>81</v>
      </c>
      <c r="D22" s="17">
        <v>161</v>
      </c>
    </row>
    <row r="23" spans="1:4" ht="18" customHeight="1" x14ac:dyDescent="0.2">
      <c r="A23" s="18" t="s">
        <v>69</v>
      </c>
      <c r="B23" s="15">
        <v>227</v>
      </c>
      <c r="C23" s="16">
        <v>194</v>
      </c>
      <c r="D23" s="17">
        <v>421</v>
      </c>
    </row>
    <row r="24" spans="1:4" ht="18" customHeight="1" x14ac:dyDescent="0.2">
      <c r="A24" s="14">
        <v>15</v>
      </c>
      <c r="B24" s="15">
        <v>21</v>
      </c>
      <c r="C24" s="16">
        <v>12</v>
      </c>
      <c r="D24" s="17">
        <v>33</v>
      </c>
    </row>
    <row r="25" spans="1:4" ht="18" customHeight="1" x14ac:dyDescent="0.2">
      <c r="A25" s="14">
        <v>16</v>
      </c>
      <c r="B25" s="15">
        <v>24</v>
      </c>
      <c r="C25" s="16">
        <v>18</v>
      </c>
      <c r="D25" s="17">
        <v>42</v>
      </c>
    </row>
    <row r="26" spans="1:4" ht="18" customHeight="1" x14ac:dyDescent="0.2">
      <c r="A26" s="14">
        <v>17</v>
      </c>
      <c r="B26" s="15">
        <v>14</v>
      </c>
      <c r="C26" s="16">
        <v>19</v>
      </c>
      <c r="D26" s="17">
        <v>33</v>
      </c>
    </row>
    <row r="27" spans="1:4" ht="18" customHeight="1" x14ac:dyDescent="0.2">
      <c r="A27" s="14">
        <v>18</v>
      </c>
      <c r="B27" s="15">
        <v>21</v>
      </c>
      <c r="C27" s="16">
        <v>16</v>
      </c>
      <c r="D27" s="17">
        <v>37</v>
      </c>
    </row>
    <row r="28" spans="1:4" ht="18" customHeight="1" x14ac:dyDescent="0.2">
      <c r="A28" s="14">
        <v>19</v>
      </c>
      <c r="B28" s="15">
        <v>16</v>
      </c>
      <c r="C28" s="16">
        <v>14</v>
      </c>
      <c r="D28" s="17">
        <v>30</v>
      </c>
    </row>
    <row r="29" spans="1:4" ht="18" customHeight="1" x14ac:dyDescent="0.2">
      <c r="A29" s="18" t="s">
        <v>70</v>
      </c>
      <c r="B29" s="15">
        <v>96</v>
      </c>
      <c r="C29" s="16">
        <v>79</v>
      </c>
      <c r="D29" s="17">
        <v>175</v>
      </c>
    </row>
    <row r="30" spans="1:4" ht="18" customHeight="1" x14ac:dyDescent="0.2">
      <c r="A30" s="14">
        <v>20</v>
      </c>
      <c r="B30" s="15">
        <v>22</v>
      </c>
      <c r="C30" s="16">
        <v>18</v>
      </c>
      <c r="D30" s="17">
        <v>40</v>
      </c>
    </row>
    <row r="31" spans="1:4" ht="18" customHeight="1" x14ac:dyDescent="0.2">
      <c r="A31" s="14">
        <v>21</v>
      </c>
      <c r="B31" s="15">
        <v>15</v>
      </c>
      <c r="C31" s="16">
        <v>26</v>
      </c>
      <c r="D31" s="17">
        <v>41</v>
      </c>
    </row>
    <row r="32" spans="1:4" ht="18" customHeight="1" x14ac:dyDescent="0.2">
      <c r="A32" s="14">
        <v>22</v>
      </c>
      <c r="B32" s="15">
        <v>17</v>
      </c>
      <c r="C32" s="16">
        <v>12</v>
      </c>
      <c r="D32" s="17">
        <v>29</v>
      </c>
    </row>
    <row r="33" spans="1:4" ht="18" customHeight="1" x14ac:dyDescent="0.2">
      <c r="A33" s="14">
        <v>23</v>
      </c>
      <c r="B33" s="15">
        <v>26</v>
      </c>
      <c r="C33" s="16">
        <v>11</v>
      </c>
      <c r="D33" s="17">
        <v>37</v>
      </c>
    </row>
    <row r="34" spans="1:4" ht="18" customHeight="1" x14ac:dyDescent="0.2">
      <c r="A34" s="14">
        <v>24</v>
      </c>
      <c r="B34" s="15">
        <v>18</v>
      </c>
      <c r="C34" s="16">
        <v>14</v>
      </c>
      <c r="D34" s="17">
        <v>32</v>
      </c>
    </row>
    <row r="35" spans="1:4" ht="18" customHeight="1" x14ac:dyDescent="0.2">
      <c r="A35" s="18" t="s">
        <v>71</v>
      </c>
      <c r="B35" s="15">
        <v>98</v>
      </c>
      <c r="C35" s="16">
        <v>81</v>
      </c>
      <c r="D35" s="17">
        <v>179</v>
      </c>
    </row>
    <row r="36" spans="1:4" ht="18" customHeight="1" x14ac:dyDescent="0.2">
      <c r="A36" s="14">
        <v>25</v>
      </c>
      <c r="B36" s="15">
        <v>20</v>
      </c>
      <c r="C36" s="16">
        <v>29</v>
      </c>
      <c r="D36" s="17">
        <v>49</v>
      </c>
    </row>
    <row r="37" spans="1:4" ht="18" customHeight="1" x14ac:dyDescent="0.2">
      <c r="A37" s="14">
        <v>26</v>
      </c>
      <c r="B37" s="15">
        <v>20</v>
      </c>
      <c r="C37" s="16">
        <v>19</v>
      </c>
      <c r="D37" s="17">
        <v>39</v>
      </c>
    </row>
    <row r="38" spans="1:4" ht="18" customHeight="1" x14ac:dyDescent="0.2">
      <c r="A38" s="14">
        <v>27</v>
      </c>
      <c r="B38" s="15">
        <v>27</v>
      </c>
      <c r="C38" s="16">
        <v>19</v>
      </c>
      <c r="D38" s="17">
        <v>46</v>
      </c>
    </row>
    <row r="39" spans="1:4" ht="18" customHeight="1" x14ac:dyDescent="0.2">
      <c r="A39" s="14">
        <v>28</v>
      </c>
      <c r="B39" s="15">
        <v>16</v>
      </c>
      <c r="C39" s="16">
        <v>16</v>
      </c>
      <c r="D39" s="17">
        <v>32</v>
      </c>
    </row>
    <row r="40" spans="1:4" ht="18" customHeight="1" x14ac:dyDescent="0.2">
      <c r="A40" s="14">
        <v>29</v>
      </c>
      <c r="B40" s="15">
        <v>24</v>
      </c>
      <c r="C40" s="16">
        <v>18</v>
      </c>
      <c r="D40" s="17">
        <v>42</v>
      </c>
    </row>
    <row r="41" spans="1:4" ht="18" customHeight="1" x14ac:dyDescent="0.2">
      <c r="A41" s="18" t="s">
        <v>72</v>
      </c>
      <c r="B41" s="15">
        <v>107</v>
      </c>
      <c r="C41" s="16">
        <v>101</v>
      </c>
      <c r="D41" s="17">
        <v>208</v>
      </c>
    </row>
    <row r="42" spans="1:4" ht="18" customHeight="1" x14ac:dyDescent="0.2">
      <c r="A42" s="14">
        <v>30</v>
      </c>
      <c r="B42" s="15">
        <v>22</v>
      </c>
      <c r="C42" s="16">
        <v>27</v>
      </c>
      <c r="D42" s="17">
        <v>49</v>
      </c>
    </row>
    <row r="43" spans="1:4" ht="18" customHeight="1" x14ac:dyDescent="0.2">
      <c r="A43" s="14">
        <v>31</v>
      </c>
      <c r="B43" s="15">
        <v>33</v>
      </c>
      <c r="C43" s="16">
        <v>19</v>
      </c>
      <c r="D43" s="17">
        <v>52</v>
      </c>
    </row>
    <row r="44" spans="1:4" ht="18" customHeight="1" x14ac:dyDescent="0.2">
      <c r="A44" s="14">
        <v>32</v>
      </c>
      <c r="B44" s="15">
        <v>17</v>
      </c>
      <c r="C44" s="16">
        <v>25</v>
      </c>
      <c r="D44" s="17">
        <v>42</v>
      </c>
    </row>
    <row r="45" spans="1:4" ht="18" customHeight="1" x14ac:dyDescent="0.2">
      <c r="A45" s="14">
        <v>33</v>
      </c>
      <c r="B45" s="15">
        <v>27</v>
      </c>
      <c r="C45" s="16">
        <v>26</v>
      </c>
      <c r="D45" s="17">
        <v>53</v>
      </c>
    </row>
    <row r="46" spans="1:4" ht="18" customHeight="1" x14ac:dyDescent="0.2">
      <c r="A46" s="14">
        <v>34</v>
      </c>
      <c r="B46" s="15">
        <v>29</v>
      </c>
      <c r="C46" s="16">
        <v>23</v>
      </c>
      <c r="D46" s="17">
        <v>52</v>
      </c>
    </row>
    <row r="47" spans="1:4" ht="18" customHeight="1" x14ac:dyDescent="0.2">
      <c r="A47" s="18" t="s">
        <v>73</v>
      </c>
      <c r="B47" s="15">
        <v>128</v>
      </c>
      <c r="C47" s="16">
        <v>120</v>
      </c>
      <c r="D47" s="17">
        <v>248</v>
      </c>
    </row>
    <row r="48" spans="1:4" ht="18" customHeight="1" x14ac:dyDescent="0.2">
      <c r="A48" s="14">
        <v>35</v>
      </c>
      <c r="B48" s="15">
        <v>30</v>
      </c>
      <c r="C48" s="16">
        <v>39</v>
      </c>
      <c r="D48" s="17">
        <v>69</v>
      </c>
    </row>
    <row r="49" spans="1:4" ht="18" customHeight="1" x14ac:dyDescent="0.2">
      <c r="A49" s="14">
        <v>36</v>
      </c>
      <c r="B49" s="15">
        <v>29</v>
      </c>
      <c r="C49" s="16">
        <v>25</v>
      </c>
      <c r="D49" s="17">
        <v>54</v>
      </c>
    </row>
    <row r="50" spans="1:4" ht="18" customHeight="1" x14ac:dyDescent="0.2">
      <c r="A50" s="14">
        <v>37</v>
      </c>
      <c r="B50" s="15">
        <v>26</v>
      </c>
      <c r="C50" s="16">
        <v>26</v>
      </c>
      <c r="D50" s="17">
        <v>52</v>
      </c>
    </row>
    <row r="51" spans="1:4" ht="18" customHeight="1" x14ac:dyDescent="0.2">
      <c r="A51" s="14">
        <v>38</v>
      </c>
      <c r="B51" s="15">
        <v>18</v>
      </c>
      <c r="C51" s="16">
        <v>32</v>
      </c>
      <c r="D51" s="17">
        <v>50</v>
      </c>
    </row>
    <row r="52" spans="1:4" ht="18" customHeight="1" x14ac:dyDescent="0.2">
      <c r="A52" s="14">
        <v>39</v>
      </c>
      <c r="B52" s="15">
        <v>23</v>
      </c>
      <c r="C52" s="16">
        <v>25</v>
      </c>
      <c r="D52" s="17">
        <v>48</v>
      </c>
    </row>
    <row r="53" spans="1:4" ht="18" customHeight="1" x14ac:dyDescent="0.2">
      <c r="A53" s="18" t="s">
        <v>74</v>
      </c>
      <c r="B53" s="15">
        <v>126</v>
      </c>
      <c r="C53" s="16">
        <v>147</v>
      </c>
      <c r="D53" s="17">
        <v>273</v>
      </c>
    </row>
    <row r="54" spans="1:4" ht="18" customHeight="1" x14ac:dyDescent="0.2">
      <c r="A54" s="14">
        <v>40</v>
      </c>
      <c r="B54" s="15">
        <v>22</v>
      </c>
      <c r="C54" s="16">
        <v>23</v>
      </c>
      <c r="D54" s="17">
        <v>45</v>
      </c>
    </row>
    <row r="55" spans="1:4" ht="18" customHeight="1" x14ac:dyDescent="0.2">
      <c r="A55" s="14">
        <v>41</v>
      </c>
      <c r="B55" s="15">
        <v>31</v>
      </c>
      <c r="C55" s="16">
        <v>26</v>
      </c>
      <c r="D55" s="17">
        <v>57</v>
      </c>
    </row>
    <row r="56" spans="1:4" ht="18" customHeight="1" x14ac:dyDescent="0.2">
      <c r="A56" s="14">
        <v>42</v>
      </c>
      <c r="B56" s="15">
        <v>34</v>
      </c>
      <c r="C56" s="16">
        <v>22</v>
      </c>
      <c r="D56" s="17">
        <v>56</v>
      </c>
    </row>
    <row r="57" spans="1:4" ht="18" customHeight="1" x14ac:dyDescent="0.2">
      <c r="A57" s="14">
        <v>43</v>
      </c>
      <c r="B57" s="15">
        <v>21</v>
      </c>
      <c r="C57" s="16">
        <v>21</v>
      </c>
      <c r="D57" s="17">
        <v>42</v>
      </c>
    </row>
    <row r="58" spans="1:4" ht="18" customHeight="1" x14ac:dyDescent="0.2">
      <c r="A58" s="14">
        <v>44</v>
      </c>
      <c r="B58" s="15">
        <v>27</v>
      </c>
      <c r="C58" s="16">
        <v>31</v>
      </c>
      <c r="D58" s="17">
        <v>58</v>
      </c>
    </row>
    <row r="59" spans="1:4" ht="18" customHeight="1" x14ac:dyDescent="0.2">
      <c r="A59" s="18" t="s">
        <v>75</v>
      </c>
      <c r="B59" s="15">
        <v>135</v>
      </c>
      <c r="C59" s="16">
        <v>123</v>
      </c>
      <c r="D59" s="17">
        <v>258</v>
      </c>
    </row>
    <row r="60" spans="1:4" ht="18" customHeight="1" x14ac:dyDescent="0.2">
      <c r="A60" s="14">
        <v>45</v>
      </c>
      <c r="B60" s="15">
        <v>31</v>
      </c>
      <c r="C60" s="16">
        <v>26</v>
      </c>
      <c r="D60" s="17">
        <v>57</v>
      </c>
    </row>
    <row r="61" spans="1:4" ht="18" customHeight="1" x14ac:dyDescent="0.2">
      <c r="A61" s="14">
        <v>46</v>
      </c>
      <c r="B61" s="15">
        <v>34</v>
      </c>
      <c r="C61" s="16">
        <v>17</v>
      </c>
      <c r="D61" s="17">
        <v>51</v>
      </c>
    </row>
    <row r="62" spans="1:4" ht="18" customHeight="1" x14ac:dyDescent="0.2">
      <c r="A62" s="14">
        <v>47</v>
      </c>
      <c r="B62" s="15">
        <v>21</v>
      </c>
      <c r="C62" s="16">
        <v>15</v>
      </c>
      <c r="D62" s="17">
        <v>36</v>
      </c>
    </row>
    <row r="63" spans="1:4" ht="18" customHeight="1" x14ac:dyDescent="0.2">
      <c r="A63" s="14">
        <v>48</v>
      </c>
      <c r="B63" s="15">
        <v>21</v>
      </c>
      <c r="C63" s="16">
        <v>35</v>
      </c>
      <c r="D63" s="17">
        <v>56</v>
      </c>
    </row>
    <row r="64" spans="1:4" ht="18" customHeight="1" x14ac:dyDescent="0.2">
      <c r="A64" s="14">
        <v>49</v>
      </c>
      <c r="B64" s="15">
        <v>35</v>
      </c>
      <c r="C64" s="16">
        <v>27</v>
      </c>
      <c r="D64" s="17">
        <v>62</v>
      </c>
    </row>
    <row r="65" spans="1:4" ht="18" customHeight="1" x14ac:dyDescent="0.2">
      <c r="A65" s="18" t="s">
        <v>76</v>
      </c>
      <c r="B65" s="15">
        <v>142</v>
      </c>
      <c r="C65" s="16">
        <v>120</v>
      </c>
      <c r="D65" s="17">
        <v>262</v>
      </c>
    </row>
    <row r="66" spans="1:4" ht="18" customHeight="1" x14ac:dyDescent="0.2">
      <c r="A66" s="14">
        <v>50</v>
      </c>
      <c r="B66" s="15">
        <v>27</v>
      </c>
      <c r="C66" s="16">
        <v>28</v>
      </c>
      <c r="D66" s="17">
        <v>55</v>
      </c>
    </row>
    <row r="67" spans="1:4" ht="18" customHeight="1" x14ac:dyDescent="0.2">
      <c r="A67" s="14">
        <v>51</v>
      </c>
      <c r="B67" s="15">
        <v>25</v>
      </c>
      <c r="C67" s="16">
        <v>18</v>
      </c>
      <c r="D67" s="17">
        <v>43</v>
      </c>
    </row>
    <row r="68" spans="1:4" ht="18" customHeight="1" x14ac:dyDescent="0.2">
      <c r="A68" s="14">
        <v>52</v>
      </c>
      <c r="B68" s="15">
        <v>26</v>
      </c>
      <c r="C68" s="16">
        <v>27</v>
      </c>
      <c r="D68" s="17">
        <v>53</v>
      </c>
    </row>
    <row r="69" spans="1:4" ht="18" customHeight="1" x14ac:dyDescent="0.2">
      <c r="A69" s="14">
        <v>53</v>
      </c>
      <c r="B69" s="15">
        <v>31</v>
      </c>
      <c r="C69" s="16">
        <v>41</v>
      </c>
      <c r="D69" s="17">
        <v>72</v>
      </c>
    </row>
    <row r="70" spans="1:4" ht="18" customHeight="1" x14ac:dyDescent="0.2">
      <c r="A70" s="14">
        <v>54</v>
      </c>
      <c r="B70" s="15">
        <v>30</v>
      </c>
      <c r="C70" s="16">
        <v>30</v>
      </c>
      <c r="D70" s="17">
        <v>60</v>
      </c>
    </row>
    <row r="71" spans="1:4" ht="18" customHeight="1" x14ac:dyDescent="0.2">
      <c r="A71" s="18" t="s">
        <v>77</v>
      </c>
      <c r="B71" s="15">
        <v>139</v>
      </c>
      <c r="C71" s="16">
        <v>144</v>
      </c>
      <c r="D71" s="17">
        <v>283</v>
      </c>
    </row>
    <row r="72" spans="1:4" ht="18" customHeight="1" x14ac:dyDescent="0.2">
      <c r="A72" s="14">
        <v>55</v>
      </c>
      <c r="B72" s="15">
        <v>24</v>
      </c>
      <c r="C72" s="16">
        <v>26</v>
      </c>
      <c r="D72" s="17">
        <v>50</v>
      </c>
    </row>
    <row r="73" spans="1:4" ht="18" customHeight="1" x14ac:dyDescent="0.2">
      <c r="A73" s="14">
        <v>56</v>
      </c>
      <c r="B73" s="15">
        <v>36</v>
      </c>
      <c r="C73" s="16">
        <v>33</v>
      </c>
      <c r="D73" s="17">
        <v>69</v>
      </c>
    </row>
    <row r="74" spans="1:4" ht="18" customHeight="1" x14ac:dyDescent="0.2">
      <c r="A74" s="14">
        <v>57</v>
      </c>
      <c r="B74" s="15">
        <v>39</v>
      </c>
      <c r="C74" s="16">
        <v>33</v>
      </c>
      <c r="D74" s="17">
        <v>72</v>
      </c>
    </row>
    <row r="75" spans="1:4" ht="18" customHeight="1" x14ac:dyDescent="0.2">
      <c r="A75" s="14">
        <v>58</v>
      </c>
      <c r="B75" s="15">
        <v>31</v>
      </c>
      <c r="C75" s="16">
        <v>26</v>
      </c>
      <c r="D75" s="17">
        <v>57</v>
      </c>
    </row>
    <row r="76" spans="1:4" ht="18" customHeight="1" x14ac:dyDescent="0.2">
      <c r="A76" s="14">
        <v>59</v>
      </c>
      <c r="B76" s="15">
        <v>39</v>
      </c>
      <c r="C76" s="16">
        <v>38</v>
      </c>
      <c r="D76" s="17">
        <v>77</v>
      </c>
    </row>
    <row r="77" spans="1:4" ht="18" customHeight="1" x14ac:dyDescent="0.2">
      <c r="A77" s="18" t="s">
        <v>78</v>
      </c>
      <c r="B77" s="15">
        <v>169</v>
      </c>
      <c r="C77" s="16">
        <v>156</v>
      </c>
      <c r="D77" s="17">
        <v>325</v>
      </c>
    </row>
    <row r="78" spans="1:4" ht="18" customHeight="1" x14ac:dyDescent="0.2">
      <c r="A78" s="14">
        <v>60</v>
      </c>
      <c r="B78" s="15">
        <v>45</v>
      </c>
      <c r="C78" s="16">
        <v>43</v>
      </c>
      <c r="D78" s="17">
        <v>88</v>
      </c>
    </row>
    <row r="79" spans="1:4" ht="18" customHeight="1" x14ac:dyDescent="0.2">
      <c r="A79" s="14">
        <v>61</v>
      </c>
      <c r="B79" s="15">
        <v>52</v>
      </c>
      <c r="C79" s="16">
        <v>45</v>
      </c>
      <c r="D79" s="17">
        <v>97</v>
      </c>
    </row>
    <row r="80" spans="1:4" ht="18" customHeight="1" x14ac:dyDescent="0.2">
      <c r="A80" s="14">
        <v>62</v>
      </c>
      <c r="B80" s="15">
        <v>35</v>
      </c>
      <c r="C80" s="16">
        <v>42</v>
      </c>
      <c r="D80" s="17">
        <v>77</v>
      </c>
    </row>
    <row r="81" spans="1:4" ht="18" customHeight="1" x14ac:dyDescent="0.2">
      <c r="A81" s="14">
        <v>63</v>
      </c>
      <c r="B81" s="15">
        <v>24</v>
      </c>
      <c r="C81" s="16">
        <v>29</v>
      </c>
      <c r="D81" s="17">
        <v>53</v>
      </c>
    </row>
    <row r="82" spans="1:4" ht="18" customHeight="1" x14ac:dyDescent="0.2">
      <c r="A82" s="14">
        <v>64</v>
      </c>
      <c r="B82" s="15">
        <v>24</v>
      </c>
      <c r="C82" s="16">
        <v>22</v>
      </c>
      <c r="D82" s="17">
        <v>46</v>
      </c>
    </row>
    <row r="83" spans="1:4" ht="18" customHeight="1" x14ac:dyDescent="0.2">
      <c r="A83" s="18" t="s">
        <v>79</v>
      </c>
      <c r="B83" s="15">
        <v>180</v>
      </c>
      <c r="C83" s="16">
        <v>181</v>
      </c>
      <c r="D83" s="17">
        <v>361</v>
      </c>
    </row>
    <row r="84" spans="1:4" ht="18" customHeight="1" x14ac:dyDescent="0.2">
      <c r="A84" s="18" t="s">
        <v>80</v>
      </c>
      <c r="B84" s="15">
        <v>1320</v>
      </c>
      <c r="C84" s="16">
        <v>1252</v>
      </c>
      <c r="D84" s="17">
        <v>2572</v>
      </c>
    </row>
    <row r="85" spans="1:4" ht="18" customHeight="1" x14ac:dyDescent="0.2">
      <c r="A85" s="14">
        <v>65</v>
      </c>
      <c r="B85" s="15">
        <v>25</v>
      </c>
      <c r="C85" s="16">
        <v>38</v>
      </c>
      <c r="D85" s="17">
        <v>63</v>
      </c>
    </row>
    <row r="86" spans="1:4" ht="18" customHeight="1" x14ac:dyDescent="0.2">
      <c r="A86" s="14">
        <v>66</v>
      </c>
      <c r="B86" s="15">
        <v>32</v>
      </c>
      <c r="C86" s="16">
        <v>45</v>
      </c>
      <c r="D86" s="17">
        <v>77</v>
      </c>
    </row>
    <row r="87" spans="1:4" ht="18" customHeight="1" x14ac:dyDescent="0.2">
      <c r="A87" s="14">
        <v>67</v>
      </c>
      <c r="B87" s="15">
        <v>24</v>
      </c>
      <c r="C87" s="16">
        <v>44</v>
      </c>
      <c r="D87" s="17">
        <v>68</v>
      </c>
    </row>
    <row r="88" spans="1:4" ht="18" customHeight="1" x14ac:dyDescent="0.2">
      <c r="A88" s="14">
        <v>68</v>
      </c>
      <c r="B88" s="15">
        <v>25</v>
      </c>
      <c r="C88" s="16">
        <v>35</v>
      </c>
      <c r="D88" s="17">
        <v>60</v>
      </c>
    </row>
    <row r="89" spans="1:4" ht="18" customHeight="1" x14ac:dyDescent="0.2">
      <c r="A89" s="14">
        <v>69</v>
      </c>
      <c r="B89" s="15">
        <v>15</v>
      </c>
      <c r="C89" s="16">
        <v>28</v>
      </c>
      <c r="D89" s="17">
        <v>43</v>
      </c>
    </row>
    <row r="90" spans="1:4" ht="18" customHeight="1" x14ac:dyDescent="0.2">
      <c r="A90" s="18" t="s">
        <v>81</v>
      </c>
      <c r="B90" s="15">
        <v>121</v>
      </c>
      <c r="C90" s="16">
        <v>190</v>
      </c>
      <c r="D90" s="17">
        <v>311</v>
      </c>
    </row>
    <row r="91" spans="1:4" ht="18" customHeight="1" x14ac:dyDescent="0.2">
      <c r="A91" s="14">
        <v>70</v>
      </c>
      <c r="B91" s="15">
        <v>29</v>
      </c>
      <c r="C91" s="16">
        <v>41</v>
      </c>
      <c r="D91" s="17">
        <v>70</v>
      </c>
    </row>
    <row r="92" spans="1:4" ht="18" customHeight="1" x14ac:dyDescent="0.2">
      <c r="A92" s="14">
        <v>71</v>
      </c>
      <c r="B92" s="15">
        <v>23</v>
      </c>
      <c r="C92" s="16">
        <v>32</v>
      </c>
      <c r="D92" s="17">
        <v>55</v>
      </c>
    </row>
    <row r="93" spans="1:4" ht="18" customHeight="1" x14ac:dyDescent="0.2">
      <c r="A93" s="14">
        <v>72</v>
      </c>
      <c r="B93" s="15">
        <v>27</v>
      </c>
      <c r="C93" s="16">
        <v>38</v>
      </c>
      <c r="D93" s="17">
        <v>65</v>
      </c>
    </row>
    <row r="94" spans="1:4" ht="18" customHeight="1" x14ac:dyDescent="0.2">
      <c r="A94" s="14">
        <v>73</v>
      </c>
      <c r="B94" s="15">
        <v>30</v>
      </c>
      <c r="C94" s="16">
        <v>49</v>
      </c>
      <c r="D94" s="17">
        <v>79</v>
      </c>
    </row>
    <row r="95" spans="1:4" ht="18" customHeight="1" x14ac:dyDescent="0.2">
      <c r="A95" s="14">
        <v>74</v>
      </c>
      <c r="B95" s="15">
        <v>26</v>
      </c>
      <c r="C95" s="16">
        <v>33</v>
      </c>
      <c r="D95" s="17">
        <v>59</v>
      </c>
    </row>
    <row r="96" spans="1:4" ht="18" customHeight="1" x14ac:dyDescent="0.2">
      <c r="A96" s="18" t="s">
        <v>82</v>
      </c>
      <c r="B96" s="15">
        <v>135</v>
      </c>
      <c r="C96" s="16">
        <v>193</v>
      </c>
      <c r="D96" s="17">
        <v>328</v>
      </c>
    </row>
    <row r="97" spans="1:4" ht="18" customHeight="1" x14ac:dyDescent="0.2">
      <c r="A97" s="14">
        <v>75</v>
      </c>
      <c r="B97" s="15">
        <v>33</v>
      </c>
      <c r="C97" s="16">
        <v>36</v>
      </c>
      <c r="D97" s="17">
        <v>69</v>
      </c>
    </row>
    <row r="98" spans="1:4" ht="18" customHeight="1" x14ac:dyDescent="0.2">
      <c r="A98" s="14">
        <v>76</v>
      </c>
      <c r="B98" s="15">
        <v>30</v>
      </c>
      <c r="C98" s="16">
        <v>38</v>
      </c>
      <c r="D98" s="17">
        <v>68</v>
      </c>
    </row>
    <row r="99" spans="1:4" ht="18" customHeight="1" x14ac:dyDescent="0.2">
      <c r="A99" s="14">
        <v>77</v>
      </c>
      <c r="B99" s="15">
        <v>29</v>
      </c>
      <c r="C99" s="16">
        <v>35</v>
      </c>
      <c r="D99" s="17">
        <v>64</v>
      </c>
    </row>
    <row r="100" spans="1:4" ht="18" customHeight="1" x14ac:dyDescent="0.2">
      <c r="A100" s="14">
        <v>78</v>
      </c>
      <c r="B100" s="15">
        <v>31</v>
      </c>
      <c r="C100" s="16">
        <v>40</v>
      </c>
      <c r="D100" s="17">
        <v>71</v>
      </c>
    </row>
    <row r="101" spans="1:4" ht="18" customHeight="1" x14ac:dyDescent="0.2">
      <c r="A101" s="14">
        <v>79</v>
      </c>
      <c r="B101" s="15">
        <v>12</v>
      </c>
      <c r="C101" s="16">
        <v>37</v>
      </c>
      <c r="D101" s="17">
        <v>49</v>
      </c>
    </row>
    <row r="102" spans="1:4" ht="18" customHeight="1" x14ac:dyDescent="0.2">
      <c r="A102" s="18" t="s">
        <v>83</v>
      </c>
      <c r="B102" s="15">
        <v>135</v>
      </c>
      <c r="C102" s="16">
        <v>186</v>
      </c>
      <c r="D102" s="17">
        <v>321</v>
      </c>
    </row>
    <row r="103" spans="1:4" ht="18" customHeight="1" x14ac:dyDescent="0.2">
      <c r="A103" s="14">
        <v>80</v>
      </c>
      <c r="B103" s="15">
        <v>19</v>
      </c>
      <c r="C103" s="16">
        <v>36</v>
      </c>
      <c r="D103" s="17">
        <v>55</v>
      </c>
    </row>
    <row r="104" spans="1:4" ht="18" customHeight="1" x14ac:dyDescent="0.2">
      <c r="A104" s="14">
        <v>81</v>
      </c>
      <c r="B104" s="15">
        <v>21</v>
      </c>
      <c r="C104" s="16">
        <v>33</v>
      </c>
      <c r="D104" s="17">
        <v>54</v>
      </c>
    </row>
    <row r="105" spans="1:4" ht="18" customHeight="1" x14ac:dyDescent="0.2">
      <c r="A105" s="14">
        <v>82</v>
      </c>
      <c r="B105" s="15">
        <v>20</v>
      </c>
      <c r="C105" s="16">
        <v>31</v>
      </c>
      <c r="D105" s="17">
        <v>51</v>
      </c>
    </row>
    <row r="106" spans="1:4" ht="18" customHeight="1" x14ac:dyDescent="0.2">
      <c r="A106" s="14">
        <v>83</v>
      </c>
      <c r="B106" s="15">
        <v>21</v>
      </c>
      <c r="C106" s="16">
        <v>24</v>
      </c>
      <c r="D106" s="17">
        <v>45</v>
      </c>
    </row>
    <row r="107" spans="1:4" ht="18" customHeight="1" x14ac:dyDescent="0.2">
      <c r="A107" s="14">
        <v>84</v>
      </c>
      <c r="B107" s="15">
        <v>15</v>
      </c>
      <c r="C107" s="16">
        <v>24</v>
      </c>
      <c r="D107" s="17">
        <v>39</v>
      </c>
    </row>
    <row r="108" spans="1:4" ht="18" customHeight="1" x14ac:dyDescent="0.2">
      <c r="A108" s="18" t="s">
        <v>84</v>
      </c>
      <c r="B108" s="15">
        <v>96</v>
      </c>
      <c r="C108" s="16">
        <v>148</v>
      </c>
      <c r="D108" s="17">
        <v>244</v>
      </c>
    </row>
    <row r="109" spans="1:4" ht="18" customHeight="1" x14ac:dyDescent="0.2">
      <c r="A109" s="14">
        <v>85</v>
      </c>
      <c r="B109" s="15">
        <v>16</v>
      </c>
      <c r="C109" s="16">
        <v>28</v>
      </c>
      <c r="D109" s="17">
        <v>44</v>
      </c>
    </row>
    <row r="110" spans="1:4" ht="18" customHeight="1" x14ac:dyDescent="0.2">
      <c r="A110" s="14">
        <v>86</v>
      </c>
      <c r="B110" s="15">
        <v>9</v>
      </c>
      <c r="C110" s="16">
        <v>20</v>
      </c>
      <c r="D110" s="17">
        <v>29</v>
      </c>
    </row>
    <row r="111" spans="1:4" ht="18" customHeight="1" x14ac:dyDescent="0.2">
      <c r="A111" s="14">
        <v>87</v>
      </c>
      <c r="B111" s="15">
        <v>8</v>
      </c>
      <c r="C111" s="16">
        <v>21</v>
      </c>
      <c r="D111" s="17">
        <v>29</v>
      </c>
    </row>
    <row r="112" spans="1:4" ht="18" customHeight="1" x14ac:dyDescent="0.2">
      <c r="A112" s="14">
        <v>88</v>
      </c>
      <c r="B112" s="15">
        <v>6</v>
      </c>
      <c r="C112" s="16">
        <v>25</v>
      </c>
      <c r="D112" s="17">
        <v>31</v>
      </c>
    </row>
    <row r="113" spans="1:4" ht="18" customHeight="1" x14ac:dyDescent="0.2">
      <c r="A113" s="14">
        <v>89</v>
      </c>
      <c r="B113" s="15">
        <v>7</v>
      </c>
      <c r="C113" s="16">
        <v>18</v>
      </c>
      <c r="D113" s="17">
        <v>25</v>
      </c>
    </row>
    <row r="114" spans="1:4" ht="18" customHeight="1" x14ac:dyDescent="0.2">
      <c r="A114" s="18" t="s">
        <v>85</v>
      </c>
      <c r="B114" s="15">
        <v>46</v>
      </c>
      <c r="C114" s="16">
        <v>112</v>
      </c>
      <c r="D114" s="17">
        <v>158</v>
      </c>
    </row>
    <row r="115" spans="1:4" ht="18" customHeight="1" x14ac:dyDescent="0.2">
      <c r="A115" s="14">
        <v>90</v>
      </c>
      <c r="B115" s="15">
        <v>8</v>
      </c>
      <c r="C115" s="16">
        <v>13</v>
      </c>
      <c r="D115" s="17">
        <v>21</v>
      </c>
    </row>
    <row r="116" spans="1:4" ht="18" customHeight="1" x14ac:dyDescent="0.2">
      <c r="A116" s="14">
        <v>91</v>
      </c>
      <c r="B116" s="15">
        <v>4</v>
      </c>
      <c r="C116" s="16">
        <v>11</v>
      </c>
      <c r="D116" s="17">
        <v>15</v>
      </c>
    </row>
    <row r="117" spans="1:4" ht="18" customHeight="1" x14ac:dyDescent="0.2">
      <c r="A117" s="14">
        <v>92</v>
      </c>
      <c r="B117" s="15">
        <v>6</v>
      </c>
      <c r="C117" s="16">
        <v>12</v>
      </c>
      <c r="D117" s="17">
        <v>18</v>
      </c>
    </row>
    <row r="118" spans="1:4" ht="18" customHeight="1" x14ac:dyDescent="0.2">
      <c r="A118" s="14">
        <v>93</v>
      </c>
      <c r="B118" s="15">
        <v>3</v>
      </c>
      <c r="C118" s="16">
        <v>8</v>
      </c>
      <c r="D118" s="17">
        <v>11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86</v>
      </c>
      <c r="B120" s="15">
        <v>21</v>
      </c>
      <c r="C120" s="16">
        <v>50</v>
      </c>
      <c r="D120" s="17">
        <v>71</v>
      </c>
    </row>
    <row r="121" spans="1:4" ht="18" customHeight="1" x14ac:dyDescent="0.2">
      <c r="A121" s="14">
        <v>95</v>
      </c>
      <c r="B121" s="15">
        <v>3</v>
      </c>
      <c r="C121" s="16">
        <v>10</v>
      </c>
      <c r="D121" s="17">
        <v>13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4</v>
      </c>
      <c r="C126" s="16">
        <v>18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558</v>
      </c>
      <c r="C130" s="5">
        <v>900</v>
      </c>
      <c r="D130" s="6">
        <v>1458</v>
      </c>
    </row>
    <row r="131" spans="1:4" ht="18" customHeight="1" x14ac:dyDescent="0.2">
      <c r="A131" s="20" t="s">
        <v>65</v>
      </c>
      <c r="B131" s="7">
        <v>2105</v>
      </c>
      <c r="C131" s="8">
        <v>2346</v>
      </c>
      <c r="D131" s="9">
        <v>445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79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5</v>
      </c>
      <c r="C5" s="37">
        <v>13</v>
      </c>
      <c r="D5" s="39">
        <v>38</v>
      </c>
    </row>
    <row r="6" spans="1:4" ht="18" customHeight="1" x14ac:dyDescent="0.2">
      <c r="A6" s="31">
        <v>1</v>
      </c>
      <c r="B6" s="35">
        <v>17</v>
      </c>
      <c r="C6" s="28">
        <v>17</v>
      </c>
      <c r="D6" s="29">
        <v>34</v>
      </c>
    </row>
    <row r="7" spans="1:4" ht="18" customHeight="1" x14ac:dyDescent="0.2">
      <c r="A7" s="31">
        <v>2</v>
      </c>
      <c r="B7" s="35">
        <v>16</v>
      </c>
      <c r="C7" s="28">
        <v>21</v>
      </c>
      <c r="D7" s="29">
        <v>37</v>
      </c>
    </row>
    <row r="8" spans="1:4" ht="18" customHeight="1" x14ac:dyDescent="0.2">
      <c r="A8" s="31">
        <v>3</v>
      </c>
      <c r="B8" s="35">
        <v>15</v>
      </c>
      <c r="C8" s="28">
        <v>16</v>
      </c>
      <c r="D8" s="29">
        <v>31</v>
      </c>
    </row>
    <row r="9" spans="1:4" ht="18" customHeight="1" x14ac:dyDescent="0.2">
      <c r="A9" s="31">
        <v>4</v>
      </c>
      <c r="B9" s="36">
        <v>22</v>
      </c>
      <c r="C9" s="38">
        <v>22</v>
      </c>
      <c r="D9" s="40">
        <v>44</v>
      </c>
    </row>
    <row r="10" spans="1:4" ht="18" customHeight="1" x14ac:dyDescent="0.2">
      <c r="A10" s="31" t="s">
        <v>66</v>
      </c>
      <c r="B10" s="27">
        <v>95</v>
      </c>
      <c r="C10" s="28">
        <v>89</v>
      </c>
      <c r="D10" s="29">
        <v>184</v>
      </c>
    </row>
    <row r="11" spans="1:4" ht="18" customHeight="1" x14ac:dyDescent="0.2">
      <c r="A11" s="31">
        <v>5</v>
      </c>
      <c r="B11" s="35">
        <v>20</v>
      </c>
      <c r="C11" s="28">
        <v>29</v>
      </c>
      <c r="D11" s="29">
        <v>49</v>
      </c>
    </row>
    <row r="12" spans="1:4" ht="18" customHeight="1" x14ac:dyDescent="0.2">
      <c r="A12" s="31">
        <v>6</v>
      </c>
      <c r="B12" s="35">
        <v>25</v>
      </c>
      <c r="C12" s="28">
        <v>17</v>
      </c>
      <c r="D12" s="29">
        <v>42</v>
      </c>
    </row>
    <row r="13" spans="1:4" ht="18" customHeight="1" x14ac:dyDescent="0.2">
      <c r="A13" s="31">
        <v>7</v>
      </c>
      <c r="B13" s="35">
        <v>24</v>
      </c>
      <c r="C13" s="28">
        <v>28</v>
      </c>
      <c r="D13" s="29">
        <v>52</v>
      </c>
    </row>
    <row r="14" spans="1:4" ht="18" customHeight="1" x14ac:dyDescent="0.2">
      <c r="A14" s="31">
        <v>8</v>
      </c>
      <c r="B14" s="35">
        <v>34</v>
      </c>
      <c r="C14" s="28">
        <v>20</v>
      </c>
      <c r="D14" s="29">
        <v>54</v>
      </c>
    </row>
    <row r="15" spans="1:4" ht="18" customHeight="1" x14ac:dyDescent="0.2">
      <c r="A15" s="31">
        <v>9</v>
      </c>
      <c r="B15" s="35">
        <v>34</v>
      </c>
      <c r="C15" s="28">
        <v>20</v>
      </c>
      <c r="D15" s="29">
        <v>54</v>
      </c>
    </row>
    <row r="16" spans="1:4" ht="18" customHeight="1" x14ac:dyDescent="0.2">
      <c r="A16" s="31" t="s">
        <v>67</v>
      </c>
      <c r="B16" s="27">
        <v>137</v>
      </c>
      <c r="C16" s="28">
        <v>114</v>
      </c>
      <c r="D16" s="29">
        <v>251</v>
      </c>
    </row>
    <row r="17" spans="1:4" ht="18" customHeight="1" x14ac:dyDescent="0.2">
      <c r="A17" s="31">
        <v>10</v>
      </c>
      <c r="B17" s="27">
        <v>27</v>
      </c>
      <c r="C17" s="28">
        <v>32</v>
      </c>
      <c r="D17" s="29">
        <v>59</v>
      </c>
    </row>
    <row r="18" spans="1:4" ht="18" customHeight="1" x14ac:dyDescent="0.2">
      <c r="A18" s="31">
        <v>11</v>
      </c>
      <c r="B18" s="27">
        <v>36</v>
      </c>
      <c r="C18" s="28">
        <v>27</v>
      </c>
      <c r="D18" s="29">
        <v>63</v>
      </c>
    </row>
    <row r="19" spans="1:4" ht="18" customHeight="1" x14ac:dyDescent="0.2">
      <c r="A19" s="31">
        <v>12</v>
      </c>
      <c r="B19" s="27">
        <v>34</v>
      </c>
      <c r="C19" s="28">
        <v>35</v>
      </c>
      <c r="D19" s="29">
        <v>69</v>
      </c>
    </row>
    <row r="20" spans="1:4" ht="18" customHeight="1" x14ac:dyDescent="0.2">
      <c r="A20" s="31">
        <v>13</v>
      </c>
      <c r="B20" s="27">
        <v>36</v>
      </c>
      <c r="C20" s="28">
        <v>31</v>
      </c>
      <c r="D20" s="29">
        <v>67</v>
      </c>
    </row>
    <row r="21" spans="1:4" ht="18" customHeight="1" x14ac:dyDescent="0.2">
      <c r="A21" s="31">
        <v>14</v>
      </c>
      <c r="B21" s="27">
        <v>27</v>
      </c>
      <c r="C21" s="28">
        <v>36</v>
      </c>
      <c r="D21" s="29">
        <v>63</v>
      </c>
    </row>
    <row r="22" spans="1:4" ht="18" customHeight="1" x14ac:dyDescent="0.2">
      <c r="A22" s="31" t="s">
        <v>68</v>
      </c>
      <c r="B22" s="27">
        <v>160</v>
      </c>
      <c r="C22" s="28">
        <v>161</v>
      </c>
      <c r="D22" s="29">
        <v>321</v>
      </c>
    </row>
    <row r="23" spans="1:4" ht="18" customHeight="1" x14ac:dyDescent="0.2">
      <c r="A23" s="31" t="s">
        <v>69</v>
      </c>
      <c r="B23" s="27">
        <v>392</v>
      </c>
      <c r="C23" s="28">
        <v>364</v>
      </c>
      <c r="D23" s="29">
        <v>756</v>
      </c>
    </row>
    <row r="24" spans="1:4" ht="18" customHeight="1" x14ac:dyDescent="0.2">
      <c r="A24" s="31">
        <v>15</v>
      </c>
      <c r="B24" s="27">
        <v>23</v>
      </c>
      <c r="C24" s="28">
        <v>30</v>
      </c>
      <c r="D24" s="29">
        <v>53</v>
      </c>
    </row>
    <row r="25" spans="1:4" ht="18" customHeight="1" x14ac:dyDescent="0.2">
      <c r="A25" s="31">
        <v>16</v>
      </c>
      <c r="B25" s="27">
        <v>33</v>
      </c>
      <c r="C25" s="28">
        <v>32</v>
      </c>
      <c r="D25" s="29">
        <v>65</v>
      </c>
    </row>
    <row r="26" spans="1:4" ht="18" customHeight="1" x14ac:dyDescent="0.2">
      <c r="A26" s="31">
        <v>17</v>
      </c>
      <c r="B26" s="27">
        <v>37</v>
      </c>
      <c r="C26" s="28">
        <v>28</v>
      </c>
      <c r="D26" s="29">
        <v>65</v>
      </c>
    </row>
    <row r="27" spans="1:4" ht="18" customHeight="1" x14ac:dyDescent="0.2">
      <c r="A27" s="31">
        <v>18</v>
      </c>
      <c r="B27" s="27">
        <v>25</v>
      </c>
      <c r="C27" s="28">
        <v>27</v>
      </c>
      <c r="D27" s="29">
        <v>52</v>
      </c>
    </row>
    <row r="28" spans="1:4" ht="18" customHeight="1" x14ac:dyDescent="0.2">
      <c r="A28" s="31">
        <v>19</v>
      </c>
      <c r="B28" s="27">
        <v>22</v>
      </c>
      <c r="C28" s="28">
        <v>29</v>
      </c>
      <c r="D28" s="29">
        <v>51</v>
      </c>
    </row>
    <row r="29" spans="1:4" ht="18" customHeight="1" x14ac:dyDescent="0.2">
      <c r="A29" s="31" t="s">
        <v>70</v>
      </c>
      <c r="B29" s="27">
        <v>140</v>
      </c>
      <c r="C29" s="28">
        <v>146</v>
      </c>
      <c r="D29" s="29">
        <v>286</v>
      </c>
    </row>
    <row r="30" spans="1:4" ht="18" customHeight="1" x14ac:dyDescent="0.2">
      <c r="A30" s="31">
        <v>20</v>
      </c>
      <c r="B30" s="27">
        <v>28</v>
      </c>
      <c r="C30" s="28">
        <v>20</v>
      </c>
      <c r="D30" s="29">
        <v>48</v>
      </c>
    </row>
    <row r="31" spans="1:4" ht="18" customHeight="1" x14ac:dyDescent="0.2">
      <c r="A31" s="31">
        <v>21</v>
      </c>
      <c r="B31" s="27">
        <v>29</v>
      </c>
      <c r="C31" s="28">
        <v>24</v>
      </c>
      <c r="D31" s="29">
        <v>53</v>
      </c>
    </row>
    <row r="32" spans="1:4" ht="18" customHeight="1" x14ac:dyDescent="0.2">
      <c r="A32" s="31">
        <v>22</v>
      </c>
      <c r="B32" s="27">
        <v>23</v>
      </c>
      <c r="C32" s="28">
        <v>25</v>
      </c>
      <c r="D32" s="29">
        <v>48</v>
      </c>
    </row>
    <row r="33" spans="1:4" ht="18" customHeight="1" x14ac:dyDescent="0.2">
      <c r="A33" s="31">
        <v>23</v>
      </c>
      <c r="B33" s="27">
        <v>24</v>
      </c>
      <c r="C33" s="28">
        <v>19</v>
      </c>
      <c r="D33" s="29">
        <v>43</v>
      </c>
    </row>
    <row r="34" spans="1:4" ht="18" customHeight="1" x14ac:dyDescent="0.2">
      <c r="A34" s="31">
        <v>24</v>
      </c>
      <c r="B34" s="27">
        <v>24</v>
      </c>
      <c r="C34" s="28">
        <v>15</v>
      </c>
      <c r="D34" s="29">
        <v>39</v>
      </c>
    </row>
    <row r="35" spans="1:4" ht="18" customHeight="1" x14ac:dyDescent="0.2">
      <c r="A35" s="31" t="s">
        <v>71</v>
      </c>
      <c r="B35" s="27">
        <v>128</v>
      </c>
      <c r="C35" s="28">
        <v>103</v>
      </c>
      <c r="D35" s="29">
        <v>231</v>
      </c>
    </row>
    <row r="36" spans="1:4" ht="18" customHeight="1" x14ac:dyDescent="0.2">
      <c r="A36" s="31">
        <v>25</v>
      </c>
      <c r="B36" s="27">
        <v>24</v>
      </c>
      <c r="C36" s="28">
        <v>27</v>
      </c>
      <c r="D36" s="29">
        <v>51</v>
      </c>
    </row>
    <row r="37" spans="1:4" ht="18" customHeight="1" x14ac:dyDescent="0.2">
      <c r="A37" s="31">
        <v>26</v>
      </c>
      <c r="B37" s="27">
        <v>23</v>
      </c>
      <c r="C37" s="28">
        <v>10</v>
      </c>
      <c r="D37" s="29">
        <v>33</v>
      </c>
    </row>
    <row r="38" spans="1:4" ht="18" customHeight="1" x14ac:dyDescent="0.2">
      <c r="A38" s="31">
        <v>27</v>
      </c>
      <c r="B38" s="27">
        <v>29</v>
      </c>
      <c r="C38" s="28">
        <v>17</v>
      </c>
      <c r="D38" s="29">
        <v>46</v>
      </c>
    </row>
    <row r="39" spans="1:4" ht="18" customHeight="1" x14ac:dyDescent="0.2">
      <c r="A39" s="31">
        <v>28</v>
      </c>
      <c r="B39" s="27">
        <v>19</v>
      </c>
      <c r="C39" s="28">
        <v>19</v>
      </c>
      <c r="D39" s="29">
        <v>38</v>
      </c>
    </row>
    <row r="40" spans="1:4" ht="18" customHeight="1" x14ac:dyDescent="0.2">
      <c r="A40" s="31">
        <v>29</v>
      </c>
      <c r="B40" s="27">
        <v>24</v>
      </c>
      <c r="C40" s="28">
        <v>18</v>
      </c>
      <c r="D40" s="29">
        <v>42</v>
      </c>
    </row>
    <row r="41" spans="1:4" ht="18" customHeight="1" x14ac:dyDescent="0.2">
      <c r="A41" s="31" t="s">
        <v>72</v>
      </c>
      <c r="B41" s="27">
        <v>119</v>
      </c>
      <c r="C41" s="28">
        <v>91</v>
      </c>
      <c r="D41" s="29">
        <v>210</v>
      </c>
    </row>
    <row r="42" spans="1:4" ht="18" customHeight="1" x14ac:dyDescent="0.2">
      <c r="A42" s="31">
        <v>30</v>
      </c>
      <c r="B42" s="27">
        <v>26</v>
      </c>
      <c r="C42" s="28">
        <v>23</v>
      </c>
      <c r="D42" s="29">
        <v>49</v>
      </c>
    </row>
    <row r="43" spans="1:4" ht="18" customHeight="1" x14ac:dyDescent="0.2">
      <c r="A43" s="31">
        <v>31</v>
      </c>
      <c r="B43" s="27">
        <v>27</v>
      </c>
      <c r="C43" s="28">
        <v>30</v>
      </c>
      <c r="D43" s="29">
        <v>57</v>
      </c>
    </row>
    <row r="44" spans="1:4" ht="18" customHeight="1" x14ac:dyDescent="0.2">
      <c r="A44" s="31">
        <v>32</v>
      </c>
      <c r="B44" s="27">
        <v>26</v>
      </c>
      <c r="C44" s="28">
        <v>32</v>
      </c>
      <c r="D44" s="29">
        <v>58</v>
      </c>
    </row>
    <row r="45" spans="1:4" ht="18" customHeight="1" x14ac:dyDescent="0.2">
      <c r="A45" s="31">
        <v>33</v>
      </c>
      <c r="B45" s="27">
        <v>39</v>
      </c>
      <c r="C45" s="28">
        <v>29</v>
      </c>
      <c r="D45" s="29">
        <v>68</v>
      </c>
    </row>
    <row r="46" spans="1:4" ht="18" customHeight="1" x14ac:dyDescent="0.2">
      <c r="A46" s="31">
        <v>34</v>
      </c>
      <c r="B46" s="27">
        <v>34</v>
      </c>
      <c r="C46" s="28">
        <v>36</v>
      </c>
      <c r="D46" s="29">
        <v>70</v>
      </c>
    </row>
    <row r="47" spans="1:4" ht="18" customHeight="1" x14ac:dyDescent="0.2">
      <c r="A47" s="31" t="s">
        <v>73</v>
      </c>
      <c r="B47" s="27">
        <v>152</v>
      </c>
      <c r="C47" s="28">
        <v>150</v>
      </c>
      <c r="D47" s="29">
        <v>302</v>
      </c>
    </row>
    <row r="48" spans="1:4" ht="18" customHeight="1" x14ac:dyDescent="0.2">
      <c r="A48" s="31">
        <v>35</v>
      </c>
      <c r="B48" s="27">
        <v>26</v>
      </c>
      <c r="C48" s="28">
        <v>32</v>
      </c>
      <c r="D48" s="29">
        <v>58</v>
      </c>
    </row>
    <row r="49" spans="1:4" ht="18" customHeight="1" x14ac:dyDescent="0.2">
      <c r="A49" s="31">
        <v>36</v>
      </c>
      <c r="B49" s="27">
        <v>37</v>
      </c>
      <c r="C49" s="28">
        <v>36</v>
      </c>
      <c r="D49" s="29">
        <v>73</v>
      </c>
    </row>
    <row r="50" spans="1:4" ht="18" customHeight="1" x14ac:dyDescent="0.2">
      <c r="A50" s="31">
        <v>37</v>
      </c>
      <c r="B50" s="27">
        <v>45</v>
      </c>
      <c r="C50" s="28">
        <v>39</v>
      </c>
      <c r="D50" s="29">
        <v>84</v>
      </c>
    </row>
    <row r="51" spans="1:4" ht="18" customHeight="1" x14ac:dyDescent="0.2">
      <c r="A51" s="31">
        <v>38</v>
      </c>
      <c r="B51" s="27">
        <v>35</v>
      </c>
      <c r="C51" s="28">
        <v>34</v>
      </c>
      <c r="D51" s="29">
        <v>69</v>
      </c>
    </row>
    <row r="52" spans="1:4" ht="18" customHeight="1" x14ac:dyDescent="0.2">
      <c r="A52" s="31">
        <v>39</v>
      </c>
      <c r="B52" s="27">
        <v>33</v>
      </c>
      <c r="C52" s="28">
        <v>24</v>
      </c>
      <c r="D52" s="29">
        <v>57</v>
      </c>
    </row>
    <row r="53" spans="1:4" ht="18" customHeight="1" x14ac:dyDescent="0.2">
      <c r="A53" s="31" t="s">
        <v>74</v>
      </c>
      <c r="B53" s="27">
        <v>176</v>
      </c>
      <c r="C53" s="28">
        <v>165</v>
      </c>
      <c r="D53" s="29">
        <v>341</v>
      </c>
    </row>
    <row r="54" spans="1:4" ht="18" customHeight="1" x14ac:dyDescent="0.2">
      <c r="A54" s="31">
        <v>40</v>
      </c>
      <c r="B54" s="27">
        <v>41</v>
      </c>
      <c r="C54" s="28">
        <v>48</v>
      </c>
      <c r="D54" s="29">
        <v>89</v>
      </c>
    </row>
    <row r="55" spans="1:4" ht="18" customHeight="1" x14ac:dyDescent="0.2">
      <c r="A55" s="31">
        <v>41</v>
      </c>
      <c r="B55" s="27">
        <v>36</v>
      </c>
      <c r="C55" s="28">
        <v>34</v>
      </c>
      <c r="D55" s="29">
        <v>70</v>
      </c>
    </row>
    <row r="56" spans="1:4" ht="18" customHeight="1" x14ac:dyDescent="0.2">
      <c r="A56" s="31">
        <v>42</v>
      </c>
      <c r="B56" s="27">
        <v>43</v>
      </c>
      <c r="C56" s="28">
        <v>48</v>
      </c>
      <c r="D56" s="29">
        <v>91</v>
      </c>
    </row>
    <row r="57" spans="1:4" ht="18" customHeight="1" x14ac:dyDescent="0.2">
      <c r="A57" s="31">
        <v>43</v>
      </c>
      <c r="B57" s="27">
        <v>27</v>
      </c>
      <c r="C57" s="28">
        <v>30</v>
      </c>
      <c r="D57" s="29">
        <v>57</v>
      </c>
    </row>
    <row r="58" spans="1:4" ht="18" customHeight="1" x14ac:dyDescent="0.2">
      <c r="A58" s="31">
        <v>44</v>
      </c>
      <c r="B58" s="27">
        <v>39</v>
      </c>
      <c r="C58" s="28">
        <v>41</v>
      </c>
      <c r="D58" s="29">
        <v>80</v>
      </c>
    </row>
    <row r="59" spans="1:4" ht="18" customHeight="1" x14ac:dyDescent="0.2">
      <c r="A59" s="31" t="s">
        <v>75</v>
      </c>
      <c r="B59" s="27">
        <v>186</v>
      </c>
      <c r="C59" s="28">
        <v>201</v>
      </c>
      <c r="D59" s="29">
        <v>387</v>
      </c>
    </row>
    <row r="60" spans="1:4" ht="18" customHeight="1" x14ac:dyDescent="0.2">
      <c r="A60" s="31">
        <v>45</v>
      </c>
      <c r="B60" s="27">
        <v>34</v>
      </c>
      <c r="C60" s="28">
        <v>28</v>
      </c>
      <c r="D60" s="29">
        <v>62</v>
      </c>
    </row>
    <row r="61" spans="1:4" ht="18" customHeight="1" x14ac:dyDescent="0.2">
      <c r="A61" s="31">
        <v>46</v>
      </c>
      <c r="B61" s="27">
        <v>31</v>
      </c>
      <c r="C61" s="28">
        <v>33</v>
      </c>
      <c r="D61" s="29">
        <v>64</v>
      </c>
    </row>
    <row r="62" spans="1:4" ht="18" customHeight="1" x14ac:dyDescent="0.2">
      <c r="A62" s="31">
        <v>47</v>
      </c>
      <c r="B62" s="27">
        <v>38</v>
      </c>
      <c r="C62" s="28">
        <v>24</v>
      </c>
      <c r="D62" s="29">
        <v>62</v>
      </c>
    </row>
    <row r="63" spans="1:4" ht="18" customHeight="1" x14ac:dyDescent="0.2">
      <c r="A63" s="31">
        <v>48</v>
      </c>
      <c r="B63" s="27">
        <v>34</v>
      </c>
      <c r="C63" s="28">
        <v>27</v>
      </c>
      <c r="D63" s="29">
        <v>61</v>
      </c>
    </row>
    <row r="64" spans="1:4" ht="18" customHeight="1" x14ac:dyDescent="0.2">
      <c r="A64" s="31">
        <v>49</v>
      </c>
      <c r="B64" s="27">
        <v>27</v>
      </c>
      <c r="C64" s="28">
        <v>34</v>
      </c>
      <c r="D64" s="29">
        <v>61</v>
      </c>
    </row>
    <row r="65" spans="1:4" ht="18" customHeight="1" x14ac:dyDescent="0.2">
      <c r="A65" s="31" t="s">
        <v>76</v>
      </c>
      <c r="B65" s="27">
        <v>164</v>
      </c>
      <c r="C65" s="28">
        <v>146</v>
      </c>
      <c r="D65" s="29">
        <v>310</v>
      </c>
    </row>
    <row r="66" spans="1:4" ht="18" customHeight="1" x14ac:dyDescent="0.2">
      <c r="A66" s="31">
        <v>50</v>
      </c>
      <c r="B66" s="27">
        <v>45</v>
      </c>
      <c r="C66" s="28">
        <v>29</v>
      </c>
      <c r="D66" s="29">
        <v>74</v>
      </c>
    </row>
    <row r="67" spans="1:4" ht="18" customHeight="1" x14ac:dyDescent="0.2">
      <c r="A67" s="31">
        <v>51</v>
      </c>
      <c r="B67" s="27">
        <v>25</v>
      </c>
      <c r="C67" s="28">
        <v>35</v>
      </c>
      <c r="D67" s="29">
        <v>60</v>
      </c>
    </row>
    <row r="68" spans="1:4" ht="18" customHeight="1" x14ac:dyDescent="0.2">
      <c r="A68" s="31">
        <v>52</v>
      </c>
      <c r="B68" s="27">
        <v>29</v>
      </c>
      <c r="C68" s="28">
        <v>30</v>
      </c>
      <c r="D68" s="29">
        <v>59</v>
      </c>
    </row>
    <row r="69" spans="1:4" ht="18" customHeight="1" x14ac:dyDescent="0.2">
      <c r="A69" s="31">
        <v>53</v>
      </c>
      <c r="B69" s="27">
        <v>31</v>
      </c>
      <c r="C69" s="28">
        <v>39</v>
      </c>
      <c r="D69" s="29">
        <v>70</v>
      </c>
    </row>
    <row r="70" spans="1:4" ht="18" customHeight="1" x14ac:dyDescent="0.2">
      <c r="A70" s="31">
        <v>54</v>
      </c>
      <c r="B70" s="27">
        <v>39</v>
      </c>
      <c r="C70" s="28">
        <v>36</v>
      </c>
      <c r="D70" s="29">
        <v>75</v>
      </c>
    </row>
    <row r="71" spans="1:4" ht="18" customHeight="1" x14ac:dyDescent="0.2">
      <c r="A71" s="31" t="s">
        <v>77</v>
      </c>
      <c r="B71" s="27">
        <v>169</v>
      </c>
      <c r="C71" s="28">
        <v>169</v>
      </c>
      <c r="D71" s="29">
        <v>338</v>
      </c>
    </row>
    <row r="72" spans="1:4" ht="18" customHeight="1" x14ac:dyDescent="0.2">
      <c r="A72" s="31">
        <v>55</v>
      </c>
      <c r="B72" s="27">
        <v>34</v>
      </c>
      <c r="C72" s="28">
        <v>36</v>
      </c>
      <c r="D72" s="29">
        <v>70</v>
      </c>
    </row>
    <row r="73" spans="1:4" ht="18" customHeight="1" x14ac:dyDescent="0.2">
      <c r="A73" s="31">
        <v>56</v>
      </c>
      <c r="B73" s="27">
        <v>37</v>
      </c>
      <c r="C73" s="28">
        <v>36</v>
      </c>
      <c r="D73" s="29">
        <v>73</v>
      </c>
    </row>
    <row r="74" spans="1:4" ht="18" customHeight="1" x14ac:dyDescent="0.2">
      <c r="A74" s="31">
        <v>57</v>
      </c>
      <c r="B74" s="27">
        <v>38</v>
      </c>
      <c r="C74" s="28">
        <v>37</v>
      </c>
      <c r="D74" s="29">
        <v>75</v>
      </c>
    </row>
    <row r="75" spans="1:4" ht="18" customHeight="1" x14ac:dyDescent="0.2">
      <c r="A75" s="31">
        <v>58</v>
      </c>
      <c r="B75" s="27">
        <v>37</v>
      </c>
      <c r="C75" s="28">
        <v>44</v>
      </c>
      <c r="D75" s="29">
        <v>81</v>
      </c>
    </row>
    <row r="76" spans="1:4" ht="18" customHeight="1" x14ac:dyDescent="0.2">
      <c r="A76" s="31">
        <v>59</v>
      </c>
      <c r="B76" s="27">
        <v>35</v>
      </c>
      <c r="C76" s="28">
        <v>38</v>
      </c>
      <c r="D76" s="29">
        <v>73</v>
      </c>
    </row>
    <row r="77" spans="1:4" ht="18" customHeight="1" x14ac:dyDescent="0.2">
      <c r="A77" s="31" t="s">
        <v>78</v>
      </c>
      <c r="B77" s="27">
        <v>181</v>
      </c>
      <c r="C77" s="28">
        <v>191</v>
      </c>
      <c r="D77" s="29">
        <v>372</v>
      </c>
    </row>
    <row r="78" spans="1:4" ht="18" customHeight="1" x14ac:dyDescent="0.2">
      <c r="A78" s="31">
        <v>60</v>
      </c>
      <c r="B78" s="27">
        <v>49</v>
      </c>
      <c r="C78" s="28">
        <v>38</v>
      </c>
      <c r="D78" s="29">
        <v>87</v>
      </c>
    </row>
    <row r="79" spans="1:4" ht="18" customHeight="1" x14ac:dyDescent="0.2">
      <c r="A79" s="31">
        <v>61</v>
      </c>
      <c r="B79" s="27">
        <v>44</v>
      </c>
      <c r="C79" s="28">
        <v>32</v>
      </c>
      <c r="D79" s="29">
        <v>76</v>
      </c>
    </row>
    <row r="80" spans="1:4" ht="18" customHeight="1" x14ac:dyDescent="0.2">
      <c r="A80" s="31">
        <v>62</v>
      </c>
      <c r="B80" s="27">
        <v>53</v>
      </c>
      <c r="C80" s="28">
        <v>41</v>
      </c>
      <c r="D80" s="29">
        <v>94</v>
      </c>
    </row>
    <row r="81" spans="1:4" ht="18" customHeight="1" x14ac:dyDescent="0.2">
      <c r="A81" s="31">
        <v>63</v>
      </c>
      <c r="B81" s="27">
        <v>25</v>
      </c>
      <c r="C81" s="28">
        <v>32</v>
      </c>
      <c r="D81" s="29">
        <v>57</v>
      </c>
    </row>
    <row r="82" spans="1:4" ht="18" customHeight="1" x14ac:dyDescent="0.2">
      <c r="A82" s="31">
        <v>64</v>
      </c>
      <c r="B82" s="27">
        <v>23</v>
      </c>
      <c r="C82" s="28">
        <v>14</v>
      </c>
      <c r="D82" s="29">
        <v>37</v>
      </c>
    </row>
    <row r="83" spans="1:4" ht="18" customHeight="1" x14ac:dyDescent="0.2">
      <c r="A83" s="31" t="s">
        <v>79</v>
      </c>
      <c r="B83" s="27">
        <v>194</v>
      </c>
      <c r="C83" s="28">
        <v>157</v>
      </c>
      <c r="D83" s="29">
        <v>351</v>
      </c>
    </row>
    <row r="84" spans="1:4" ht="18" customHeight="1" x14ac:dyDescent="0.2">
      <c r="A84" s="31" t="s">
        <v>80</v>
      </c>
      <c r="B84" s="27">
        <v>1609</v>
      </c>
      <c r="C84" s="28">
        <v>1519</v>
      </c>
      <c r="D84" s="29">
        <v>3128</v>
      </c>
    </row>
    <row r="85" spans="1:4" ht="18" customHeight="1" x14ac:dyDescent="0.2">
      <c r="A85" s="31">
        <v>65</v>
      </c>
      <c r="B85" s="27">
        <v>25</v>
      </c>
      <c r="C85" s="28">
        <v>36</v>
      </c>
      <c r="D85" s="29">
        <v>61</v>
      </c>
    </row>
    <row r="86" spans="1:4" ht="18" customHeight="1" x14ac:dyDescent="0.2">
      <c r="A86" s="31">
        <v>66</v>
      </c>
      <c r="B86" s="27">
        <v>19</v>
      </c>
      <c r="C86" s="28">
        <v>29</v>
      </c>
      <c r="D86" s="29">
        <v>48</v>
      </c>
    </row>
    <row r="87" spans="1:4" ht="18" customHeight="1" x14ac:dyDescent="0.2">
      <c r="A87" s="31">
        <v>67</v>
      </c>
      <c r="B87" s="27">
        <v>28</v>
      </c>
      <c r="C87" s="28">
        <v>38</v>
      </c>
      <c r="D87" s="29">
        <v>66</v>
      </c>
    </row>
    <row r="88" spans="1:4" ht="18" customHeight="1" x14ac:dyDescent="0.2">
      <c r="A88" s="31">
        <v>68</v>
      </c>
      <c r="B88" s="27">
        <v>26</v>
      </c>
      <c r="C88" s="28">
        <v>34</v>
      </c>
      <c r="D88" s="29">
        <v>60</v>
      </c>
    </row>
    <row r="89" spans="1:4" ht="18" customHeight="1" x14ac:dyDescent="0.2">
      <c r="A89" s="31">
        <v>69</v>
      </c>
      <c r="B89" s="27">
        <v>22</v>
      </c>
      <c r="C89" s="28">
        <v>27</v>
      </c>
      <c r="D89" s="29">
        <v>49</v>
      </c>
    </row>
    <row r="90" spans="1:4" ht="18" customHeight="1" x14ac:dyDescent="0.2">
      <c r="A90" s="31" t="s">
        <v>81</v>
      </c>
      <c r="B90" s="27">
        <v>120</v>
      </c>
      <c r="C90" s="28">
        <v>164</v>
      </c>
      <c r="D90" s="29">
        <v>284</v>
      </c>
    </row>
    <row r="91" spans="1:4" ht="18" customHeight="1" x14ac:dyDescent="0.2">
      <c r="A91" s="31">
        <v>70</v>
      </c>
      <c r="B91" s="27">
        <v>23</v>
      </c>
      <c r="C91" s="28">
        <v>24</v>
      </c>
      <c r="D91" s="29">
        <v>47</v>
      </c>
    </row>
    <row r="92" spans="1:4" ht="18" customHeight="1" x14ac:dyDescent="0.2">
      <c r="A92" s="31">
        <v>71</v>
      </c>
      <c r="B92" s="27">
        <v>34</v>
      </c>
      <c r="C92" s="28">
        <v>33</v>
      </c>
      <c r="D92" s="29">
        <v>67</v>
      </c>
    </row>
    <row r="93" spans="1:4" ht="18" customHeight="1" x14ac:dyDescent="0.2">
      <c r="A93" s="31">
        <v>72</v>
      </c>
      <c r="B93" s="27">
        <v>28</v>
      </c>
      <c r="C93" s="28">
        <v>36</v>
      </c>
      <c r="D93" s="29">
        <v>64</v>
      </c>
    </row>
    <row r="94" spans="1:4" ht="18" customHeight="1" x14ac:dyDescent="0.2">
      <c r="A94" s="31">
        <v>73</v>
      </c>
      <c r="B94" s="27">
        <v>35</v>
      </c>
      <c r="C94" s="28">
        <v>25</v>
      </c>
      <c r="D94" s="29">
        <v>60</v>
      </c>
    </row>
    <row r="95" spans="1:4" ht="18" customHeight="1" x14ac:dyDescent="0.2">
      <c r="A95" s="31">
        <v>74</v>
      </c>
      <c r="B95" s="27">
        <v>12</v>
      </c>
      <c r="C95" s="28">
        <v>33</v>
      </c>
      <c r="D95" s="29">
        <v>45</v>
      </c>
    </row>
    <row r="96" spans="1:4" ht="18" customHeight="1" x14ac:dyDescent="0.2">
      <c r="A96" s="31" t="s">
        <v>82</v>
      </c>
      <c r="B96" s="27">
        <v>132</v>
      </c>
      <c r="C96" s="28">
        <v>151</v>
      </c>
      <c r="D96" s="29">
        <v>283</v>
      </c>
    </row>
    <row r="97" spans="1:4" ht="18" customHeight="1" x14ac:dyDescent="0.2">
      <c r="A97" s="31">
        <v>75</v>
      </c>
      <c r="B97" s="27">
        <v>27</v>
      </c>
      <c r="C97" s="28">
        <v>24</v>
      </c>
      <c r="D97" s="29">
        <v>51</v>
      </c>
    </row>
    <row r="98" spans="1:4" ht="18" customHeight="1" x14ac:dyDescent="0.2">
      <c r="A98" s="31">
        <v>76</v>
      </c>
      <c r="B98" s="27">
        <v>17</v>
      </c>
      <c r="C98" s="28">
        <v>30</v>
      </c>
      <c r="D98" s="29">
        <v>47</v>
      </c>
    </row>
    <row r="99" spans="1:4" ht="18" customHeight="1" x14ac:dyDescent="0.2">
      <c r="A99" s="31">
        <v>77</v>
      </c>
      <c r="B99" s="27">
        <v>24</v>
      </c>
      <c r="C99" s="28">
        <v>40</v>
      </c>
      <c r="D99" s="29">
        <v>64</v>
      </c>
    </row>
    <row r="100" spans="1:4" ht="18" customHeight="1" x14ac:dyDescent="0.2">
      <c r="A100" s="31">
        <v>78</v>
      </c>
      <c r="B100" s="27">
        <v>17</v>
      </c>
      <c r="C100" s="28">
        <v>26</v>
      </c>
      <c r="D100" s="29">
        <v>43</v>
      </c>
    </row>
    <row r="101" spans="1:4" ht="18" customHeight="1" x14ac:dyDescent="0.2">
      <c r="A101" s="31">
        <v>79</v>
      </c>
      <c r="B101" s="27">
        <v>26</v>
      </c>
      <c r="C101" s="28">
        <v>27</v>
      </c>
      <c r="D101" s="29">
        <v>53</v>
      </c>
    </row>
    <row r="102" spans="1:4" ht="18" customHeight="1" x14ac:dyDescent="0.2">
      <c r="A102" s="31" t="s">
        <v>83</v>
      </c>
      <c r="B102" s="27">
        <v>111</v>
      </c>
      <c r="C102" s="28">
        <v>147</v>
      </c>
      <c r="D102" s="29">
        <v>258</v>
      </c>
    </row>
    <row r="103" spans="1:4" ht="18" customHeight="1" x14ac:dyDescent="0.2">
      <c r="A103" s="31">
        <v>80</v>
      </c>
      <c r="B103" s="27">
        <v>10</v>
      </c>
      <c r="C103" s="28">
        <v>21</v>
      </c>
      <c r="D103" s="29">
        <v>31</v>
      </c>
    </row>
    <row r="104" spans="1:4" ht="18" customHeight="1" x14ac:dyDescent="0.2">
      <c r="A104" s="31">
        <v>81</v>
      </c>
      <c r="B104" s="27">
        <v>18</v>
      </c>
      <c r="C104" s="28">
        <v>25</v>
      </c>
      <c r="D104" s="29">
        <v>43</v>
      </c>
    </row>
    <row r="105" spans="1:4" ht="18" customHeight="1" x14ac:dyDescent="0.2">
      <c r="A105" s="31">
        <v>82</v>
      </c>
      <c r="B105" s="27">
        <v>7</v>
      </c>
      <c r="C105" s="28">
        <v>22</v>
      </c>
      <c r="D105" s="29">
        <v>29</v>
      </c>
    </row>
    <row r="106" spans="1:4" ht="18" customHeight="1" x14ac:dyDescent="0.2">
      <c r="A106" s="31">
        <v>83</v>
      </c>
      <c r="B106" s="27">
        <v>14</v>
      </c>
      <c r="C106" s="28">
        <v>13</v>
      </c>
      <c r="D106" s="29">
        <v>27</v>
      </c>
    </row>
    <row r="107" spans="1:4" ht="18" customHeight="1" x14ac:dyDescent="0.2">
      <c r="A107" s="31">
        <v>84</v>
      </c>
      <c r="B107" s="27">
        <v>14</v>
      </c>
      <c r="C107" s="28">
        <v>17</v>
      </c>
      <c r="D107" s="29">
        <v>31</v>
      </c>
    </row>
    <row r="108" spans="1:4" ht="18" customHeight="1" x14ac:dyDescent="0.2">
      <c r="A108" s="31" t="s">
        <v>84</v>
      </c>
      <c r="B108" s="27">
        <v>63</v>
      </c>
      <c r="C108" s="28">
        <v>98</v>
      </c>
      <c r="D108" s="29">
        <v>161</v>
      </c>
    </row>
    <row r="109" spans="1:4" ht="18" customHeight="1" x14ac:dyDescent="0.2">
      <c r="A109" s="31">
        <v>85</v>
      </c>
      <c r="B109" s="27">
        <v>4</v>
      </c>
      <c r="C109" s="28">
        <v>15</v>
      </c>
      <c r="D109" s="29">
        <v>19</v>
      </c>
    </row>
    <row r="110" spans="1:4" ht="18" customHeight="1" x14ac:dyDescent="0.2">
      <c r="A110" s="31">
        <v>86</v>
      </c>
      <c r="B110" s="27">
        <v>6</v>
      </c>
      <c r="C110" s="28">
        <v>16</v>
      </c>
      <c r="D110" s="29">
        <v>22</v>
      </c>
    </row>
    <row r="111" spans="1:4" ht="18" customHeight="1" x14ac:dyDescent="0.2">
      <c r="A111" s="31">
        <v>87</v>
      </c>
      <c r="B111" s="27">
        <v>6</v>
      </c>
      <c r="C111" s="28">
        <v>7</v>
      </c>
      <c r="D111" s="29">
        <v>13</v>
      </c>
    </row>
    <row r="112" spans="1:4" ht="18" customHeight="1" x14ac:dyDescent="0.2">
      <c r="A112" s="31">
        <v>88</v>
      </c>
      <c r="B112" s="27">
        <v>4</v>
      </c>
      <c r="C112" s="28">
        <v>14</v>
      </c>
      <c r="D112" s="29">
        <v>18</v>
      </c>
    </row>
    <row r="113" spans="1:4" ht="18" customHeight="1" x14ac:dyDescent="0.2">
      <c r="A113" s="31">
        <v>89</v>
      </c>
      <c r="B113" s="27">
        <v>5</v>
      </c>
      <c r="C113" s="28">
        <v>12</v>
      </c>
      <c r="D113" s="29">
        <v>17</v>
      </c>
    </row>
    <row r="114" spans="1:4" ht="18" customHeight="1" x14ac:dyDescent="0.2">
      <c r="A114" s="31" t="s">
        <v>85</v>
      </c>
      <c r="B114" s="27">
        <v>25</v>
      </c>
      <c r="C114" s="28">
        <v>64</v>
      </c>
      <c r="D114" s="29">
        <v>89</v>
      </c>
    </row>
    <row r="115" spans="1:4" ht="18" customHeight="1" x14ac:dyDescent="0.2">
      <c r="A115" s="31">
        <v>90</v>
      </c>
      <c r="B115" s="27">
        <v>5</v>
      </c>
      <c r="C115" s="28">
        <v>8</v>
      </c>
      <c r="D115" s="29">
        <v>13</v>
      </c>
    </row>
    <row r="116" spans="1:4" ht="18" customHeight="1" x14ac:dyDescent="0.2">
      <c r="A116" s="31">
        <v>91</v>
      </c>
      <c r="B116" s="27">
        <v>1</v>
      </c>
      <c r="C116" s="28">
        <v>8</v>
      </c>
      <c r="D116" s="29">
        <v>9</v>
      </c>
    </row>
    <row r="117" spans="1:4" ht="18" customHeight="1" x14ac:dyDescent="0.2">
      <c r="A117" s="31">
        <v>92</v>
      </c>
      <c r="B117" s="27">
        <v>4</v>
      </c>
      <c r="C117" s="28">
        <v>6</v>
      </c>
      <c r="D117" s="29">
        <v>10</v>
      </c>
    </row>
    <row r="118" spans="1:4" ht="18" customHeight="1" x14ac:dyDescent="0.2">
      <c r="A118" s="31">
        <v>93</v>
      </c>
      <c r="B118" s="27">
        <v>1</v>
      </c>
      <c r="C118" s="28">
        <v>5</v>
      </c>
      <c r="D118" s="29">
        <v>6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86</v>
      </c>
      <c r="B120" s="27">
        <v>12</v>
      </c>
      <c r="C120" s="28">
        <v>28</v>
      </c>
      <c r="D120" s="29">
        <v>40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2</v>
      </c>
      <c r="C126" s="28">
        <v>8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89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90</v>
      </c>
      <c r="B130" s="4">
        <v>465</v>
      </c>
      <c r="C130" s="5">
        <v>664</v>
      </c>
      <c r="D130" s="6">
        <v>1129</v>
      </c>
    </row>
    <row r="131" spans="1:4" ht="18" customHeight="1" x14ac:dyDescent="0.2">
      <c r="A131" s="33" t="s">
        <v>65</v>
      </c>
      <c r="B131" s="7">
        <v>2466</v>
      </c>
      <c r="C131" s="8">
        <v>2547</v>
      </c>
      <c r="D131" s="9">
        <v>501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80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16</v>
      </c>
      <c r="C5" s="37">
        <v>209</v>
      </c>
      <c r="D5" s="39">
        <v>425</v>
      </c>
    </row>
    <row r="6" spans="1:4" ht="18" customHeight="1" x14ac:dyDescent="0.2">
      <c r="A6" s="31">
        <v>1</v>
      </c>
      <c r="B6" s="35">
        <v>245</v>
      </c>
      <c r="C6" s="28">
        <v>230</v>
      </c>
      <c r="D6" s="29">
        <v>475</v>
      </c>
    </row>
    <row r="7" spans="1:4" ht="18" customHeight="1" x14ac:dyDescent="0.2">
      <c r="A7" s="31">
        <v>2</v>
      </c>
      <c r="B7" s="35">
        <v>222</v>
      </c>
      <c r="C7" s="28">
        <v>209</v>
      </c>
      <c r="D7" s="29">
        <v>431</v>
      </c>
    </row>
    <row r="8" spans="1:4" ht="18" customHeight="1" x14ac:dyDescent="0.2">
      <c r="A8" s="31">
        <v>3</v>
      </c>
      <c r="B8" s="35">
        <v>212</v>
      </c>
      <c r="C8" s="28">
        <v>209</v>
      </c>
      <c r="D8" s="29">
        <v>421</v>
      </c>
    </row>
    <row r="9" spans="1:4" ht="18" customHeight="1" x14ac:dyDescent="0.2">
      <c r="A9" s="31">
        <v>4</v>
      </c>
      <c r="B9" s="36">
        <v>247</v>
      </c>
      <c r="C9" s="38">
        <v>214</v>
      </c>
      <c r="D9" s="40">
        <v>461</v>
      </c>
    </row>
    <row r="10" spans="1:4" ht="18" customHeight="1" x14ac:dyDescent="0.2">
      <c r="A10" s="31" t="s">
        <v>66</v>
      </c>
      <c r="B10" s="27">
        <v>1142</v>
      </c>
      <c r="C10" s="28">
        <v>1071</v>
      </c>
      <c r="D10" s="29">
        <v>2213</v>
      </c>
    </row>
    <row r="11" spans="1:4" ht="18" customHeight="1" x14ac:dyDescent="0.2">
      <c r="A11" s="31">
        <v>5</v>
      </c>
      <c r="B11" s="35">
        <v>239</v>
      </c>
      <c r="C11" s="28">
        <v>239</v>
      </c>
      <c r="D11" s="29">
        <v>478</v>
      </c>
    </row>
    <row r="12" spans="1:4" ht="18" customHeight="1" x14ac:dyDescent="0.2">
      <c r="A12" s="31">
        <v>6</v>
      </c>
      <c r="B12" s="35">
        <v>227</v>
      </c>
      <c r="C12" s="28">
        <v>183</v>
      </c>
      <c r="D12" s="29">
        <v>410</v>
      </c>
    </row>
    <row r="13" spans="1:4" ht="18" customHeight="1" x14ac:dyDescent="0.2">
      <c r="A13" s="31">
        <v>7</v>
      </c>
      <c r="B13" s="35">
        <v>224</v>
      </c>
      <c r="C13" s="28">
        <v>228</v>
      </c>
      <c r="D13" s="29">
        <v>452</v>
      </c>
    </row>
    <row r="14" spans="1:4" ht="18" customHeight="1" x14ac:dyDescent="0.2">
      <c r="A14" s="31">
        <v>8</v>
      </c>
      <c r="B14" s="35">
        <v>223</v>
      </c>
      <c r="C14" s="28">
        <v>191</v>
      </c>
      <c r="D14" s="29">
        <v>414</v>
      </c>
    </row>
    <row r="15" spans="1:4" ht="18" customHeight="1" x14ac:dyDescent="0.2">
      <c r="A15" s="31">
        <v>9</v>
      </c>
      <c r="B15" s="35">
        <v>226</v>
      </c>
      <c r="C15" s="28">
        <v>187</v>
      </c>
      <c r="D15" s="29">
        <v>413</v>
      </c>
    </row>
    <row r="16" spans="1:4" ht="18" customHeight="1" x14ac:dyDescent="0.2">
      <c r="A16" s="31" t="s">
        <v>67</v>
      </c>
      <c r="B16" s="27">
        <v>1139</v>
      </c>
      <c r="C16" s="28">
        <v>1028</v>
      </c>
      <c r="D16" s="29">
        <v>2167</v>
      </c>
    </row>
    <row r="17" spans="1:4" ht="18" customHeight="1" x14ac:dyDescent="0.2">
      <c r="A17" s="31">
        <v>10</v>
      </c>
      <c r="B17" s="27">
        <v>202</v>
      </c>
      <c r="C17" s="28">
        <v>211</v>
      </c>
      <c r="D17" s="29">
        <v>413</v>
      </c>
    </row>
    <row r="18" spans="1:4" ht="18" customHeight="1" x14ac:dyDescent="0.2">
      <c r="A18" s="31">
        <v>11</v>
      </c>
      <c r="B18" s="27">
        <v>200</v>
      </c>
      <c r="C18" s="28">
        <v>196</v>
      </c>
      <c r="D18" s="29">
        <v>396</v>
      </c>
    </row>
    <row r="19" spans="1:4" ht="18" customHeight="1" x14ac:dyDescent="0.2">
      <c r="A19" s="31">
        <v>12</v>
      </c>
      <c r="B19" s="27">
        <v>208</v>
      </c>
      <c r="C19" s="28">
        <v>214</v>
      </c>
      <c r="D19" s="29">
        <v>422</v>
      </c>
    </row>
    <row r="20" spans="1:4" ht="18" customHeight="1" x14ac:dyDescent="0.2">
      <c r="A20" s="31">
        <v>13</v>
      </c>
      <c r="B20" s="27">
        <v>204</v>
      </c>
      <c r="C20" s="28">
        <v>208</v>
      </c>
      <c r="D20" s="29">
        <v>412</v>
      </c>
    </row>
    <row r="21" spans="1:4" ht="18" customHeight="1" x14ac:dyDescent="0.2">
      <c r="A21" s="31">
        <v>14</v>
      </c>
      <c r="B21" s="27">
        <v>199</v>
      </c>
      <c r="C21" s="28">
        <v>220</v>
      </c>
      <c r="D21" s="29">
        <v>419</v>
      </c>
    </row>
    <row r="22" spans="1:4" ht="18" customHeight="1" x14ac:dyDescent="0.2">
      <c r="A22" s="31" t="s">
        <v>68</v>
      </c>
      <c r="B22" s="27">
        <v>1013</v>
      </c>
      <c r="C22" s="28">
        <v>1049</v>
      </c>
      <c r="D22" s="29">
        <v>2062</v>
      </c>
    </row>
    <row r="23" spans="1:4" ht="18" customHeight="1" x14ac:dyDescent="0.2">
      <c r="A23" s="31" t="s">
        <v>69</v>
      </c>
      <c r="B23" s="27">
        <v>3294</v>
      </c>
      <c r="C23" s="28">
        <v>3148</v>
      </c>
      <c r="D23" s="29">
        <v>6442</v>
      </c>
    </row>
    <row r="24" spans="1:4" ht="18" customHeight="1" x14ac:dyDescent="0.2">
      <c r="A24" s="31">
        <v>15</v>
      </c>
      <c r="B24" s="27">
        <v>197</v>
      </c>
      <c r="C24" s="28">
        <v>203</v>
      </c>
      <c r="D24" s="29">
        <v>400</v>
      </c>
    </row>
    <row r="25" spans="1:4" ht="18" customHeight="1" x14ac:dyDescent="0.2">
      <c r="A25" s="31">
        <v>16</v>
      </c>
      <c r="B25" s="27">
        <v>220</v>
      </c>
      <c r="C25" s="28">
        <v>183</v>
      </c>
      <c r="D25" s="29">
        <v>403</v>
      </c>
    </row>
    <row r="26" spans="1:4" ht="18" customHeight="1" x14ac:dyDescent="0.2">
      <c r="A26" s="31">
        <v>17</v>
      </c>
      <c r="B26" s="27">
        <v>220</v>
      </c>
      <c r="C26" s="28">
        <v>206</v>
      </c>
      <c r="D26" s="29">
        <v>426</v>
      </c>
    </row>
    <row r="27" spans="1:4" ht="18" customHeight="1" x14ac:dyDescent="0.2">
      <c r="A27" s="31">
        <v>18</v>
      </c>
      <c r="B27" s="27">
        <v>214</v>
      </c>
      <c r="C27" s="28">
        <v>214</v>
      </c>
      <c r="D27" s="29">
        <v>428</v>
      </c>
    </row>
    <row r="28" spans="1:4" ht="18" customHeight="1" x14ac:dyDescent="0.2">
      <c r="A28" s="31">
        <v>19</v>
      </c>
      <c r="B28" s="27">
        <v>210</v>
      </c>
      <c r="C28" s="28">
        <v>188</v>
      </c>
      <c r="D28" s="29">
        <v>398</v>
      </c>
    </row>
    <row r="29" spans="1:4" ht="18" customHeight="1" x14ac:dyDescent="0.2">
      <c r="A29" s="31" t="s">
        <v>70</v>
      </c>
      <c r="B29" s="27">
        <v>1061</v>
      </c>
      <c r="C29" s="28">
        <v>994</v>
      </c>
      <c r="D29" s="29">
        <v>2055</v>
      </c>
    </row>
    <row r="30" spans="1:4" ht="18" customHeight="1" x14ac:dyDescent="0.2">
      <c r="A30" s="31">
        <v>20</v>
      </c>
      <c r="B30" s="27">
        <v>219</v>
      </c>
      <c r="C30" s="28">
        <v>192</v>
      </c>
      <c r="D30" s="29">
        <v>411</v>
      </c>
    </row>
    <row r="31" spans="1:4" ht="18" customHeight="1" x14ac:dyDescent="0.2">
      <c r="A31" s="31">
        <v>21</v>
      </c>
      <c r="B31" s="27">
        <v>206</v>
      </c>
      <c r="C31" s="28">
        <v>181</v>
      </c>
      <c r="D31" s="29">
        <v>387</v>
      </c>
    </row>
    <row r="32" spans="1:4" ht="18" customHeight="1" x14ac:dyDescent="0.2">
      <c r="A32" s="31">
        <v>22</v>
      </c>
      <c r="B32" s="27">
        <v>213</v>
      </c>
      <c r="C32" s="28">
        <v>187</v>
      </c>
      <c r="D32" s="29">
        <v>400</v>
      </c>
    </row>
    <row r="33" spans="1:4" ht="18" customHeight="1" x14ac:dyDescent="0.2">
      <c r="A33" s="31">
        <v>23</v>
      </c>
      <c r="B33" s="27">
        <v>205</v>
      </c>
      <c r="C33" s="28">
        <v>187</v>
      </c>
      <c r="D33" s="29">
        <v>392</v>
      </c>
    </row>
    <row r="34" spans="1:4" ht="18" customHeight="1" x14ac:dyDescent="0.2">
      <c r="A34" s="31">
        <v>24</v>
      </c>
      <c r="B34" s="27">
        <v>211</v>
      </c>
      <c r="C34" s="28">
        <v>192</v>
      </c>
      <c r="D34" s="29">
        <v>403</v>
      </c>
    </row>
    <row r="35" spans="1:4" ht="18" customHeight="1" x14ac:dyDescent="0.2">
      <c r="A35" s="31" t="s">
        <v>71</v>
      </c>
      <c r="B35" s="27">
        <v>1054</v>
      </c>
      <c r="C35" s="28">
        <v>939</v>
      </c>
      <c r="D35" s="29">
        <v>1993</v>
      </c>
    </row>
    <row r="36" spans="1:4" ht="18" customHeight="1" x14ac:dyDescent="0.2">
      <c r="A36" s="31">
        <v>25</v>
      </c>
      <c r="B36" s="27">
        <v>197</v>
      </c>
      <c r="C36" s="28">
        <v>238</v>
      </c>
      <c r="D36" s="29">
        <v>435</v>
      </c>
    </row>
    <row r="37" spans="1:4" ht="18" customHeight="1" x14ac:dyDescent="0.2">
      <c r="A37" s="31">
        <v>26</v>
      </c>
      <c r="B37" s="27">
        <v>234</v>
      </c>
      <c r="C37" s="28">
        <v>201</v>
      </c>
      <c r="D37" s="29">
        <v>435</v>
      </c>
    </row>
    <row r="38" spans="1:4" ht="18" customHeight="1" x14ac:dyDescent="0.2">
      <c r="A38" s="31">
        <v>27</v>
      </c>
      <c r="B38" s="27">
        <v>212</v>
      </c>
      <c r="C38" s="28">
        <v>249</v>
      </c>
      <c r="D38" s="29">
        <v>461</v>
      </c>
    </row>
    <row r="39" spans="1:4" ht="18" customHeight="1" x14ac:dyDescent="0.2">
      <c r="A39" s="31">
        <v>28</v>
      </c>
      <c r="B39" s="27">
        <v>222</v>
      </c>
      <c r="C39" s="28">
        <v>203</v>
      </c>
      <c r="D39" s="29">
        <v>425</v>
      </c>
    </row>
    <row r="40" spans="1:4" ht="18" customHeight="1" x14ac:dyDescent="0.2">
      <c r="A40" s="31">
        <v>29</v>
      </c>
      <c r="B40" s="27">
        <v>285</v>
      </c>
      <c r="C40" s="28">
        <v>251</v>
      </c>
      <c r="D40" s="29">
        <v>536</v>
      </c>
    </row>
    <row r="41" spans="1:4" ht="18" customHeight="1" x14ac:dyDescent="0.2">
      <c r="A41" s="31" t="s">
        <v>72</v>
      </c>
      <c r="B41" s="27">
        <v>1150</v>
      </c>
      <c r="C41" s="28">
        <v>1142</v>
      </c>
      <c r="D41" s="29">
        <v>2292</v>
      </c>
    </row>
    <row r="42" spans="1:4" ht="18" customHeight="1" x14ac:dyDescent="0.2">
      <c r="A42" s="31">
        <v>30</v>
      </c>
      <c r="B42" s="27">
        <v>272</v>
      </c>
      <c r="C42" s="28">
        <v>262</v>
      </c>
      <c r="D42" s="29">
        <v>534</v>
      </c>
    </row>
    <row r="43" spans="1:4" ht="18" customHeight="1" x14ac:dyDescent="0.2">
      <c r="A43" s="31">
        <v>31</v>
      </c>
      <c r="B43" s="27">
        <v>344</v>
      </c>
      <c r="C43" s="28">
        <v>271</v>
      </c>
      <c r="D43" s="29">
        <v>615</v>
      </c>
    </row>
    <row r="44" spans="1:4" ht="18" customHeight="1" x14ac:dyDescent="0.2">
      <c r="A44" s="31">
        <v>32</v>
      </c>
      <c r="B44" s="27">
        <v>319</v>
      </c>
      <c r="C44" s="28">
        <v>343</v>
      </c>
      <c r="D44" s="29">
        <v>662</v>
      </c>
    </row>
    <row r="45" spans="1:4" ht="18" customHeight="1" x14ac:dyDescent="0.2">
      <c r="A45" s="31">
        <v>33</v>
      </c>
      <c r="B45" s="27">
        <v>332</v>
      </c>
      <c r="C45" s="28">
        <v>313</v>
      </c>
      <c r="D45" s="29">
        <v>645</v>
      </c>
    </row>
    <row r="46" spans="1:4" ht="18" customHeight="1" x14ac:dyDescent="0.2">
      <c r="A46" s="31">
        <v>34</v>
      </c>
      <c r="B46" s="27">
        <v>357</v>
      </c>
      <c r="C46" s="28">
        <v>361</v>
      </c>
      <c r="D46" s="29">
        <v>718</v>
      </c>
    </row>
    <row r="47" spans="1:4" ht="18" customHeight="1" x14ac:dyDescent="0.2">
      <c r="A47" s="31" t="s">
        <v>73</v>
      </c>
      <c r="B47" s="27">
        <v>1624</v>
      </c>
      <c r="C47" s="28">
        <v>1550</v>
      </c>
      <c r="D47" s="29">
        <v>3174</v>
      </c>
    </row>
    <row r="48" spans="1:4" ht="18" customHeight="1" x14ac:dyDescent="0.2">
      <c r="A48" s="31">
        <v>35</v>
      </c>
      <c r="B48" s="27">
        <v>372</v>
      </c>
      <c r="C48" s="28">
        <v>353</v>
      </c>
      <c r="D48" s="29">
        <v>725</v>
      </c>
    </row>
    <row r="49" spans="1:4" ht="18" customHeight="1" x14ac:dyDescent="0.2">
      <c r="A49" s="31">
        <v>36</v>
      </c>
      <c r="B49" s="27">
        <v>370</v>
      </c>
      <c r="C49" s="28">
        <v>347</v>
      </c>
      <c r="D49" s="29">
        <v>717</v>
      </c>
    </row>
    <row r="50" spans="1:4" ht="18" customHeight="1" x14ac:dyDescent="0.2">
      <c r="A50" s="31">
        <v>37</v>
      </c>
      <c r="B50" s="27">
        <v>348</v>
      </c>
      <c r="C50" s="28">
        <v>344</v>
      </c>
      <c r="D50" s="29">
        <v>692</v>
      </c>
    </row>
    <row r="51" spans="1:4" ht="18" customHeight="1" x14ac:dyDescent="0.2">
      <c r="A51" s="31">
        <v>38</v>
      </c>
      <c r="B51" s="27">
        <v>306</v>
      </c>
      <c r="C51" s="28">
        <v>288</v>
      </c>
      <c r="D51" s="29">
        <v>594</v>
      </c>
    </row>
    <row r="52" spans="1:4" ht="18" customHeight="1" x14ac:dyDescent="0.2">
      <c r="A52" s="31">
        <v>39</v>
      </c>
      <c r="B52" s="27">
        <v>304</v>
      </c>
      <c r="C52" s="28">
        <v>284</v>
      </c>
      <c r="D52" s="29">
        <v>588</v>
      </c>
    </row>
    <row r="53" spans="1:4" ht="18" customHeight="1" x14ac:dyDescent="0.2">
      <c r="A53" s="31" t="s">
        <v>74</v>
      </c>
      <c r="B53" s="27">
        <v>1700</v>
      </c>
      <c r="C53" s="28">
        <v>1616</v>
      </c>
      <c r="D53" s="29">
        <v>3316</v>
      </c>
    </row>
    <row r="54" spans="1:4" ht="18" customHeight="1" x14ac:dyDescent="0.2">
      <c r="A54" s="31">
        <v>40</v>
      </c>
      <c r="B54" s="27">
        <v>333</v>
      </c>
      <c r="C54" s="28">
        <v>292</v>
      </c>
      <c r="D54" s="29">
        <v>625</v>
      </c>
    </row>
    <row r="55" spans="1:4" ht="18" customHeight="1" x14ac:dyDescent="0.2">
      <c r="A55" s="31">
        <v>41</v>
      </c>
      <c r="B55" s="27">
        <v>261</v>
      </c>
      <c r="C55" s="28">
        <v>301</v>
      </c>
      <c r="D55" s="29">
        <v>562</v>
      </c>
    </row>
    <row r="56" spans="1:4" ht="18" customHeight="1" x14ac:dyDescent="0.2">
      <c r="A56" s="31">
        <v>42</v>
      </c>
      <c r="B56" s="27">
        <v>256</v>
      </c>
      <c r="C56" s="28">
        <v>278</v>
      </c>
      <c r="D56" s="29">
        <v>534</v>
      </c>
    </row>
    <row r="57" spans="1:4" ht="18" customHeight="1" x14ac:dyDescent="0.2">
      <c r="A57" s="31">
        <v>43</v>
      </c>
      <c r="B57" s="27">
        <v>203</v>
      </c>
      <c r="C57" s="28">
        <v>193</v>
      </c>
      <c r="D57" s="29">
        <v>396</v>
      </c>
    </row>
    <row r="58" spans="1:4" ht="18" customHeight="1" x14ac:dyDescent="0.2">
      <c r="A58" s="31">
        <v>44</v>
      </c>
      <c r="B58" s="27">
        <v>273</v>
      </c>
      <c r="C58" s="28">
        <v>278</v>
      </c>
      <c r="D58" s="29">
        <v>551</v>
      </c>
    </row>
    <row r="59" spans="1:4" ht="18" customHeight="1" x14ac:dyDescent="0.2">
      <c r="A59" s="31" t="s">
        <v>75</v>
      </c>
      <c r="B59" s="27">
        <v>1326</v>
      </c>
      <c r="C59" s="28">
        <v>1342</v>
      </c>
      <c r="D59" s="29">
        <v>2668</v>
      </c>
    </row>
    <row r="60" spans="1:4" ht="18" customHeight="1" x14ac:dyDescent="0.2">
      <c r="A60" s="31">
        <v>45</v>
      </c>
      <c r="B60" s="27">
        <v>246</v>
      </c>
      <c r="C60" s="28">
        <v>242</v>
      </c>
      <c r="D60" s="29">
        <v>488</v>
      </c>
    </row>
    <row r="61" spans="1:4" ht="18" customHeight="1" x14ac:dyDescent="0.2">
      <c r="A61" s="31">
        <v>46</v>
      </c>
      <c r="B61" s="27">
        <v>246</v>
      </c>
      <c r="C61" s="28">
        <v>280</v>
      </c>
      <c r="D61" s="29">
        <v>526</v>
      </c>
    </row>
    <row r="62" spans="1:4" ht="18" customHeight="1" x14ac:dyDescent="0.2">
      <c r="A62" s="31">
        <v>47</v>
      </c>
      <c r="B62" s="27">
        <v>240</v>
      </c>
      <c r="C62" s="28">
        <v>236</v>
      </c>
      <c r="D62" s="29">
        <v>476</v>
      </c>
    </row>
    <row r="63" spans="1:4" ht="18" customHeight="1" x14ac:dyDescent="0.2">
      <c r="A63" s="31">
        <v>48</v>
      </c>
      <c r="B63" s="27">
        <v>221</v>
      </c>
      <c r="C63" s="28">
        <v>255</v>
      </c>
      <c r="D63" s="29">
        <v>476</v>
      </c>
    </row>
    <row r="64" spans="1:4" ht="18" customHeight="1" x14ac:dyDescent="0.2">
      <c r="A64" s="31">
        <v>49</v>
      </c>
      <c r="B64" s="27">
        <v>231</v>
      </c>
      <c r="C64" s="28">
        <v>241</v>
      </c>
      <c r="D64" s="29">
        <v>472</v>
      </c>
    </row>
    <row r="65" spans="1:4" ht="18" customHeight="1" x14ac:dyDescent="0.2">
      <c r="A65" s="31" t="s">
        <v>76</v>
      </c>
      <c r="B65" s="27">
        <v>1184</v>
      </c>
      <c r="C65" s="28">
        <v>1254</v>
      </c>
      <c r="D65" s="29">
        <v>2438</v>
      </c>
    </row>
    <row r="66" spans="1:4" ht="18" customHeight="1" x14ac:dyDescent="0.2">
      <c r="A66" s="31">
        <v>50</v>
      </c>
      <c r="B66" s="27">
        <v>261</v>
      </c>
      <c r="C66" s="28">
        <v>218</v>
      </c>
      <c r="D66" s="29">
        <v>479</v>
      </c>
    </row>
    <row r="67" spans="1:4" ht="18" customHeight="1" x14ac:dyDescent="0.2">
      <c r="A67" s="31">
        <v>51</v>
      </c>
      <c r="B67" s="27">
        <v>203</v>
      </c>
      <c r="C67" s="28">
        <v>218</v>
      </c>
      <c r="D67" s="29">
        <v>421</v>
      </c>
    </row>
    <row r="68" spans="1:4" ht="18" customHeight="1" x14ac:dyDescent="0.2">
      <c r="A68" s="31">
        <v>52</v>
      </c>
      <c r="B68" s="27">
        <v>208</v>
      </c>
      <c r="C68" s="28">
        <v>232</v>
      </c>
      <c r="D68" s="29">
        <v>440</v>
      </c>
    </row>
    <row r="69" spans="1:4" ht="18" customHeight="1" x14ac:dyDescent="0.2">
      <c r="A69" s="31">
        <v>53</v>
      </c>
      <c r="B69" s="27">
        <v>222</v>
      </c>
      <c r="C69" s="28">
        <v>239</v>
      </c>
      <c r="D69" s="29">
        <v>461</v>
      </c>
    </row>
    <row r="70" spans="1:4" ht="18" customHeight="1" x14ac:dyDescent="0.2">
      <c r="A70" s="31">
        <v>54</v>
      </c>
      <c r="B70" s="27">
        <v>257</v>
      </c>
      <c r="C70" s="28">
        <v>269</v>
      </c>
      <c r="D70" s="29">
        <v>526</v>
      </c>
    </row>
    <row r="71" spans="1:4" ht="18" customHeight="1" x14ac:dyDescent="0.2">
      <c r="A71" s="31" t="s">
        <v>77</v>
      </c>
      <c r="B71" s="27">
        <v>1151</v>
      </c>
      <c r="C71" s="28">
        <v>1176</v>
      </c>
      <c r="D71" s="29">
        <v>2327</v>
      </c>
    </row>
    <row r="72" spans="1:4" ht="18" customHeight="1" x14ac:dyDescent="0.2">
      <c r="A72" s="31">
        <v>55</v>
      </c>
      <c r="B72" s="27">
        <v>241</v>
      </c>
      <c r="C72" s="28">
        <v>240</v>
      </c>
      <c r="D72" s="29">
        <v>481</v>
      </c>
    </row>
    <row r="73" spans="1:4" ht="18" customHeight="1" x14ac:dyDescent="0.2">
      <c r="A73" s="31">
        <v>56</v>
      </c>
      <c r="B73" s="27">
        <v>275</v>
      </c>
      <c r="C73" s="28">
        <v>272</v>
      </c>
      <c r="D73" s="29">
        <v>547</v>
      </c>
    </row>
    <row r="74" spans="1:4" ht="18" customHeight="1" x14ac:dyDescent="0.2">
      <c r="A74" s="31">
        <v>57</v>
      </c>
      <c r="B74" s="27">
        <v>262</v>
      </c>
      <c r="C74" s="28">
        <v>276</v>
      </c>
      <c r="D74" s="29">
        <v>538</v>
      </c>
    </row>
    <row r="75" spans="1:4" ht="18" customHeight="1" x14ac:dyDescent="0.2">
      <c r="A75" s="31">
        <v>58</v>
      </c>
      <c r="B75" s="27">
        <v>252</v>
      </c>
      <c r="C75" s="28">
        <v>277</v>
      </c>
      <c r="D75" s="29">
        <v>529</v>
      </c>
    </row>
    <row r="76" spans="1:4" ht="18" customHeight="1" x14ac:dyDescent="0.2">
      <c r="A76" s="31">
        <v>59</v>
      </c>
      <c r="B76" s="27">
        <v>298</v>
      </c>
      <c r="C76" s="28">
        <v>288</v>
      </c>
      <c r="D76" s="29">
        <v>586</v>
      </c>
    </row>
    <row r="77" spans="1:4" ht="18" customHeight="1" x14ac:dyDescent="0.2">
      <c r="A77" s="31" t="s">
        <v>78</v>
      </c>
      <c r="B77" s="27">
        <v>1328</v>
      </c>
      <c r="C77" s="28">
        <v>1353</v>
      </c>
      <c r="D77" s="29">
        <v>2681</v>
      </c>
    </row>
    <row r="78" spans="1:4" ht="18" customHeight="1" x14ac:dyDescent="0.2">
      <c r="A78" s="31">
        <v>60</v>
      </c>
      <c r="B78" s="27">
        <v>341</v>
      </c>
      <c r="C78" s="28">
        <v>330</v>
      </c>
      <c r="D78" s="29">
        <v>671</v>
      </c>
    </row>
    <row r="79" spans="1:4" ht="18" customHeight="1" x14ac:dyDescent="0.2">
      <c r="A79" s="31">
        <v>61</v>
      </c>
      <c r="B79" s="27">
        <v>360</v>
      </c>
      <c r="C79" s="28">
        <v>320</v>
      </c>
      <c r="D79" s="29">
        <v>680</v>
      </c>
    </row>
    <row r="80" spans="1:4" ht="18" customHeight="1" x14ac:dyDescent="0.2">
      <c r="A80" s="31">
        <v>62</v>
      </c>
      <c r="B80" s="27">
        <v>340</v>
      </c>
      <c r="C80" s="28">
        <v>356</v>
      </c>
      <c r="D80" s="29">
        <v>696</v>
      </c>
    </row>
    <row r="81" spans="1:4" ht="18" customHeight="1" x14ac:dyDescent="0.2">
      <c r="A81" s="31">
        <v>63</v>
      </c>
      <c r="B81" s="27">
        <v>156</v>
      </c>
      <c r="C81" s="28">
        <v>181</v>
      </c>
      <c r="D81" s="29">
        <v>337</v>
      </c>
    </row>
    <row r="82" spans="1:4" ht="18" customHeight="1" x14ac:dyDescent="0.2">
      <c r="A82" s="31">
        <v>64</v>
      </c>
      <c r="B82" s="27">
        <v>182</v>
      </c>
      <c r="C82" s="28">
        <v>159</v>
      </c>
      <c r="D82" s="29">
        <v>341</v>
      </c>
    </row>
    <row r="83" spans="1:4" ht="18" customHeight="1" x14ac:dyDescent="0.2">
      <c r="A83" s="31" t="s">
        <v>79</v>
      </c>
      <c r="B83" s="27">
        <v>1379</v>
      </c>
      <c r="C83" s="28">
        <v>1346</v>
      </c>
      <c r="D83" s="29">
        <v>2725</v>
      </c>
    </row>
    <row r="84" spans="1:4" ht="18" customHeight="1" x14ac:dyDescent="0.2">
      <c r="A84" s="31" t="s">
        <v>80</v>
      </c>
      <c r="B84" s="27">
        <v>12957</v>
      </c>
      <c r="C84" s="28">
        <v>12712</v>
      </c>
      <c r="D84" s="29">
        <v>25669</v>
      </c>
    </row>
    <row r="85" spans="1:4" ht="18" customHeight="1" x14ac:dyDescent="0.2">
      <c r="A85" s="31">
        <v>65</v>
      </c>
      <c r="B85" s="27">
        <v>210</v>
      </c>
      <c r="C85" s="28">
        <v>238</v>
      </c>
      <c r="D85" s="29">
        <v>448</v>
      </c>
    </row>
    <row r="86" spans="1:4" ht="18" customHeight="1" x14ac:dyDescent="0.2">
      <c r="A86" s="31">
        <v>66</v>
      </c>
      <c r="B86" s="27">
        <v>205</v>
      </c>
      <c r="C86" s="28">
        <v>227</v>
      </c>
      <c r="D86" s="29">
        <v>432</v>
      </c>
    </row>
    <row r="87" spans="1:4" ht="18" customHeight="1" x14ac:dyDescent="0.2">
      <c r="A87" s="31">
        <v>67</v>
      </c>
      <c r="B87" s="27">
        <v>229</v>
      </c>
      <c r="C87" s="28">
        <v>217</v>
      </c>
      <c r="D87" s="29">
        <v>446</v>
      </c>
    </row>
    <row r="88" spans="1:4" ht="18" customHeight="1" x14ac:dyDescent="0.2">
      <c r="A88" s="31">
        <v>68</v>
      </c>
      <c r="B88" s="27">
        <v>199</v>
      </c>
      <c r="C88" s="28">
        <v>217</v>
      </c>
      <c r="D88" s="29">
        <v>416</v>
      </c>
    </row>
    <row r="89" spans="1:4" ht="18" customHeight="1" x14ac:dyDescent="0.2">
      <c r="A89" s="31">
        <v>69</v>
      </c>
      <c r="B89" s="27">
        <v>169</v>
      </c>
      <c r="C89" s="28">
        <v>187</v>
      </c>
      <c r="D89" s="29">
        <v>356</v>
      </c>
    </row>
    <row r="90" spans="1:4" ht="18" customHeight="1" x14ac:dyDescent="0.2">
      <c r="A90" s="31" t="s">
        <v>81</v>
      </c>
      <c r="B90" s="27">
        <v>1012</v>
      </c>
      <c r="C90" s="28">
        <v>1086</v>
      </c>
      <c r="D90" s="29">
        <v>2098</v>
      </c>
    </row>
    <row r="91" spans="1:4" ht="18" customHeight="1" x14ac:dyDescent="0.2">
      <c r="A91" s="31">
        <v>70</v>
      </c>
      <c r="B91" s="27">
        <v>127</v>
      </c>
      <c r="C91" s="28">
        <v>171</v>
      </c>
      <c r="D91" s="29">
        <v>298</v>
      </c>
    </row>
    <row r="92" spans="1:4" ht="18" customHeight="1" x14ac:dyDescent="0.2">
      <c r="A92" s="31">
        <v>71</v>
      </c>
      <c r="B92" s="27">
        <v>167</v>
      </c>
      <c r="C92" s="28">
        <v>172</v>
      </c>
      <c r="D92" s="29">
        <v>339</v>
      </c>
    </row>
    <row r="93" spans="1:4" ht="18" customHeight="1" x14ac:dyDescent="0.2">
      <c r="A93" s="31">
        <v>72</v>
      </c>
      <c r="B93" s="27">
        <v>153</v>
      </c>
      <c r="C93" s="28">
        <v>171</v>
      </c>
      <c r="D93" s="29">
        <v>324</v>
      </c>
    </row>
    <row r="94" spans="1:4" ht="18" customHeight="1" x14ac:dyDescent="0.2">
      <c r="A94" s="31">
        <v>73</v>
      </c>
      <c r="B94" s="27">
        <v>171</v>
      </c>
      <c r="C94" s="28">
        <v>194</v>
      </c>
      <c r="D94" s="29">
        <v>365</v>
      </c>
    </row>
    <row r="95" spans="1:4" ht="18" customHeight="1" x14ac:dyDescent="0.2">
      <c r="A95" s="31">
        <v>74</v>
      </c>
      <c r="B95" s="27">
        <v>128</v>
      </c>
      <c r="C95" s="28">
        <v>183</v>
      </c>
      <c r="D95" s="29">
        <v>311</v>
      </c>
    </row>
    <row r="96" spans="1:4" ht="18" customHeight="1" x14ac:dyDescent="0.2">
      <c r="A96" s="31" t="s">
        <v>82</v>
      </c>
      <c r="B96" s="27">
        <v>746</v>
      </c>
      <c r="C96" s="28">
        <v>891</v>
      </c>
      <c r="D96" s="29">
        <v>1637</v>
      </c>
    </row>
    <row r="97" spans="1:4" ht="18" customHeight="1" x14ac:dyDescent="0.2">
      <c r="A97" s="31">
        <v>75</v>
      </c>
      <c r="B97" s="27">
        <v>137</v>
      </c>
      <c r="C97" s="28">
        <v>182</v>
      </c>
      <c r="D97" s="29">
        <v>319</v>
      </c>
    </row>
    <row r="98" spans="1:4" ht="18" customHeight="1" x14ac:dyDescent="0.2">
      <c r="A98" s="31">
        <v>76</v>
      </c>
      <c r="B98" s="27">
        <v>135</v>
      </c>
      <c r="C98" s="28">
        <v>213</v>
      </c>
      <c r="D98" s="29">
        <v>348</v>
      </c>
    </row>
    <row r="99" spans="1:4" ht="18" customHeight="1" x14ac:dyDescent="0.2">
      <c r="A99" s="31">
        <v>77</v>
      </c>
      <c r="B99" s="27">
        <v>127</v>
      </c>
      <c r="C99" s="28">
        <v>205</v>
      </c>
      <c r="D99" s="29">
        <v>332</v>
      </c>
    </row>
    <row r="100" spans="1:4" ht="18" customHeight="1" x14ac:dyDescent="0.2">
      <c r="A100" s="31">
        <v>78</v>
      </c>
      <c r="B100" s="27">
        <v>132</v>
      </c>
      <c r="C100" s="28">
        <v>187</v>
      </c>
      <c r="D100" s="29">
        <v>319</v>
      </c>
    </row>
    <row r="101" spans="1:4" ht="18" customHeight="1" x14ac:dyDescent="0.2">
      <c r="A101" s="31">
        <v>79</v>
      </c>
      <c r="B101" s="27">
        <v>121</v>
      </c>
      <c r="C101" s="28">
        <v>174</v>
      </c>
      <c r="D101" s="29">
        <v>295</v>
      </c>
    </row>
    <row r="102" spans="1:4" ht="18" customHeight="1" x14ac:dyDescent="0.2">
      <c r="A102" s="31" t="s">
        <v>83</v>
      </c>
      <c r="B102" s="27">
        <v>652</v>
      </c>
      <c r="C102" s="28">
        <v>961</v>
      </c>
      <c r="D102" s="29">
        <v>1613</v>
      </c>
    </row>
    <row r="103" spans="1:4" ht="18" customHeight="1" x14ac:dyDescent="0.2">
      <c r="A103" s="31">
        <v>80</v>
      </c>
      <c r="B103" s="27">
        <v>124</v>
      </c>
      <c r="C103" s="28">
        <v>162</v>
      </c>
      <c r="D103" s="29">
        <v>286</v>
      </c>
    </row>
    <row r="104" spans="1:4" ht="18" customHeight="1" x14ac:dyDescent="0.2">
      <c r="A104" s="31">
        <v>81</v>
      </c>
      <c r="B104" s="27">
        <v>106</v>
      </c>
      <c r="C104" s="28">
        <v>152</v>
      </c>
      <c r="D104" s="29">
        <v>258</v>
      </c>
    </row>
    <row r="105" spans="1:4" ht="18" customHeight="1" x14ac:dyDescent="0.2">
      <c r="A105" s="31">
        <v>82</v>
      </c>
      <c r="B105" s="27">
        <v>89</v>
      </c>
      <c r="C105" s="28">
        <v>143</v>
      </c>
      <c r="D105" s="29">
        <v>232</v>
      </c>
    </row>
    <row r="106" spans="1:4" ht="18" customHeight="1" x14ac:dyDescent="0.2">
      <c r="A106" s="31">
        <v>83</v>
      </c>
      <c r="B106" s="27">
        <v>82</v>
      </c>
      <c r="C106" s="28">
        <v>133</v>
      </c>
      <c r="D106" s="29">
        <v>215</v>
      </c>
    </row>
    <row r="107" spans="1:4" ht="18" customHeight="1" x14ac:dyDescent="0.2">
      <c r="A107" s="31">
        <v>84</v>
      </c>
      <c r="B107" s="27">
        <v>84</v>
      </c>
      <c r="C107" s="28">
        <v>118</v>
      </c>
      <c r="D107" s="29">
        <v>202</v>
      </c>
    </row>
    <row r="108" spans="1:4" ht="18" customHeight="1" x14ac:dyDescent="0.2">
      <c r="A108" s="31" t="s">
        <v>84</v>
      </c>
      <c r="B108" s="27">
        <v>485</v>
      </c>
      <c r="C108" s="28">
        <v>708</v>
      </c>
      <c r="D108" s="29">
        <v>1193</v>
      </c>
    </row>
    <row r="109" spans="1:4" ht="18" customHeight="1" x14ac:dyDescent="0.2">
      <c r="A109" s="31">
        <v>85</v>
      </c>
      <c r="B109" s="27">
        <v>55</v>
      </c>
      <c r="C109" s="28">
        <v>111</v>
      </c>
      <c r="D109" s="29">
        <v>166</v>
      </c>
    </row>
    <row r="110" spans="1:4" ht="18" customHeight="1" x14ac:dyDescent="0.2">
      <c r="A110" s="31">
        <v>86</v>
      </c>
      <c r="B110" s="27">
        <v>44</v>
      </c>
      <c r="C110" s="28">
        <v>100</v>
      </c>
      <c r="D110" s="29">
        <v>144</v>
      </c>
    </row>
    <row r="111" spans="1:4" ht="18" customHeight="1" x14ac:dyDescent="0.2">
      <c r="A111" s="31">
        <v>87</v>
      </c>
      <c r="B111" s="27">
        <v>54</v>
      </c>
      <c r="C111" s="28">
        <v>84</v>
      </c>
      <c r="D111" s="29">
        <v>138</v>
      </c>
    </row>
    <row r="112" spans="1:4" ht="18" customHeight="1" x14ac:dyDescent="0.2">
      <c r="A112" s="31">
        <v>88</v>
      </c>
      <c r="B112" s="27">
        <v>25</v>
      </c>
      <c r="C112" s="28">
        <v>97</v>
      </c>
      <c r="D112" s="29">
        <v>122</v>
      </c>
    </row>
    <row r="113" spans="1:4" ht="18" customHeight="1" x14ac:dyDescent="0.2">
      <c r="A113" s="31">
        <v>89</v>
      </c>
      <c r="B113" s="27">
        <v>30</v>
      </c>
      <c r="C113" s="28">
        <v>71</v>
      </c>
      <c r="D113" s="29">
        <v>101</v>
      </c>
    </row>
    <row r="114" spans="1:4" ht="18" customHeight="1" x14ac:dyDescent="0.2">
      <c r="A114" s="31" t="s">
        <v>85</v>
      </c>
      <c r="B114" s="27">
        <v>208</v>
      </c>
      <c r="C114" s="28">
        <v>463</v>
      </c>
      <c r="D114" s="29">
        <v>671</v>
      </c>
    </row>
    <row r="115" spans="1:4" ht="18" customHeight="1" x14ac:dyDescent="0.2">
      <c r="A115" s="31">
        <v>90</v>
      </c>
      <c r="B115" s="27">
        <v>23</v>
      </c>
      <c r="C115" s="28">
        <v>68</v>
      </c>
      <c r="D115" s="29">
        <v>91</v>
      </c>
    </row>
    <row r="116" spans="1:4" ht="18" customHeight="1" x14ac:dyDescent="0.2">
      <c r="A116" s="31">
        <v>91</v>
      </c>
      <c r="B116" s="27">
        <v>8</v>
      </c>
      <c r="C116" s="28">
        <v>41</v>
      </c>
      <c r="D116" s="29">
        <v>49</v>
      </c>
    </row>
    <row r="117" spans="1:4" ht="18" customHeight="1" x14ac:dyDescent="0.2">
      <c r="A117" s="31">
        <v>92</v>
      </c>
      <c r="B117" s="27">
        <v>17</v>
      </c>
      <c r="C117" s="28">
        <v>41</v>
      </c>
      <c r="D117" s="29">
        <v>58</v>
      </c>
    </row>
    <row r="118" spans="1:4" ht="18" customHeight="1" x14ac:dyDescent="0.2">
      <c r="A118" s="31">
        <v>93</v>
      </c>
      <c r="B118" s="27">
        <v>11</v>
      </c>
      <c r="C118" s="28">
        <v>42</v>
      </c>
      <c r="D118" s="29">
        <v>53</v>
      </c>
    </row>
    <row r="119" spans="1:4" ht="18" customHeight="1" x14ac:dyDescent="0.2">
      <c r="A119" s="31">
        <v>94</v>
      </c>
      <c r="B119" s="27">
        <v>9</v>
      </c>
      <c r="C119" s="28">
        <v>33</v>
      </c>
      <c r="D119" s="29">
        <v>42</v>
      </c>
    </row>
    <row r="120" spans="1:4" ht="18" customHeight="1" x14ac:dyDescent="0.2">
      <c r="A120" s="31" t="s">
        <v>86</v>
      </c>
      <c r="B120" s="27">
        <v>68</v>
      </c>
      <c r="C120" s="28">
        <v>225</v>
      </c>
      <c r="D120" s="29">
        <v>293</v>
      </c>
    </row>
    <row r="121" spans="1:4" ht="18" customHeight="1" x14ac:dyDescent="0.2">
      <c r="A121" s="31">
        <v>95</v>
      </c>
      <c r="B121" s="27">
        <v>7</v>
      </c>
      <c r="C121" s="28">
        <v>23</v>
      </c>
      <c r="D121" s="29">
        <v>30</v>
      </c>
    </row>
    <row r="122" spans="1:4" ht="18" customHeight="1" x14ac:dyDescent="0.2">
      <c r="A122" s="31">
        <v>96</v>
      </c>
      <c r="B122" s="27">
        <v>3</v>
      </c>
      <c r="C122" s="28">
        <v>19</v>
      </c>
      <c r="D122" s="29">
        <v>22</v>
      </c>
    </row>
    <row r="123" spans="1:4" ht="18" customHeight="1" x14ac:dyDescent="0.2">
      <c r="A123" s="31">
        <v>97</v>
      </c>
      <c r="B123" s="27">
        <v>6</v>
      </c>
      <c r="C123" s="28">
        <v>12</v>
      </c>
      <c r="D123" s="29">
        <v>18</v>
      </c>
    </row>
    <row r="124" spans="1:4" ht="18" customHeight="1" x14ac:dyDescent="0.2">
      <c r="A124" s="31">
        <v>98</v>
      </c>
      <c r="B124" s="27">
        <v>0</v>
      </c>
      <c r="C124" s="28">
        <v>8</v>
      </c>
      <c r="D124" s="29">
        <v>8</v>
      </c>
    </row>
    <row r="125" spans="1:4" ht="18" customHeight="1" x14ac:dyDescent="0.2">
      <c r="A125" s="31">
        <v>99</v>
      </c>
      <c r="B125" s="27">
        <v>2</v>
      </c>
      <c r="C125" s="28">
        <v>7</v>
      </c>
      <c r="D125" s="29">
        <v>9</v>
      </c>
    </row>
    <row r="126" spans="1:4" ht="18" customHeight="1" x14ac:dyDescent="0.2">
      <c r="A126" s="31" t="s">
        <v>87</v>
      </c>
      <c r="B126" s="27">
        <v>18</v>
      </c>
      <c r="C126" s="28">
        <v>69</v>
      </c>
      <c r="D126" s="29">
        <v>87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88</v>
      </c>
      <c r="B128" s="27">
        <v>0</v>
      </c>
      <c r="C128" s="28">
        <v>9</v>
      </c>
      <c r="D128" s="29">
        <v>9</v>
      </c>
    </row>
    <row r="129" spans="1:4" ht="18" customHeight="1" x14ac:dyDescent="0.2">
      <c r="A129" s="31" t="s">
        <v>89</v>
      </c>
      <c r="B129" s="27">
        <v>0</v>
      </c>
      <c r="C129" s="28">
        <v>12</v>
      </c>
      <c r="D129" s="29">
        <v>12</v>
      </c>
    </row>
    <row r="130" spans="1:4" ht="18" customHeight="1" x14ac:dyDescent="0.2">
      <c r="A130" s="31" t="s">
        <v>90</v>
      </c>
      <c r="B130" s="4">
        <v>3189</v>
      </c>
      <c r="C130" s="5">
        <v>4415</v>
      </c>
      <c r="D130" s="6">
        <v>7604</v>
      </c>
    </row>
    <row r="131" spans="1:4" ht="18" customHeight="1" x14ac:dyDescent="0.2">
      <c r="A131" s="33" t="s">
        <v>65</v>
      </c>
      <c r="B131" s="7">
        <v>19440</v>
      </c>
      <c r="C131" s="8">
        <v>20275</v>
      </c>
      <c r="D131" s="9">
        <v>3971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81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66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0</v>
      </c>
      <c r="C16" s="28">
        <v>1</v>
      </c>
      <c r="D16" s="29">
        <v>1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68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69</v>
      </c>
      <c r="B23" s="27">
        <v>0</v>
      </c>
      <c r="C23" s="28">
        <v>1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70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71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0</v>
      </c>
      <c r="C38" s="28">
        <v>1</v>
      </c>
      <c r="D38" s="29">
        <v>1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72</v>
      </c>
      <c r="B41" s="27">
        <v>1</v>
      </c>
      <c r="C41" s="28">
        <v>3</v>
      </c>
      <c r="D41" s="29">
        <v>4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73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74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75</v>
      </c>
      <c r="B59" s="27">
        <v>1</v>
      </c>
      <c r="C59" s="28">
        <v>1</v>
      </c>
      <c r="D59" s="29">
        <v>2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76</v>
      </c>
      <c r="B65" s="27">
        <v>1</v>
      </c>
      <c r="C65" s="28">
        <v>0</v>
      </c>
      <c r="D65" s="29">
        <v>1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1</v>
      </c>
      <c r="C70" s="28">
        <v>1</v>
      </c>
      <c r="D70" s="29">
        <v>2</v>
      </c>
    </row>
    <row r="71" spans="1:4" ht="18" customHeight="1" x14ac:dyDescent="0.2">
      <c r="A71" s="31" t="s">
        <v>77</v>
      </c>
      <c r="B71" s="27">
        <v>1</v>
      </c>
      <c r="C71" s="28">
        <v>1</v>
      </c>
      <c r="D71" s="29">
        <v>2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1</v>
      </c>
      <c r="C74" s="28">
        <v>0</v>
      </c>
      <c r="D74" s="29">
        <v>1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78</v>
      </c>
      <c r="B77" s="27">
        <v>1</v>
      </c>
      <c r="C77" s="28">
        <v>1</v>
      </c>
      <c r="D77" s="29">
        <v>2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0</v>
      </c>
      <c r="C81" s="28">
        <v>1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79</v>
      </c>
      <c r="B83" s="27">
        <v>0</v>
      </c>
      <c r="C83" s="28">
        <v>1</v>
      </c>
      <c r="D83" s="29">
        <v>1</v>
      </c>
    </row>
    <row r="84" spans="1:4" ht="18" customHeight="1" x14ac:dyDescent="0.2">
      <c r="A84" s="31" t="s">
        <v>80</v>
      </c>
      <c r="B84" s="27">
        <v>5</v>
      </c>
      <c r="C84" s="28">
        <v>7</v>
      </c>
      <c r="D84" s="29">
        <v>12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0</v>
      </c>
      <c r="C87" s="28">
        <v>1</v>
      </c>
      <c r="D87" s="29">
        <v>1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81</v>
      </c>
      <c r="B90" s="27">
        <v>0</v>
      </c>
      <c r="C90" s="28">
        <v>1</v>
      </c>
      <c r="D90" s="29">
        <v>1</v>
      </c>
    </row>
    <row r="91" spans="1:4" ht="18" customHeight="1" x14ac:dyDescent="0.2">
      <c r="A91" s="31">
        <v>70</v>
      </c>
      <c r="B91" s="27">
        <v>1</v>
      </c>
      <c r="C91" s="28">
        <v>0</v>
      </c>
      <c r="D91" s="29">
        <v>1</v>
      </c>
    </row>
    <row r="92" spans="1:4" ht="18" customHeight="1" x14ac:dyDescent="0.2">
      <c r="A92" s="31">
        <v>71</v>
      </c>
      <c r="B92" s="27">
        <v>0</v>
      </c>
      <c r="C92" s="28">
        <v>1</v>
      </c>
      <c r="D92" s="29">
        <v>1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0</v>
      </c>
      <c r="C95" s="28">
        <v>1</v>
      </c>
      <c r="D95" s="29">
        <v>1</v>
      </c>
    </row>
    <row r="96" spans="1:4" ht="18" customHeight="1" x14ac:dyDescent="0.2">
      <c r="A96" s="31" t="s">
        <v>82</v>
      </c>
      <c r="B96" s="27">
        <v>1</v>
      </c>
      <c r="C96" s="28">
        <v>2</v>
      </c>
      <c r="D96" s="29">
        <v>3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0</v>
      </c>
      <c r="C98" s="28">
        <v>1</v>
      </c>
      <c r="D98" s="29">
        <v>1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83</v>
      </c>
      <c r="B102" s="27">
        <v>1</v>
      </c>
      <c r="C102" s="28">
        <v>1</v>
      </c>
      <c r="D102" s="29">
        <v>2</v>
      </c>
    </row>
    <row r="103" spans="1:4" ht="18" customHeight="1" x14ac:dyDescent="0.2">
      <c r="A103" s="31">
        <v>80</v>
      </c>
      <c r="B103" s="27">
        <v>1</v>
      </c>
      <c r="C103" s="28">
        <v>1</v>
      </c>
      <c r="D103" s="29">
        <v>2</v>
      </c>
    </row>
    <row r="104" spans="1:4" ht="18" customHeight="1" x14ac:dyDescent="0.2">
      <c r="A104" s="31">
        <v>81</v>
      </c>
      <c r="B104" s="27">
        <v>0</v>
      </c>
      <c r="C104" s="28">
        <v>2</v>
      </c>
      <c r="D104" s="29">
        <v>2</v>
      </c>
    </row>
    <row r="105" spans="1:4" ht="18" customHeight="1" x14ac:dyDescent="0.2">
      <c r="A105" s="31">
        <v>82</v>
      </c>
      <c r="B105" s="27">
        <v>0</v>
      </c>
      <c r="C105" s="28">
        <v>2</v>
      </c>
      <c r="D105" s="29">
        <v>2</v>
      </c>
    </row>
    <row r="106" spans="1:4" ht="18" customHeight="1" x14ac:dyDescent="0.2">
      <c r="A106" s="31">
        <v>83</v>
      </c>
      <c r="B106" s="27">
        <v>1</v>
      </c>
      <c r="C106" s="28">
        <v>0</v>
      </c>
      <c r="D106" s="29">
        <v>1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84</v>
      </c>
      <c r="B108" s="27">
        <v>2</v>
      </c>
      <c r="C108" s="28">
        <v>5</v>
      </c>
      <c r="D108" s="29">
        <v>7</v>
      </c>
    </row>
    <row r="109" spans="1:4" ht="18" customHeight="1" x14ac:dyDescent="0.2">
      <c r="A109" s="31">
        <v>85</v>
      </c>
      <c r="B109" s="27">
        <v>1</v>
      </c>
      <c r="C109" s="28">
        <v>0</v>
      </c>
      <c r="D109" s="29">
        <v>1</v>
      </c>
    </row>
    <row r="110" spans="1:4" ht="18" customHeight="1" x14ac:dyDescent="0.2">
      <c r="A110" s="31">
        <v>86</v>
      </c>
      <c r="B110" s="27">
        <v>1</v>
      </c>
      <c r="C110" s="28">
        <v>0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1</v>
      </c>
      <c r="C113" s="28">
        <v>0</v>
      </c>
      <c r="D113" s="29">
        <v>1</v>
      </c>
    </row>
    <row r="114" spans="1:4" ht="18" customHeight="1" x14ac:dyDescent="0.2">
      <c r="A114" s="31" t="s">
        <v>85</v>
      </c>
      <c r="B114" s="27">
        <v>3</v>
      </c>
      <c r="C114" s="28">
        <v>0</v>
      </c>
      <c r="D114" s="29">
        <v>3</v>
      </c>
    </row>
    <row r="115" spans="1:4" ht="18" customHeight="1" x14ac:dyDescent="0.2">
      <c r="A115" s="31">
        <v>90</v>
      </c>
      <c r="B115" s="27">
        <v>1</v>
      </c>
      <c r="C115" s="28">
        <v>0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86</v>
      </c>
      <c r="B120" s="27">
        <v>1</v>
      </c>
      <c r="C120" s="28">
        <v>0</v>
      </c>
      <c r="D120" s="29">
        <v>1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8</v>
      </c>
      <c r="C130" s="5">
        <v>9</v>
      </c>
      <c r="D130" s="6">
        <v>17</v>
      </c>
    </row>
    <row r="131" spans="1:4" ht="18" customHeight="1" x14ac:dyDescent="0.2">
      <c r="A131" s="33" t="s">
        <v>65</v>
      </c>
      <c r="B131" s="7">
        <v>13</v>
      </c>
      <c r="C131" s="8">
        <v>17</v>
      </c>
      <c r="D131" s="9">
        <v>3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82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6</v>
      </c>
      <c r="C5" s="37">
        <v>2</v>
      </c>
      <c r="D5" s="39">
        <v>8</v>
      </c>
    </row>
    <row r="6" spans="1:4" ht="18" customHeight="1" x14ac:dyDescent="0.2">
      <c r="A6" s="31">
        <v>1</v>
      </c>
      <c r="B6" s="35">
        <v>2</v>
      </c>
      <c r="C6" s="28">
        <v>4</v>
      </c>
      <c r="D6" s="29">
        <v>6</v>
      </c>
    </row>
    <row r="7" spans="1:4" ht="18" customHeight="1" x14ac:dyDescent="0.2">
      <c r="A7" s="31">
        <v>2</v>
      </c>
      <c r="B7" s="35">
        <v>6</v>
      </c>
      <c r="C7" s="28">
        <v>3</v>
      </c>
      <c r="D7" s="29">
        <v>9</v>
      </c>
    </row>
    <row r="8" spans="1:4" ht="18" customHeight="1" x14ac:dyDescent="0.2">
      <c r="A8" s="31">
        <v>3</v>
      </c>
      <c r="B8" s="35">
        <v>7</v>
      </c>
      <c r="C8" s="28">
        <v>4</v>
      </c>
      <c r="D8" s="29">
        <v>11</v>
      </c>
    </row>
    <row r="9" spans="1:4" ht="18" customHeight="1" x14ac:dyDescent="0.2">
      <c r="A9" s="31">
        <v>4</v>
      </c>
      <c r="B9" s="36">
        <v>4</v>
      </c>
      <c r="C9" s="38">
        <v>9</v>
      </c>
      <c r="D9" s="40">
        <v>13</v>
      </c>
    </row>
    <row r="10" spans="1:4" ht="18" customHeight="1" x14ac:dyDescent="0.2">
      <c r="A10" s="31" t="s">
        <v>66</v>
      </c>
      <c r="B10" s="27">
        <v>25</v>
      </c>
      <c r="C10" s="28">
        <v>22</v>
      </c>
      <c r="D10" s="29">
        <v>47</v>
      </c>
    </row>
    <row r="11" spans="1:4" ht="18" customHeight="1" x14ac:dyDescent="0.2">
      <c r="A11" s="31">
        <v>5</v>
      </c>
      <c r="B11" s="35">
        <v>6</v>
      </c>
      <c r="C11" s="28">
        <v>4</v>
      </c>
      <c r="D11" s="29">
        <v>10</v>
      </c>
    </row>
    <row r="12" spans="1:4" ht="18" customHeight="1" x14ac:dyDescent="0.2">
      <c r="A12" s="31">
        <v>6</v>
      </c>
      <c r="B12" s="35">
        <v>7</v>
      </c>
      <c r="C12" s="28">
        <v>4</v>
      </c>
      <c r="D12" s="29">
        <v>11</v>
      </c>
    </row>
    <row r="13" spans="1:4" ht="18" customHeight="1" x14ac:dyDescent="0.2">
      <c r="A13" s="31">
        <v>7</v>
      </c>
      <c r="B13" s="35">
        <v>4</v>
      </c>
      <c r="C13" s="28">
        <v>8</v>
      </c>
      <c r="D13" s="29">
        <v>12</v>
      </c>
    </row>
    <row r="14" spans="1:4" ht="18" customHeight="1" x14ac:dyDescent="0.2">
      <c r="A14" s="31">
        <v>8</v>
      </c>
      <c r="B14" s="35">
        <v>5</v>
      </c>
      <c r="C14" s="28">
        <v>2</v>
      </c>
      <c r="D14" s="29">
        <v>7</v>
      </c>
    </row>
    <row r="15" spans="1:4" ht="18" customHeight="1" x14ac:dyDescent="0.2">
      <c r="A15" s="31">
        <v>9</v>
      </c>
      <c r="B15" s="35">
        <v>3</v>
      </c>
      <c r="C15" s="28">
        <v>6</v>
      </c>
      <c r="D15" s="29">
        <v>9</v>
      </c>
    </row>
    <row r="16" spans="1:4" ht="18" customHeight="1" x14ac:dyDescent="0.2">
      <c r="A16" s="31" t="s">
        <v>67</v>
      </c>
      <c r="B16" s="27">
        <v>25</v>
      </c>
      <c r="C16" s="28">
        <v>24</v>
      </c>
      <c r="D16" s="29">
        <v>49</v>
      </c>
    </row>
    <row r="17" spans="1:4" ht="18" customHeight="1" x14ac:dyDescent="0.2">
      <c r="A17" s="31">
        <v>10</v>
      </c>
      <c r="B17" s="27">
        <v>3</v>
      </c>
      <c r="C17" s="28">
        <v>5</v>
      </c>
      <c r="D17" s="29">
        <v>8</v>
      </c>
    </row>
    <row r="18" spans="1:4" ht="18" customHeight="1" x14ac:dyDescent="0.2">
      <c r="A18" s="31">
        <v>11</v>
      </c>
      <c r="B18" s="27">
        <v>7</v>
      </c>
      <c r="C18" s="28">
        <v>8</v>
      </c>
      <c r="D18" s="29">
        <v>15</v>
      </c>
    </row>
    <row r="19" spans="1:4" ht="18" customHeight="1" x14ac:dyDescent="0.2">
      <c r="A19" s="31">
        <v>12</v>
      </c>
      <c r="B19" s="27">
        <v>5</v>
      </c>
      <c r="C19" s="28">
        <v>4</v>
      </c>
      <c r="D19" s="29">
        <v>9</v>
      </c>
    </row>
    <row r="20" spans="1:4" ht="18" customHeight="1" x14ac:dyDescent="0.2">
      <c r="A20" s="31">
        <v>13</v>
      </c>
      <c r="B20" s="27">
        <v>10</v>
      </c>
      <c r="C20" s="28">
        <v>4</v>
      </c>
      <c r="D20" s="29">
        <v>14</v>
      </c>
    </row>
    <row r="21" spans="1:4" ht="18" customHeight="1" x14ac:dyDescent="0.2">
      <c r="A21" s="31">
        <v>14</v>
      </c>
      <c r="B21" s="27">
        <v>7</v>
      </c>
      <c r="C21" s="28">
        <v>8</v>
      </c>
      <c r="D21" s="29">
        <v>15</v>
      </c>
    </row>
    <row r="22" spans="1:4" ht="18" customHeight="1" x14ac:dyDescent="0.2">
      <c r="A22" s="31" t="s">
        <v>68</v>
      </c>
      <c r="B22" s="27">
        <v>32</v>
      </c>
      <c r="C22" s="28">
        <v>29</v>
      </c>
      <c r="D22" s="29">
        <v>61</v>
      </c>
    </row>
    <row r="23" spans="1:4" ht="18" customHeight="1" x14ac:dyDescent="0.2">
      <c r="A23" s="31" t="s">
        <v>69</v>
      </c>
      <c r="B23" s="27">
        <v>82</v>
      </c>
      <c r="C23" s="28">
        <v>75</v>
      </c>
      <c r="D23" s="29">
        <v>157</v>
      </c>
    </row>
    <row r="24" spans="1:4" ht="18" customHeight="1" x14ac:dyDescent="0.2">
      <c r="A24" s="31">
        <v>15</v>
      </c>
      <c r="B24" s="27">
        <v>3</v>
      </c>
      <c r="C24" s="28">
        <v>1</v>
      </c>
      <c r="D24" s="29">
        <v>4</v>
      </c>
    </row>
    <row r="25" spans="1:4" ht="18" customHeight="1" x14ac:dyDescent="0.2">
      <c r="A25" s="31">
        <v>16</v>
      </c>
      <c r="B25" s="27">
        <v>4</v>
      </c>
      <c r="C25" s="28">
        <v>7</v>
      </c>
      <c r="D25" s="29">
        <v>11</v>
      </c>
    </row>
    <row r="26" spans="1:4" ht="18" customHeight="1" x14ac:dyDescent="0.2">
      <c r="A26" s="31">
        <v>17</v>
      </c>
      <c r="B26" s="27">
        <v>4</v>
      </c>
      <c r="C26" s="28">
        <v>8</v>
      </c>
      <c r="D26" s="29">
        <v>12</v>
      </c>
    </row>
    <row r="27" spans="1:4" ht="18" customHeight="1" x14ac:dyDescent="0.2">
      <c r="A27" s="31">
        <v>18</v>
      </c>
      <c r="B27" s="27">
        <v>4</v>
      </c>
      <c r="C27" s="28">
        <v>6</v>
      </c>
      <c r="D27" s="29">
        <v>10</v>
      </c>
    </row>
    <row r="28" spans="1:4" ht="18" customHeight="1" x14ac:dyDescent="0.2">
      <c r="A28" s="31">
        <v>19</v>
      </c>
      <c r="B28" s="27">
        <v>8</v>
      </c>
      <c r="C28" s="28">
        <v>9</v>
      </c>
      <c r="D28" s="29">
        <v>17</v>
      </c>
    </row>
    <row r="29" spans="1:4" ht="18" customHeight="1" x14ac:dyDescent="0.2">
      <c r="A29" s="31" t="s">
        <v>70</v>
      </c>
      <c r="B29" s="27">
        <v>23</v>
      </c>
      <c r="C29" s="28">
        <v>31</v>
      </c>
      <c r="D29" s="29">
        <v>54</v>
      </c>
    </row>
    <row r="30" spans="1:4" ht="18" customHeight="1" x14ac:dyDescent="0.2">
      <c r="A30" s="31">
        <v>20</v>
      </c>
      <c r="B30" s="27">
        <v>7</v>
      </c>
      <c r="C30" s="28">
        <v>4</v>
      </c>
      <c r="D30" s="29">
        <v>11</v>
      </c>
    </row>
    <row r="31" spans="1:4" ht="18" customHeight="1" x14ac:dyDescent="0.2">
      <c r="A31" s="31">
        <v>21</v>
      </c>
      <c r="B31" s="27">
        <v>2</v>
      </c>
      <c r="C31" s="28">
        <v>7</v>
      </c>
      <c r="D31" s="29">
        <v>9</v>
      </c>
    </row>
    <row r="32" spans="1:4" ht="18" customHeight="1" x14ac:dyDescent="0.2">
      <c r="A32" s="31">
        <v>22</v>
      </c>
      <c r="B32" s="27">
        <v>5</v>
      </c>
      <c r="C32" s="28">
        <v>9</v>
      </c>
      <c r="D32" s="29">
        <v>14</v>
      </c>
    </row>
    <row r="33" spans="1:4" ht="18" customHeight="1" x14ac:dyDescent="0.2">
      <c r="A33" s="31">
        <v>23</v>
      </c>
      <c r="B33" s="27">
        <v>5</v>
      </c>
      <c r="C33" s="28">
        <v>8</v>
      </c>
      <c r="D33" s="29">
        <v>13</v>
      </c>
    </row>
    <row r="34" spans="1:4" ht="18" customHeight="1" x14ac:dyDescent="0.2">
      <c r="A34" s="31">
        <v>24</v>
      </c>
      <c r="B34" s="27">
        <v>5</v>
      </c>
      <c r="C34" s="28">
        <v>8</v>
      </c>
      <c r="D34" s="29">
        <v>13</v>
      </c>
    </row>
    <row r="35" spans="1:4" ht="18" customHeight="1" x14ac:dyDescent="0.2">
      <c r="A35" s="31" t="s">
        <v>71</v>
      </c>
      <c r="B35" s="27">
        <v>24</v>
      </c>
      <c r="C35" s="28">
        <v>36</v>
      </c>
      <c r="D35" s="29">
        <v>60</v>
      </c>
    </row>
    <row r="36" spans="1:4" ht="18" customHeight="1" x14ac:dyDescent="0.2">
      <c r="A36" s="31">
        <v>25</v>
      </c>
      <c r="B36" s="27">
        <v>3</v>
      </c>
      <c r="C36" s="28">
        <v>7</v>
      </c>
      <c r="D36" s="29">
        <v>10</v>
      </c>
    </row>
    <row r="37" spans="1:4" ht="18" customHeight="1" x14ac:dyDescent="0.2">
      <c r="A37" s="31">
        <v>26</v>
      </c>
      <c r="B37" s="27">
        <v>3</v>
      </c>
      <c r="C37" s="28">
        <v>7</v>
      </c>
      <c r="D37" s="29">
        <v>10</v>
      </c>
    </row>
    <row r="38" spans="1:4" ht="18" customHeight="1" x14ac:dyDescent="0.2">
      <c r="A38" s="31">
        <v>27</v>
      </c>
      <c r="B38" s="27">
        <v>9</v>
      </c>
      <c r="C38" s="28">
        <v>9</v>
      </c>
      <c r="D38" s="29">
        <v>18</v>
      </c>
    </row>
    <row r="39" spans="1:4" ht="18" customHeight="1" x14ac:dyDescent="0.2">
      <c r="A39" s="31">
        <v>28</v>
      </c>
      <c r="B39" s="27">
        <v>7</v>
      </c>
      <c r="C39" s="28">
        <v>12</v>
      </c>
      <c r="D39" s="29">
        <v>19</v>
      </c>
    </row>
    <row r="40" spans="1:4" ht="18" customHeight="1" x14ac:dyDescent="0.2">
      <c r="A40" s="31">
        <v>29</v>
      </c>
      <c r="B40" s="27">
        <v>8</v>
      </c>
      <c r="C40" s="28">
        <v>7</v>
      </c>
      <c r="D40" s="29">
        <v>15</v>
      </c>
    </row>
    <row r="41" spans="1:4" ht="18" customHeight="1" x14ac:dyDescent="0.2">
      <c r="A41" s="31" t="s">
        <v>72</v>
      </c>
      <c r="B41" s="27">
        <v>30</v>
      </c>
      <c r="C41" s="28">
        <v>42</v>
      </c>
      <c r="D41" s="29">
        <v>72</v>
      </c>
    </row>
    <row r="42" spans="1:4" ht="18" customHeight="1" x14ac:dyDescent="0.2">
      <c r="A42" s="31">
        <v>30</v>
      </c>
      <c r="B42" s="27">
        <v>6</v>
      </c>
      <c r="C42" s="28">
        <v>4</v>
      </c>
      <c r="D42" s="29">
        <v>10</v>
      </c>
    </row>
    <row r="43" spans="1:4" ht="18" customHeight="1" x14ac:dyDescent="0.2">
      <c r="A43" s="31">
        <v>31</v>
      </c>
      <c r="B43" s="27">
        <v>7</v>
      </c>
      <c r="C43" s="28">
        <v>10</v>
      </c>
      <c r="D43" s="29">
        <v>17</v>
      </c>
    </row>
    <row r="44" spans="1:4" ht="18" customHeight="1" x14ac:dyDescent="0.2">
      <c r="A44" s="31">
        <v>32</v>
      </c>
      <c r="B44" s="27">
        <v>6</v>
      </c>
      <c r="C44" s="28">
        <v>5</v>
      </c>
      <c r="D44" s="29">
        <v>11</v>
      </c>
    </row>
    <row r="45" spans="1:4" ht="18" customHeight="1" x14ac:dyDescent="0.2">
      <c r="A45" s="31">
        <v>33</v>
      </c>
      <c r="B45" s="27">
        <v>8</v>
      </c>
      <c r="C45" s="28">
        <v>3</v>
      </c>
      <c r="D45" s="29">
        <v>11</v>
      </c>
    </row>
    <row r="46" spans="1:4" ht="18" customHeight="1" x14ac:dyDescent="0.2">
      <c r="A46" s="31">
        <v>34</v>
      </c>
      <c r="B46" s="27">
        <v>4</v>
      </c>
      <c r="C46" s="28">
        <v>7</v>
      </c>
      <c r="D46" s="29">
        <v>11</v>
      </c>
    </row>
    <row r="47" spans="1:4" ht="18" customHeight="1" x14ac:dyDescent="0.2">
      <c r="A47" s="31" t="s">
        <v>73</v>
      </c>
      <c r="B47" s="27">
        <v>31</v>
      </c>
      <c r="C47" s="28">
        <v>29</v>
      </c>
      <c r="D47" s="29">
        <v>60</v>
      </c>
    </row>
    <row r="48" spans="1:4" ht="18" customHeight="1" x14ac:dyDescent="0.2">
      <c r="A48" s="31">
        <v>35</v>
      </c>
      <c r="B48" s="27">
        <v>10</v>
      </c>
      <c r="C48" s="28">
        <v>7</v>
      </c>
      <c r="D48" s="29">
        <v>17</v>
      </c>
    </row>
    <row r="49" spans="1:4" ht="18" customHeight="1" x14ac:dyDescent="0.2">
      <c r="A49" s="31">
        <v>36</v>
      </c>
      <c r="B49" s="27">
        <v>9</v>
      </c>
      <c r="C49" s="28">
        <v>10</v>
      </c>
      <c r="D49" s="29">
        <v>19</v>
      </c>
    </row>
    <row r="50" spans="1:4" ht="18" customHeight="1" x14ac:dyDescent="0.2">
      <c r="A50" s="31">
        <v>37</v>
      </c>
      <c r="B50" s="27">
        <v>8</v>
      </c>
      <c r="C50" s="28">
        <v>5</v>
      </c>
      <c r="D50" s="29">
        <v>13</v>
      </c>
    </row>
    <row r="51" spans="1:4" ht="18" customHeight="1" x14ac:dyDescent="0.2">
      <c r="A51" s="31">
        <v>38</v>
      </c>
      <c r="B51" s="27">
        <v>5</v>
      </c>
      <c r="C51" s="28">
        <v>7</v>
      </c>
      <c r="D51" s="29">
        <v>12</v>
      </c>
    </row>
    <row r="52" spans="1:4" ht="18" customHeight="1" x14ac:dyDescent="0.2">
      <c r="A52" s="31">
        <v>39</v>
      </c>
      <c r="B52" s="27">
        <v>4</v>
      </c>
      <c r="C52" s="28">
        <v>4</v>
      </c>
      <c r="D52" s="29">
        <v>8</v>
      </c>
    </row>
    <row r="53" spans="1:4" ht="18" customHeight="1" x14ac:dyDescent="0.2">
      <c r="A53" s="31" t="s">
        <v>74</v>
      </c>
      <c r="B53" s="27">
        <v>36</v>
      </c>
      <c r="C53" s="28">
        <v>33</v>
      </c>
      <c r="D53" s="29">
        <v>69</v>
      </c>
    </row>
    <row r="54" spans="1:4" ht="18" customHeight="1" x14ac:dyDescent="0.2">
      <c r="A54" s="31">
        <v>40</v>
      </c>
      <c r="B54" s="27">
        <v>4</v>
      </c>
      <c r="C54" s="28">
        <v>6</v>
      </c>
      <c r="D54" s="29">
        <v>10</v>
      </c>
    </row>
    <row r="55" spans="1:4" ht="18" customHeight="1" x14ac:dyDescent="0.2">
      <c r="A55" s="31">
        <v>41</v>
      </c>
      <c r="B55" s="27">
        <v>1</v>
      </c>
      <c r="C55" s="28">
        <v>6</v>
      </c>
      <c r="D55" s="29">
        <v>7</v>
      </c>
    </row>
    <row r="56" spans="1:4" ht="18" customHeight="1" x14ac:dyDescent="0.2">
      <c r="A56" s="31">
        <v>42</v>
      </c>
      <c r="B56" s="27">
        <v>5</v>
      </c>
      <c r="C56" s="28">
        <v>10</v>
      </c>
      <c r="D56" s="29">
        <v>15</v>
      </c>
    </row>
    <row r="57" spans="1:4" ht="18" customHeight="1" x14ac:dyDescent="0.2">
      <c r="A57" s="31">
        <v>43</v>
      </c>
      <c r="B57" s="27">
        <v>8</v>
      </c>
      <c r="C57" s="28">
        <v>4</v>
      </c>
      <c r="D57" s="29">
        <v>12</v>
      </c>
    </row>
    <row r="58" spans="1:4" ht="18" customHeight="1" x14ac:dyDescent="0.2">
      <c r="A58" s="31">
        <v>44</v>
      </c>
      <c r="B58" s="27">
        <v>5</v>
      </c>
      <c r="C58" s="28">
        <v>8</v>
      </c>
      <c r="D58" s="29">
        <v>13</v>
      </c>
    </row>
    <row r="59" spans="1:4" ht="18" customHeight="1" x14ac:dyDescent="0.2">
      <c r="A59" s="31" t="s">
        <v>75</v>
      </c>
      <c r="B59" s="27">
        <v>23</v>
      </c>
      <c r="C59" s="28">
        <v>34</v>
      </c>
      <c r="D59" s="29">
        <v>57</v>
      </c>
    </row>
    <row r="60" spans="1:4" ht="18" customHeight="1" x14ac:dyDescent="0.2">
      <c r="A60" s="31">
        <v>45</v>
      </c>
      <c r="B60" s="27">
        <v>7</v>
      </c>
      <c r="C60" s="28">
        <v>5</v>
      </c>
      <c r="D60" s="29">
        <v>12</v>
      </c>
    </row>
    <row r="61" spans="1:4" ht="18" customHeight="1" x14ac:dyDescent="0.2">
      <c r="A61" s="31">
        <v>46</v>
      </c>
      <c r="B61" s="27">
        <v>7</v>
      </c>
      <c r="C61" s="28">
        <v>6</v>
      </c>
      <c r="D61" s="29">
        <v>13</v>
      </c>
    </row>
    <row r="62" spans="1:4" ht="18" customHeight="1" x14ac:dyDescent="0.2">
      <c r="A62" s="31">
        <v>47</v>
      </c>
      <c r="B62" s="27">
        <v>3</v>
      </c>
      <c r="C62" s="28">
        <v>4</v>
      </c>
      <c r="D62" s="29">
        <v>7</v>
      </c>
    </row>
    <row r="63" spans="1:4" ht="18" customHeight="1" x14ac:dyDescent="0.2">
      <c r="A63" s="31">
        <v>48</v>
      </c>
      <c r="B63" s="27">
        <v>4</v>
      </c>
      <c r="C63" s="28">
        <v>3</v>
      </c>
      <c r="D63" s="29">
        <v>7</v>
      </c>
    </row>
    <row r="64" spans="1:4" ht="18" customHeight="1" x14ac:dyDescent="0.2">
      <c r="A64" s="31">
        <v>49</v>
      </c>
      <c r="B64" s="27">
        <v>8</v>
      </c>
      <c r="C64" s="28">
        <v>5</v>
      </c>
      <c r="D64" s="29">
        <v>13</v>
      </c>
    </row>
    <row r="65" spans="1:4" ht="18" customHeight="1" x14ac:dyDescent="0.2">
      <c r="A65" s="31" t="s">
        <v>76</v>
      </c>
      <c r="B65" s="27">
        <v>29</v>
      </c>
      <c r="C65" s="28">
        <v>23</v>
      </c>
      <c r="D65" s="29">
        <v>52</v>
      </c>
    </row>
    <row r="66" spans="1:4" ht="18" customHeight="1" x14ac:dyDescent="0.2">
      <c r="A66" s="31">
        <v>50</v>
      </c>
      <c r="B66" s="27">
        <v>3</v>
      </c>
      <c r="C66" s="28">
        <v>7</v>
      </c>
      <c r="D66" s="29">
        <v>10</v>
      </c>
    </row>
    <row r="67" spans="1:4" ht="18" customHeight="1" x14ac:dyDescent="0.2">
      <c r="A67" s="31">
        <v>51</v>
      </c>
      <c r="B67" s="27">
        <v>4</v>
      </c>
      <c r="C67" s="28">
        <v>12</v>
      </c>
      <c r="D67" s="29">
        <v>16</v>
      </c>
    </row>
    <row r="68" spans="1:4" ht="18" customHeight="1" x14ac:dyDescent="0.2">
      <c r="A68" s="31">
        <v>52</v>
      </c>
      <c r="B68" s="27">
        <v>7</v>
      </c>
      <c r="C68" s="28">
        <v>6</v>
      </c>
      <c r="D68" s="29">
        <v>13</v>
      </c>
    </row>
    <row r="69" spans="1:4" ht="18" customHeight="1" x14ac:dyDescent="0.2">
      <c r="A69" s="31">
        <v>53</v>
      </c>
      <c r="B69" s="27">
        <v>13</v>
      </c>
      <c r="C69" s="28">
        <v>9</v>
      </c>
      <c r="D69" s="29">
        <v>22</v>
      </c>
    </row>
    <row r="70" spans="1:4" ht="18" customHeight="1" x14ac:dyDescent="0.2">
      <c r="A70" s="31">
        <v>54</v>
      </c>
      <c r="B70" s="27">
        <v>8</v>
      </c>
      <c r="C70" s="28">
        <v>6</v>
      </c>
      <c r="D70" s="29">
        <v>14</v>
      </c>
    </row>
    <row r="71" spans="1:4" ht="18" customHeight="1" x14ac:dyDescent="0.2">
      <c r="A71" s="31" t="s">
        <v>77</v>
      </c>
      <c r="B71" s="27">
        <v>35</v>
      </c>
      <c r="C71" s="28">
        <v>40</v>
      </c>
      <c r="D71" s="29">
        <v>75</v>
      </c>
    </row>
    <row r="72" spans="1:4" ht="18" customHeight="1" x14ac:dyDescent="0.2">
      <c r="A72" s="31">
        <v>55</v>
      </c>
      <c r="B72" s="27">
        <v>10</v>
      </c>
      <c r="C72" s="28">
        <v>12</v>
      </c>
      <c r="D72" s="29">
        <v>22</v>
      </c>
    </row>
    <row r="73" spans="1:4" ht="18" customHeight="1" x14ac:dyDescent="0.2">
      <c r="A73" s="31">
        <v>56</v>
      </c>
      <c r="B73" s="27">
        <v>15</v>
      </c>
      <c r="C73" s="28">
        <v>10</v>
      </c>
      <c r="D73" s="29">
        <v>25</v>
      </c>
    </row>
    <row r="74" spans="1:4" ht="18" customHeight="1" x14ac:dyDescent="0.2">
      <c r="A74" s="31">
        <v>57</v>
      </c>
      <c r="B74" s="27">
        <v>13</v>
      </c>
      <c r="C74" s="28">
        <v>13</v>
      </c>
      <c r="D74" s="29">
        <v>26</v>
      </c>
    </row>
    <row r="75" spans="1:4" ht="18" customHeight="1" x14ac:dyDescent="0.2">
      <c r="A75" s="31">
        <v>58</v>
      </c>
      <c r="B75" s="27">
        <v>10</v>
      </c>
      <c r="C75" s="28">
        <v>9</v>
      </c>
      <c r="D75" s="29">
        <v>19</v>
      </c>
    </row>
    <row r="76" spans="1:4" ht="18" customHeight="1" x14ac:dyDescent="0.2">
      <c r="A76" s="31">
        <v>59</v>
      </c>
      <c r="B76" s="27">
        <v>8</v>
      </c>
      <c r="C76" s="28">
        <v>9</v>
      </c>
      <c r="D76" s="29">
        <v>17</v>
      </c>
    </row>
    <row r="77" spans="1:4" ht="18" customHeight="1" x14ac:dyDescent="0.2">
      <c r="A77" s="31" t="s">
        <v>78</v>
      </c>
      <c r="B77" s="27">
        <v>56</v>
      </c>
      <c r="C77" s="28">
        <v>53</v>
      </c>
      <c r="D77" s="29">
        <v>109</v>
      </c>
    </row>
    <row r="78" spans="1:4" ht="18" customHeight="1" x14ac:dyDescent="0.2">
      <c r="A78" s="31">
        <v>60</v>
      </c>
      <c r="B78" s="27">
        <v>12</v>
      </c>
      <c r="C78" s="28">
        <v>10</v>
      </c>
      <c r="D78" s="29">
        <v>22</v>
      </c>
    </row>
    <row r="79" spans="1:4" ht="18" customHeight="1" x14ac:dyDescent="0.2">
      <c r="A79" s="31">
        <v>61</v>
      </c>
      <c r="B79" s="27">
        <v>12</v>
      </c>
      <c r="C79" s="28">
        <v>12</v>
      </c>
      <c r="D79" s="29">
        <v>24</v>
      </c>
    </row>
    <row r="80" spans="1:4" ht="18" customHeight="1" x14ac:dyDescent="0.2">
      <c r="A80" s="31">
        <v>62</v>
      </c>
      <c r="B80" s="27">
        <v>15</v>
      </c>
      <c r="C80" s="28">
        <v>6</v>
      </c>
      <c r="D80" s="29">
        <v>21</v>
      </c>
    </row>
    <row r="81" spans="1:4" ht="18" customHeight="1" x14ac:dyDescent="0.2">
      <c r="A81" s="31">
        <v>63</v>
      </c>
      <c r="B81" s="27">
        <v>7</v>
      </c>
      <c r="C81" s="28">
        <v>9</v>
      </c>
      <c r="D81" s="29">
        <v>16</v>
      </c>
    </row>
    <row r="82" spans="1:4" ht="18" customHeight="1" x14ac:dyDescent="0.2">
      <c r="A82" s="31">
        <v>64</v>
      </c>
      <c r="B82" s="27">
        <v>5</v>
      </c>
      <c r="C82" s="28">
        <v>2</v>
      </c>
      <c r="D82" s="29">
        <v>7</v>
      </c>
    </row>
    <row r="83" spans="1:4" ht="18" customHeight="1" x14ac:dyDescent="0.2">
      <c r="A83" s="31" t="s">
        <v>79</v>
      </c>
      <c r="B83" s="27">
        <v>51</v>
      </c>
      <c r="C83" s="28">
        <v>39</v>
      </c>
      <c r="D83" s="29">
        <v>90</v>
      </c>
    </row>
    <row r="84" spans="1:4" ht="18" customHeight="1" x14ac:dyDescent="0.2">
      <c r="A84" s="31" t="s">
        <v>80</v>
      </c>
      <c r="B84" s="27">
        <v>338</v>
      </c>
      <c r="C84" s="28">
        <v>360</v>
      </c>
      <c r="D84" s="29">
        <v>698</v>
      </c>
    </row>
    <row r="85" spans="1:4" ht="18" customHeight="1" x14ac:dyDescent="0.2">
      <c r="A85" s="31">
        <v>65</v>
      </c>
      <c r="B85" s="27">
        <v>8</v>
      </c>
      <c r="C85" s="28">
        <v>7</v>
      </c>
      <c r="D85" s="29">
        <v>15</v>
      </c>
    </row>
    <row r="86" spans="1:4" ht="18" customHeight="1" x14ac:dyDescent="0.2">
      <c r="A86" s="31">
        <v>66</v>
      </c>
      <c r="B86" s="27">
        <v>7</v>
      </c>
      <c r="C86" s="28">
        <v>4</v>
      </c>
      <c r="D86" s="29">
        <v>11</v>
      </c>
    </row>
    <row r="87" spans="1:4" ht="18" customHeight="1" x14ac:dyDescent="0.2">
      <c r="A87" s="31">
        <v>67</v>
      </c>
      <c r="B87" s="27">
        <v>10</v>
      </c>
      <c r="C87" s="28">
        <v>9</v>
      </c>
      <c r="D87" s="29">
        <v>19</v>
      </c>
    </row>
    <row r="88" spans="1:4" ht="18" customHeight="1" x14ac:dyDescent="0.2">
      <c r="A88" s="31">
        <v>68</v>
      </c>
      <c r="B88" s="27">
        <v>5</v>
      </c>
      <c r="C88" s="28">
        <v>11</v>
      </c>
      <c r="D88" s="29">
        <v>16</v>
      </c>
    </row>
    <row r="89" spans="1:4" ht="18" customHeight="1" x14ac:dyDescent="0.2">
      <c r="A89" s="31">
        <v>69</v>
      </c>
      <c r="B89" s="27">
        <v>4</v>
      </c>
      <c r="C89" s="28">
        <v>4</v>
      </c>
      <c r="D89" s="29">
        <v>8</v>
      </c>
    </row>
    <row r="90" spans="1:4" ht="18" customHeight="1" x14ac:dyDescent="0.2">
      <c r="A90" s="31" t="s">
        <v>81</v>
      </c>
      <c r="B90" s="27">
        <v>34</v>
      </c>
      <c r="C90" s="28">
        <v>35</v>
      </c>
      <c r="D90" s="29">
        <v>69</v>
      </c>
    </row>
    <row r="91" spans="1:4" ht="18" customHeight="1" x14ac:dyDescent="0.2">
      <c r="A91" s="31">
        <v>70</v>
      </c>
      <c r="B91" s="27">
        <v>7</v>
      </c>
      <c r="C91" s="28">
        <v>5</v>
      </c>
      <c r="D91" s="29">
        <v>12</v>
      </c>
    </row>
    <row r="92" spans="1:4" ht="18" customHeight="1" x14ac:dyDescent="0.2">
      <c r="A92" s="31">
        <v>71</v>
      </c>
      <c r="B92" s="27">
        <v>6</v>
      </c>
      <c r="C92" s="28">
        <v>1</v>
      </c>
      <c r="D92" s="29">
        <v>7</v>
      </c>
    </row>
    <row r="93" spans="1:4" ht="18" customHeight="1" x14ac:dyDescent="0.2">
      <c r="A93" s="31">
        <v>72</v>
      </c>
      <c r="B93" s="27">
        <v>7</v>
      </c>
      <c r="C93" s="28">
        <v>8</v>
      </c>
      <c r="D93" s="29">
        <v>15</v>
      </c>
    </row>
    <row r="94" spans="1:4" ht="18" customHeight="1" x14ac:dyDescent="0.2">
      <c r="A94" s="31">
        <v>73</v>
      </c>
      <c r="B94" s="27">
        <v>2</v>
      </c>
      <c r="C94" s="28">
        <v>5</v>
      </c>
      <c r="D94" s="29">
        <v>7</v>
      </c>
    </row>
    <row r="95" spans="1:4" ht="18" customHeight="1" x14ac:dyDescent="0.2">
      <c r="A95" s="31">
        <v>74</v>
      </c>
      <c r="B95" s="27">
        <v>3</v>
      </c>
      <c r="C95" s="28">
        <v>11</v>
      </c>
      <c r="D95" s="29">
        <v>14</v>
      </c>
    </row>
    <row r="96" spans="1:4" ht="18" customHeight="1" x14ac:dyDescent="0.2">
      <c r="A96" s="31" t="s">
        <v>82</v>
      </c>
      <c r="B96" s="27">
        <v>25</v>
      </c>
      <c r="C96" s="28">
        <v>30</v>
      </c>
      <c r="D96" s="29">
        <v>55</v>
      </c>
    </row>
    <row r="97" spans="1:4" ht="18" customHeight="1" x14ac:dyDescent="0.2">
      <c r="A97" s="31">
        <v>75</v>
      </c>
      <c r="B97" s="27">
        <v>4</v>
      </c>
      <c r="C97" s="28">
        <v>11</v>
      </c>
      <c r="D97" s="29">
        <v>15</v>
      </c>
    </row>
    <row r="98" spans="1:4" ht="18" customHeight="1" x14ac:dyDescent="0.2">
      <c r="A98" s="31">
        <v>76</v>
      </c>
      <c r="B98" s="27">
        <v>1</v>
      </c>
      <c r="C98" s="28">
        <v>6</v>
      </c>
      <c r="D98" s="29">
        <v>7</v>
      </c>
    </row>
    <row r="99" spans="1:4" ht="18" customHeight="1" x14ac:dyDescent="0.2">
      <c r="A99" s="31">
        <v>77</v>
      </c>
      <c r="B99" s="27">
        <v>3</v>
      </c>
      <c r="C99" s="28">
        <v>10</v>
      </c>
      <c r="D99" s="29">
        <v>13</v>
      </c>
    </row>
    <row r="100" spans="1:4" ht="18" customHeight="1" x14ac:dyDescent="0.2">
      <c r="A100" s="31">
        <v>78</v>
      </c>
      <c r="B100" s="27">
        <v>8</v>
      </c>
      <c r="C100" s="28">
        <v>8</v>
      </c>
      <c r="D100" s="29">
        <v>16</v>
      </c>
    </row>
    <row r="101" spans="1:4" ht="18" customHeight="1" x14ac:dyDescent="0.2">
      <c r="A101" s="31">
        <v>79</v>
      </c>
      <c r="B101" s="27">
        <v>6</v>
      </c>
      <c r="C101" s="28">
        <v>7</v>
      </c>
      <c r="D101" s="29">
        <v>13</v>
      </c>
    </row>
    <row r="102" spans="1:4" ht="18" customHeight="1" x14ac:dyDescent="0.2">
      <c r="A102" s="31" t="s">
        <v>83</v>
      </c>
      <c r="B102" s="27">
        <v>22</v>
      </c>
      <c r="C102" s="28">
        <v>42</v>
      </c>
      <c r="D102" s="29">
        <v>64</v>
      </c>
    </row>
    <row r="103" spans="1:4" ht="18" customHeight="1" x14ac:dyDescent="0.2">
      <c r="A103" s="31">
        <v>80</v>
      </c>
      <c r="B103" s="27">
        <v>8</v>
      </c>
      <c r="C103" s="28">
        <v>6</v>
      </c>
      <c r="D103" s="29">
        <v>14</v>
      </c>
    </row>
    <row r="104" spans="1:4" ht="18" customHeight="1" x14ac:dyDescent="0.2">
      <c r="A104" s="31">
        <v>81</v>
      </c>
      <c r="B104" s="27">
        <v>6</v>
      </c>
      <c r="C104" s="28">
        <v>8</v>
      </c>
      <c r="D104" s="29">
        <v>14</v>
      </c>
    </row>
    <row r="105" spans="1:4" ht="18" customHeight="1" x14ac:dyDescent="0.2">
      <c r="A105" s="31">
        <v>82</v>
      </c>
      <c r="B105" s="27">
        <v>3</v>
      </c>
      <c r="C105" s="28">
        <v>10</v>
      </c>
      <c r="D105" s="29">
        <v>13</v>
      </c>
    </row>
    <row r="106" spans="1:4" ht="18" customHeight="1" x14ac:dyDescent="0.2">
      <c r="A106" s="31">
        <v>83</v>
      </c>
      <c r="B106" s="27">
        <v>6</v>
      </c>
      <c r="C106" s="28">
        <v>7</v>
      </c>
      <c r="D106" s="29">
        <v>13</v>
      </c>
    </row>
    <row r="107" spans="1:4" ht="18" customHeight="1" x14ac:dyDescent="0.2">
      <c r="A107" s="31">
        <v>84</v>
      </c>
      <c r="B107" s="27">
        <v>2</v>
      </c>
      <c r="C107" s="28">
        <v>2</v>
      </c>
      <c r="D107" s="29">
        <v>4</v>
      </c>
    </row>
    <row r="108" spans="1:4" ht="18" customHeight="1" x14ac:dyDescent="0.2">
      <c r="A108" s="31" t="s">
        <v>84</v>
      </c>
      <c r="B108" s="27">
        <v>25</v>
      </c>
      <c r="C108" s="28">
        <v>33</v>
      </c>
      <c r="D108" s="29">
        <v>58</v>
      </c>
    </row>
    <row r="109" spans="1:4" ht="18" customHeight="1" x14ac:dyDescent="0.2">
      <c r="A109" s="31">
        <v>85</v>
      </c>
      <c r="B109" s="27">
        <v>3</v>
      </c>
      <c r="C109" s="28">
        <v>3</v>
      </c>
      <c r="D109" s="29">
        <v>6</v>
      </c>
    </row>
    <row r="110" spans="1:4" ht="18" customHeight="1" x14ac:dyDescent="0.2">
      <c r="A110" s="31">
        <v>86</v>
      </c>
      <c r="B110" s="27">
        <v>3</v>
      </c>
      <c r="C110" s="28">
        <v>5</v>
      </c>
      <c r="D110" s="29">
        <v>8</v>
      </c>
    </row>
    <row r="111" spans="1:4" ht="18" customHeight="1" x14ac:dyDescent="0.2">
      <c r="A111" s="31">
        <v>87</v>
      </c>
      <c r="B111" s="27">
        <v>2</v>
      </c>
      <c r="C111" s="28">
        <v>6</v>
      </c>
      <c r="D111" s="29">
        <v>8</v>
      </c>
    </row>
    <row r="112" spans="1:4" ht="18" customHeight="1" x14ac:dyDescent="0.2">
      <c r="A112" s="31">
        <v>88</v>
      </c>
      <c r="B112" s="27">
        <v>2</v>
      </c>
      <c r="C112" s="28">
        <v>7</v>
      </c>
      <c r="D112" s="29">
        <v>9</v>
      </c>
    </row>
    <row r="113" spans="1:4" ht="18" customHeight="1" x14ac:dyDescent="0.2">
      <c r="A113" s="31">
        <v>89</v>
      </c>
      <c r="B113" s="27">
        <v>5</v>
      </c>
      <c r="C113" s="28">
        <v>4</v>
      </c>
      <c r="D113" s="29">
        <v>9</v>
      </c>
    </row>
    <row r="114" spans="1:4" ht="18" customHeight="1" x14ac:dyDescent="0.2">
      <c r="A114" s="31" t="s">
        <v>85</v>
      </c>
      <c r="B114" s="27">
        <v>15</v>
      </c>
      <c r="C114" s="28">
        <v>25</v>
      </c>
      <c r="D114" s="29">
        <v>40</v>
      </c>
    </row>
    <row r="115" spans="1:4" ht="18" customHeight="1" x14ac:dyDescent="0.2">
      <c r="A115" s="31">
        <v>90</v>
      </c>
      <c r="B115" s="27">
        <v>2</v>
      </c>
      <c r="C115" s="28">
        <v>0</v>
      </c>
      <c r="D115" s="29">
        <v>2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3</v>
      </c>
      <c r="C117" s="28">
        <v>2</v>
      </c>
      <c r="D117" s="29">
        <v>5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6</v>
      </c>
      <c r="C120" s="28">
        <v>5</v>
      </c>
      <c r="D120" s="29">
        <v>11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87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128</v>
      </c>
      <c r="C130" s="5">
        <v>173</v>
      </c>
      <c r="D130" s="6">
        <v>301</v>
      </c>
    </row>
    <row r="131" spans="1:4" ht="18" customHeight="1" x14ac:dyDescent="0.2">
      <c r="A131" s="33" t="s">
        <v>65</v>
      </c>
      <c r="B131" s="7">
        <v>548</v>
      </c>
      <c r="C131" s="8">
        <v>608</v>
      </c>
      <c r="D131" s="9">
        <v>115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83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1</v>
      </c>
      <c r="C7" s="28">
        <v>1</v>
      </c>
      <c r="D7" s="29">
        <v>2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66</v>
      </c>
      <c r="B10" s="27">
        <v>2</v>
      </c>
      <c r="C10" s="28">
        <v>5</v>
      </c>
      <c r="D10" s="29">
        <v>7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3</v>
      </c>
      <c r="C16" s="28">
        <v>2</v>
      </c>
      <c r="D16" s="29">
        <v>5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68</v>
      </c>
      <c r="B22" s="27">
        <v>1</v>
      </c>
      <c r="C22" s="28">
        <v>1</v>
      </c>
      <c r="D22" s="29">
        <v>2</v>
      </c>
    </row>
    <row r="23" spans="1:4" ht="18" customHeight="1" x14ac:dyDescent="0.2">
      <c r="A23" s="31" t="s">
        <v>69</v>
      </c>
      <c r="B23" s="27">
        <v>6</v>
      </c>
      <c r="C23" s="28">
        <v>8</v>
      </c>
      <c r="D23" s="29">
        <v>14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2</v>
      </c>
      <c r="C25" s="28">
        <v>0</v>
      </c>
      <c r="D25" s="29">
        <v>2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1</v>
      </c>
      <c r="C27" s="28">
        <v>1</v>
      </c>
      <c r="D27" s="29">
        <v>2</v>
      </c>
    </row>
    <row r="28" spans="1:4" ht="18" customHeight="1" x14ac:dyDescent="0.2">
      <c r="A28" s="31">
        <v>19</v>
      </c>
      <c r="B28" s="27">
        <v>6</v>
      </c>
      <c r="C28" s="28">
        <v>3</v>
      </c>
      <c r="D28" s="29">
        <v>9</v>
      </c>
    </row>
    <row r="29" spans="1:4" ht="18" customHeight="1" x14ac:dyDescent="0.2">
      <c r="A29" s="31" t="s">
        <v>70</v>
      </c>
      <c r="B29" s="27">
        <v>11</v>
      </c>
      <c r="C29" s="28">
        <v>5</v>
      </c>
      <c r="D29" s="29">
        <v>16</v>
      </c>
    </row>
    <row r="30" spans="1:4" ht="18" customHeight="1" x14ac:dyDescent="0.2">
      <c r="A30" s="31">
        <v>20</v>
      </c>
      <c r="B30" s="27">
        <v>3</v>
      </c>
      <c r="C30" s="28">
        <v>2</v>
      </c>
      <c r="D30" s="29">
        <v>5</v>
      </c>
    </row>
    <row r="31" spans="1:4" ht="18" customHeight="1" x14ac:dyDescent="0.2">
      <c r="A31" s="31">
        <v>21</v>
      </c>
      <c r="B31" s="27">
        <v>0</v>
      </c>
      <c r="C31" s="28">
        <v>3</v>
      </c>
      <c r="D31" s="29">
        <v>3</v>
      </c>
    </row>
    <row r="32" spans="1:4" ht="18" customHeight="1" x14ac:dyDescent="0.2">
      <c r="A32" s="31">
        <v>22</v>
      </c>
      <c r="B32" s="27">
        <v>2</v>
      </c>
      <c r="C32" s="28">
        <v>2</v>
      </c>
      <c r="D32" s="29">
        <v>4</v>
      </c>
    </row>
    <row r="33" spans="1:4" ht="18" customHeight="1" x14ac:dyDescent="0.2">
      <c r="A33" s="31">
        <v>23</v>
      </c>
      <c r="B33" s="27">
        <v>1</v>
      </c>
      <c r="C33" s="28">
        <v>3</v>
      </c>
      <c r="D33" s="29">
        <v>4</v>
      </c>
    </row>
    <row r="34" spans="1:4" ht="18" customHeight="1" x14ac:dyDescent="0.2">
      <c r="A34" s="31">
        <v>24</v>
      </c>
      <c r="B34" s="27">
        <v>2</v>
      </c>
      <c r="C34" s="28">
        <v>2</v>
      </c>
      <c r="D34" s="29">
        <v>4</v>
      </c>
    </row>
    <row r="35" spans="1:4" ht="18" customHeight="1" x14ac:dyDescent="0.2">
      <c r="A35" s="31" t="s">
        <v>71</v>
      </c>
      <c r="B35" s="27">
        <v>8</v>
      </c>
      <c r="C35" s="28">
        <v>12</v>
      </c>
      <c r="D35" s="29">
        <v>2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1</v>
      </c>
      <c r="C37" s="28">
        <v>1</v>
      </c>
      <c r="D37" s="29">
        <v>2</v>
      </c>
    </row>
    <row r="38" spans="1:4" ht="18" customHeight="1" x14ac:dyDescent="0.2">
      <c r="A38" s="31">
        <v>27</v>
      </c>
      <c r="B38" s="27">
        <v>3</v>
      </c>
      <c r="C38" s="28">
        <v>3</v>
      </c>
      <c r="D38" s="29">
        <v>6</v>
      </c>
    </row>
    <row r="39" spans="1:4" ht="18" customHeight="1" x14ac:dyDescent="0.2">
      <c r="A39" s="31">
        <v>28</v>
      </c>
      <c r="B39" s="27">
        <v>2</v>
      </c>
      <c r="C39" s="28">
        <v>0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72</v>
      </c>
      <c r="B41" s="27">
        <v>7</v>
      </c>
      <c r="C41" s="28">
        <v>4</v>
      </c>
      <c r="D41" s="29">
        <v>11</v>
      </c>
    </row>
    <row r="42" spans="1:4" ht="18" customHeight="1" x14ac:dyDescent="0.2">
      <c r="A42" s="31">
        <v>30</v>
      </c>
      <c r="B42" s="27">
        <v>1</v>
      </c>
      <c r="C42" s="28">
        <v>1</v>
      </c>
      <c r="D42" s="29">
        <v>2</v>
      </c>
    </row>
    <row r="43" spans="1:4" ht="18" customHeight="1" x14ac:dyDescent="0.2">
      <c r="A43" s="31">
        <v>31</v>
      </c>
      <c r="B43" s="27">
        <v>2</v>
      </c>
      <c r="C43" s="28">
        <v>0</v>
      </c>
      <c r="D43" s="29">
        <v>2</v>
      </c>
    </row>
    <row r="44" spans="1:4" ht="18" customHeight="1" x14ac:dyDescent="0.2">
      <c r="A44" s="31">
        <v>32</v>
      </c>
      <c r="B44" s="27">
        <v>1</v>
      </c>
      <c r="C44" s="28">
        <v>3</v>
      </c>
      <c r="D44" s="29">
        <v>4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5</v>
      </c>
      <c r="C46" s="28">
        <v>1</v>
      </c>
      <c r="D46" s="29">
        <v>6</v>
      </c>
    </row>
    <row r="47" spans="1:4" ht="18" customHeight="1" x14ac:dyDescent="0.2">
      <c r="A47" s="31" t="s">
        <v>73</v>
      </c>
      <c r="B47" s="27">
        <v>9</v>
      </c>
      <c r="C47" s="28">
        <v>5</v>
      </c>
      <c r="D47" s="29">
        <v>14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2</v>
      </c>
      <c r="C49" s="28">
        <v>0</v>
      </c>
      <c r="D49" s="29">
        <v>2</v>
      </c>
    </row>
    <row r="50" spans="1:4" ht="18" customHeight="1" x14ac:dyDescent="0.2">
      <c r="A50" s="31">
        <v>37</v>
      </c>
      <c r="B50" s="27">
        <v>2</v>
      </c>
      <c r="C50" s="28">
        <v>2</v>
      </c>
      <c r="D50" s="29">
        <v>4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74</v>
      </c>
      <c r="B53" s="27">
        <v>6</v>
      </c>
      <c r="C53" s="28">
        <v>3</v>
      </c>
      <c r="D53" s="29">
        <v>9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0</v>
      </c>
      <c r="C58" s="28">
        <v>2</v>
      </c>
      <c r="D58" s="29">
        <v>2</v>
      </c>
    </row>
    <row r="59" spans="1:4" ht="18" customHeight="1" x14ac:dyDescent="0.2">
      <c r="A59" s="31" t="s">
        <v>75</v>
      </c>
      <c r="B59" s="27">
        <v>1</v>
      </c>
      <c r="C59" s="28">
        <v>4</v>
      </c>
      <c r="D59" s="29">
        <v>5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1</v>
      </c>
      <c r="D61" s="29">
        <v>1</v>
      </c>
    </row>
    <row r="62" spans="1:4" ht="18" customHeight="1" x14ac:dyDescent="0.2">
      <c r="A62" s="31">
        <v>47</v>
      </c>
      <c r="B62" s="27">
        <v>0</v>
      </c>
      <c r="C62" s="28">
        <v>2</v>
      </c>
      <c r="D62" s="29">
        <v>2</v>
      </c>
    </row>
    <row r="63" spans="1:4" ht="18" customHeight="1" x14ac:dyDescent="0.2">
      <c r="A63" s="31">
        <v>48</v>
      </c>
      <c r="B63" s="27">
        <v>3</v>
      </c>
      <c r="C63" s="28">
        <v>1</v>
      </c>
      <c r="D63" s="29">
        <v>4</v>
      </c>
    </row>
    <row r="64" spans="1:4" ht="18" customHeight="1" x14ac:dyDescent="0.2">
      <c r="A64" s="31">
        <v>49</v>
      </c>
      <c r="B64" s="27">
        <v>0</v>
      </c>
      <c r="C64" s="28">
        <v>1</v>
      </c>
      <c r="D64" s="29">
        <v>1</v>
      </c>
    </row>
    <row r="65" spans="1:4" ht="18" customHeight="1" x14ac:dyDescent="0.2">
      <c r="A65" s="31" t="s">
        <v>76</v>
      </c>
      <c r="B65" s="27">
        <v>3</v>
      </c>
      <c r="C65" s="28">
        <v>5</v>
      </c>
      <c r="D65" s="29">
        <v>8</v>
      </c>
    </row>
    <row r="66" spans="1:4" ht="18" customHeight="1" x14ac:dyDescent="0.2">
      <c r="A66" s="31">
        <v>50</v>
      </c>
      <c r="B66" s="27">
        <v>2</v>
      </c>
      <c r="C66" s="28">
        <v>1</v>
      </c>
      <c r="D66" s="29">
        <v>3</v>
      </c>
    </row>
    <row r="67" spans="1:4" ht="18" customHeight="1" x14ac:dyDescent="0.2">
      <c r="A67" s="31">
        <v>51</v>
      </c>
      <c r="B67" s="27">
        <v>2</v>
      </c>
      <c r="C67" s="28">
        <v>2</v>
      </c>
      <c r="D67" s="29">
        <v>4</v>
      </c>
    </row>
    <row r="68" spans="1:4" ht="18" customHeight="1" x14ac:dyDescent="0.2">
      <c r="A68" s="31">
        <v>52</v>
      </c>
      <c r="B68" s="27">
        <v>3</v>
      </c>
      <c r="C68" s="28">
        <v>0</v>
      </c>
      <c r="D68" s="29">
        <v>3</v>
      </c>
    </row>
    <row r="69" spans="1:4" ht="18" customHeight="1" x14ac:dyDescent="0.2">
      <c r="A69" s="31">
        <v>53</v>
      </c>
      <c r="B69" s="27">
        <v>2</v>
      </c>
      <c r="C69" s="28">
        <v>1</v>
      </c>
      <c r="D69" s="29">
        <v>3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77</v>
      </c>
      <c r="B71" s="27">
        <v>9</v>
      </c>
      <c r="C71" s="28">
        <v>5</v>
      </c>
      <c r="D71" s="29">
        <v>14</v>
      </c>
    </row>
    <row r="72" spans="1:4" ht="18" customHeight="1" x14ac:dyDescent="0.2">
      <c r="A72" s="31">
        <v>55</v>
      </c>
      <c r="B72" s="27">
        <v>4</v>
      </c>
      <c r="C72" s="28">
        <v>2</v>
      </c>
      <c r="D72" s="29">
        <v>6</v>
      </c>
    </row>
    <row r="73" spans="1:4" ht="18" customHeight="1" x14ac:dyDescent="0.2">
      <c r="A73" s="31">
        <v>56</v>
      </c>
      <c r="B73" s="27">
        <v>0</v>
      </c>
      <c r="C73" s="28">
        <v>1</v>
      </c>
      <c r="D73" s="29">
        <v>1</v>
      </c>
    </row>
    <row r="74" spans="1:4" ht="18" customHeight="1" x14ac:dyDescent="0.2">
      <c r="A74" s="31">
        <v>57</v>
      </c>
      <c r="B74" s="27">
        <v>2</v>
      </c>
      <c r="C74" s="28">
        <v>0</v>
      </c>
      <c r="D74" s="29">
        <v>2</v>
      </c>
    </row>
    <row r="75" spans="1:4" ht="18" customHeight="1" x14ac:dyDescent="0.2">
      <c r="A75" s="31">
        <v>58</v>
      </c>
      <c r="B75" s="27">
        <v>4</v>
      </c>
      <c r="C75" s="28">
        <v>1</v>
      </c>
      <c r="D75" s="29">
        <v>5</v>
      </c>
    </row>
    <row r="76" spans="1:4" ht="18" customHeight="1" x14ac:dyDescent="0.2">
      <c r="A76" s="31">
        <v>59</v>
      </c>
      <c r="B76" s="27">
        <v>1</v>
      </c>
      <c r="C76" s="28">
        <v>4</v>
      </c>
      <c r="D76" s="29">
        <v>5</v>
      </c>
    </row>
    <row r="77" spans="1:4" ht="18" customHeight="1" x14ac:dyDescent="0.2">
      <c r="A77" s="31" t="s">
        <v>78</v>
      </c>
      <c r="B77" s="27">
        <v>11</v>
      </c>
      <c r="C77" s="28">
        <v>8</v>
      </c>
      <c r="D77" s="29">
        <v>19</v>
      </c>
    </row>
    <row r="78" spans="1:4" ht="18" customHeight="1" x14ac:dyDescent="0.2">
      <c r="A78" s="31">
        <v>60</v>
      </c>
      <c r="B78" s="27">
        <v>3</v>
      </c>
      <c r="C78" s="28">
        <v>3</v>
      </c>
      <c r="D78" s="29">
        <v>6</v>
      </c>
    </row>
    <row r="79" spans="1:4" ht="18" customHeight="1" x14ac:dyDescent="0.2">
      <c r="A79" s="31">
        <v>61</v>
      </c>
      <c r="B79" s="27">
        <v>2</v>
      </c>
      <c r="C79" s="28">
        <v>2</v>
      </c>
      <c r="D79" s="29">
        <v>4</v>
      </c>
    </row>
    <row r="80" spans="1:4" ht="18" customHeight="1" x14ac:dyDescent="0.2">
      <c r="A80" s="31">
        <v>62</v>
      </c>
      <c r="B80" s="27">
        <v>3</v>
      </c>
      <c r="C80" s="28">
        <v>1</v>
      </c>
      <c r="D80" s="29">
        <v>4</v>
      </c>
    </row>
    <row r="81" spans="1:4" ht="18" customHeight="1" x14ac:dyDescent="0.2">
      <c r="A81" s="31">
        <v>63</v>
      </c>
      <c r="B81" s="27">
        <v>0</v>
      </c>
      <c r="C81" s="28">
        <v>1</v>
      </c>
      <c r="D81" s="29">
        <v>1</v>
      </c>
    </row>
    <row r="82" spans="1:4" ht="18" customHeight="1" x14ac:dyDescent="0.2">
      <c r="A82" s="31">
        <v>64</v>
      </c>
      <c r="B82" s="27">
        <v>3</v>
      </c>
      <c r="C82" s="28">
        <v>0</v>
      </c>
      <c r="D82" s="29">
        <v>3</v>
      </c>
    </row>
    <row r="83" spans="1:4" ht="18" customHeight="1" x14ac:dyDescent="0.2">
      <c r="A83" s="31" t="s">
        <v>79</v>
      </c>
      <c r="B83" s="27">
        <v>11</v>
      </c>
      <c r="C83" s="28">
        <v>7</v>
      </c>
      <c r="D83" s="29">
        <v>18</v>
      </c>
    </row>
    <row r="84" spans="1:4" ht="18" customHeight="1" x14ac:dyDescent="0.2">
      <c r="A84" s="31" t="s">
        <v>80</v>
      </c>
      <c r="B84" s="27">
        <v>76</v>
      </c>
      <c r="C84" s="28">
        <v>58</v>
      </c>
      <c r="D84" s="29">
        <v>134</v>
      </c>
    </row>
    <row r="85" spans="1:4" ht="18" customHeight="1" x14ac:dyDescent="0.2">
      <c r="A85" s="31">
        <v>65</v>
      </c>
      <c r="B85" s="27">
        <v>4</v>
      </c>
      <c r="C85" s="28">
        <v>2</v>
      </c>
      <c r="D85" s="29">
        <v>6</v>
      </c>
    </row>
    <row r="86" spans="1:4" ht="18" customHeight="1" x14ac:dyDescent="0.2">
      <c r="A86" s="31">
        <v>66</v>
      </c>
      <c r="B86" s="27">
        <v>0</v>
      </c>
      <c r="C86" s="28">
        <v>1</v>
      </c>
      <c r="D86" s="29">
        <v>1</v>
      </c>
    </row>
    <row r="87" spans="1:4" ht="18" customHeight="1" x14ac:dyDescent="0.2">
      <c r="A87" s="31">
        <v>67</v>
      </c>
      <c r="B87" s="27">
        <v>2</v>
      </c>
      <c r="C87" s="28">
        <v>1</v>
      </c>
      <c r="D87" s="29">
        <v>3</v>
      </c>
    </row>
    <row r="88" spans="1:4" ht="18" customHeight="1" x14ac:dyDescent="0.2">
      <c r="A88" s="31">
        <v>68</v>
      </c>
      <c r="B88" s="27">
        <v>1</v>
      </c>
      <c r="C88" s="28">
        <v>0</v>
      </c>
      <c r="D88" s="29">
        <v>1</v>
      </c>
    </row>
    <row r="89" spans="1:4" ht="18" customHeight="1" x14ac:dyDescent="0.2">
      <c r="A89" s="31">
        <v>69</v>
      </c>
      <c r="B89" s="27">
        <v>0</v>
      </c>
      <c r="C89" s="28">
        <v>2</v>
      </c>
      <c r="D89" s="29">
        <v>2</v>
      </c>
    </row>
    <row r="90" spans="1:4" ht="18" customHeight="1" x14ac:dyDescent="0.2">
      <c r="A90" s="31" t="s">
        <v>81</v>
      </c>
      <c r="B90" s="27">
        <v>7</v>
      </c>
      <c r="C90" s="28">
        <v>6</v>
      </c>
      <c r="D90" s="29">
        <v>13</v>
      </c>
    </row>
    <row r="91" spans="1:4" ht="18" customHeight="1" x14ac:dyDescent="0.2">
      <c r="A91" s="31">
        <v>70</v>
      </c>
      <c r="B91" s="27">
        <v>2</v>
      </c>
      <c r="C91" s="28">
        <v>3</v>
      </c>
      <c r="D91" s="29">
        <v>5</v>
      </c>
    </row>
    <row r="92" spans="1:4" ht="18" customHeight="1" x14ac:dyDescent="0.2">
      <c r="A92" s="31">
        <v>71</v>
      </c>
      <c r="B92" s="27">
        <v>2</v>
      </c>
      <c r="C92" s="28">
        <v>0</v>
      </c>
      <c r="D92" s="29">
        <v>2</v>
      </c>
    </row>
    <row r="93" spans="1:4" ht="18" customHeight="1" x14ac:dyDescent="0.2">
      <c r="A93" s="31">
        <v>72</v>
      </c>
      <c r="B93" s="27">
        <v>1</v>
      </c>
      <c r="C93" s="28">
        <v>2</v>
      </c>
      <c r="D93" s="29">
        <v>3</v>
      </c>
    </row>
    <row r="94" spans="1:4" ht="18" customHeight="1" x14ac:dyDescent="0.2">
      <c r="A94" s="31">
        <v>73</v>
      </c>
      <c r="B94" s="27">
        <v>2</v>
      </c>
      <c r="C94" s="28">
        <v>0</v>
      </c>
      <c r="D94" s="29">
        <v>2</v>
      </c>
    </row>
    <row r="95" spans="1:4" ht="18" customHeight="1" x14ac:dyDescent="0.2">
      <c r="A95" s="31">
        <v>74</v>
      </c>
      <c r="B95" s="27">
        <v>3</v>
      </c>
      <c r="C95" s="28">
        <v>2</v>
      </c>
      <c r="D95" s="29">
        <v>5</v>
      </c>
    </row>
    <row r="96" spans="1:4" ht="18" customHeight="1" x14ac:dyDescent="0.2">
      <c r="A96" s="31" t="s">
        <v>82</v>
      </c>
      <c r="B96" s="27">
        <v>10</v>
      </c>
      <c r="C96" s="28">
        <v>7</v>
      </c>
      <c r="D96" s="29">
        <v>17</v>
      </c>
    </row>
    <row r="97" spans="1:4" ht="18" customHeight="1" x14ac:dyDescent="0.2">
      <c r="A97" s="31">
        <v>75</v>
      </c>
      <c r="B97" s="27">
        <v>0</v>
      </c>
      <c r="C97" s="28">
        <v>2</v>
      </c>
      <c r="D97" s="29">
        <v>2</v>
      </c>
    </row>
    <row r="98" spans="1:4" ht="18" customHeight="1" x14ac:dyDescent="0.2">
      <c r="A98" s="31">
        <v>76</v>
      </c>
      <c r="B98" s="27">
        <v>0</v>
      </c>
      <c r="C98" s="28">
        <v>4</v>
      </c>
      <c r="D98" s="29">
        <v>4</v>
      </c>
    </row>
    <row r="99" spans="1:4" ht="18" customHeight="1" x14ac:dyDescent="0.2">
      <c r="A99" s="31">
        <v>77</v>
      </c>
      <c r="B99" s="27">
        <v>3</v>
      </c>
      <c r="C99" s="28">
        <v>4</v>
      </c>
      <c r="D99" s="29">
        <v>7</v>
      </c>
    </row>
    <row r="100" spans="1:4" ht="18" customHeight="1" x14ac:dyDescent="0.2">
      <c r="A100" s="31">
        <v>78</v>
      </c>
      <c r="B100" s="27">
        <v>0</v>
      </c>
      <c r="C100" s="28">
        <v>1</v>
      </c>
      <c r="D100" s="29">
        <v>1</v>
      </c>
    </row>
    <row r="101" spans="1:4" ht="18" customHeight="1" x14ac:dyDescent="0.2">
      <c r="A101" s="31">
        <v>79</v>
      </c>
      <c r="B101" s="27">
        <v>0</v>
      </c>
      <c r="C101" s="28">
        <v>1</v>
      </c>
      <c r="D101" s="29">
        <v>1</v>
      </c>
    </row>
    <row r="102" spans="1:4" ht="18" customHeight="1" x14ac:dyDescent="0.2">
      <c r="A102" s="31" t="s">
        <v>83</v>
      </c>
      <c r="B102" s="27">
        <v>3</v>
      </c>
      <c r="C102" s="28">
        <v>12</v>
      </c>
      <c r="D102" s="29">
        <v>15</v>
      </c>
    </row>
    <row r="103" spans="1:4" ht="18" customHeight="1" x14ac:dyDescent="0.2">
      <c r="A103" s="31">
        <v>80</v>
      </c>
      <c r="B103" s="27">
        <v>1</v>
      </c>
      <c r="C103" s="28">
        <v>1</v>
      </c>
      <c r="D103" s="29">
        <v>2</v>
      </c>
    </row>
    <row r="104" spans="1:4" ht="18" customHeight="1" x14ac:dyDescent="0.2">
      <c r="A104" s="31">
        <v>81</v>
      </c>
      <c r="B104" s="27">
        <v>5</v>
      </c>
      <c r="C104" s="28">
        <v>2</v>
      </c>
      <c r="D104" s="29">
        <v>7</v>
      </c>
    </row>
    <row r="105" spans="1:4" ht="18" customHeight="1" x14ac:dyDescent="0.2">
      <c r="A105" s="31">
        <v>82</v>
      </c>
      <c r="B105" s="27">
        <v>2</v>
      </c>
      <c r="C105" s="28">
        <v>3</v>
      </c>
      <c r="D105" s="29">
        <v>5</v>
      </c>
    </row>
    <row r="106" spans="1:4" ht="18" customHeight="1" x14ac:dyDescent="0.2">
      <c r="A106" s="31">
        <v>83</v>
      </c>
      <c r="B106" s="27">
        <v>1</v>
      </c>
      <c r="C106" s="28">
        <v>1</v>
      </c>
      <c r="D106" s="29">
        <v>2</v>
      </c>
    </row>
    <row r="107" spans="1:4" ht="18" customHeight="1" x14ac:dyDescent="0.2">
      <c r="A107" s="31">
        <v>84</v>
      </c>
      <c r="B107" s="27">
        <v>0</v>
      </c>
      <c r="C107" s="28">
        <v>2</v>
      </c>
      <c r="D107" s="29">
        <v>2</v>
      </c>
    </row>
    <row r="108" spans="1:4" ht="18" customHeight="1" x14ac:dyDescent="0.2">
      <c r="A108" s="31" t="s">
        <v>84</v>
      </c>
      <c r="B108" s="27">
        <v>9</v>
      </c>
      <c r="C108" s="28">
        <v>9</v>
      </c>
      <c r="D108" s="29">
        <v>18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0</v>
      </c>
      <c r="C110" s="28">
        <v>3</v>
      </c>
      <c r="D110" s="29">
        <v>3</v>
      </c>
    </row>
    <row r="111" spans="1:4" ht="18" customHeight="1" x14ac:dyDescent="0.2">
      <c r="A111" s="31">
        <v>87</v>
      </c>
      <c r="B111" s="27">
        <v>1</v>
      </c>
      <c r="C111" s="28">
        <v>2</v>
      </c>
      <c r="D111" s="29">
        <v>3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85</v>
      </c>
      <c r="B114" s="27">
        <v>1</v>
      </c>
      <c r="C114" s="28">
        <v>8</v>
      </c>
      <c r="D114" s="29">
        <v>9</v>
      </c>
    </row>
    <row r="115" spans="1:4" ht="18" customHeight="1" x14ac:dyDescent="0.2">
      <c r="A115" s="31">
        <v>90</v>
      </c>
      <c r="B115" s="27">
        <v>1</v>
      </c>
      <c r="C115" s="28">
        <v>0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86</v>
      </c>
      <c r="B120" s="27">
        <v>1</v>
      </c>
      <c r="C120" s="28">
        <v>1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3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31</v>
      </c>
      <c r="C130" s="5">
        <v>44</v>
      </c>
      <c r="D130" s="6">
        <v>75</v>
      </c>
    </row>
    <row r="131" spans="1:4" ht="18" customHeight="1" x14ac:dyDescent="0.2">
      <c r="A131" s="33" t="s">
        <v>65</v>
      </c>
      <c r="B131" s="7">
        <v>113</v>
      </c>
      <c r="C131" s="8">
        <v>110</v>
      </c>
      <c r="D131" s="9">
        <v>22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84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4</v>
      </c>
      <c r="C7" s="28">
        <v>1</v>
      </c>
      <c r="D7" s="29">
        <v>5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66</v>
      </c>
      <c r="B10" s="27">
        <v>7</v>
      </c>
      <c r="C10" s="28">
        <v>6</v>
      </c>
      <c r="D10" s="29">
        <v>13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4" ht="18" customHeight="1" x14ac:dyDescent="0.2">
      <c r="A13" s="31">
        <v>7</v>
      </c>
      <c r="B13" s="35">
        <v>0</v>
      </c>
      <c r="C13" s="28">
        <v>2</v>
      </c>
      <c r="D13" s="29">
        <v>2</v>
      </c>
    </row>
    <row r="14" spans="1:4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4</v>
      </c>
      <c r="C16" s="28">
        <v>3</v>
      </c>
      <c r="D16" s="29">
        <v>7</v>
      </c>
    </row>
    <row r="17" spans="1:4" ht="18" customHeight="1" x14ac:dyDescent="0.2">
      <c r="A17" s="31">
        <v>10</v>
      </c>
      <c r="B17" s="27">
        <v>3</v>
      </c>
      <c r="C17" s="28">
        <v>1</v>
      </c>
      <c r="D17" s="29">
        <v>4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68</v>
      </c>
      <c r="B22" s="27">
        <v>3</v>
      </c>
      <c r="C22" s="28">
        <v>3</v>
      </c>
      <c r="D22" s="29">
        <v>6</v>
      </c>
    </row>
    <row r="23" spans="1:4" ht="18" customHeight="1" x14ac:dyDescent="0.2">
      <c r="A23" s="31" t="s">
        <v>69</v>
      </c>
      <c r="B23" s="27">
        <v>14</v>
      </c>
      <c r="C23" s="28">
        <v>12</v>
      </c>
      <c r="D23" s="29">
        <v>26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3</v>
      </c>
      <c r="C27" s="28">
        <v>0</v>
      </c>
      <c r="D27" s="29">
        <v>3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70</v>
      </c>
      <c r="B29" s="27">
        <v>4</v>
      </c>
      <c r="C29" s="28">
        <v>2</v>
      </c>
      <c r="D29" s="29">
        <v>6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3</v>
      </c>
      <c r="C31" s="28">
        <v>2</v>
      </c>
      <c r="D31" s="29">
        <v>5</v>
      </c>
    </row>
    <row r="32" spans="1:4" ht="18" customHeight="1" x14ac:dyDescent="0.2">
      <c r="A32" s="31">
        <v>22</v>
      </c>
      <c r="B32" s="27">
        <v>2</v>
      </c>
      <c r="C32" s="28">
        <v>2</v>
      </c>
      <c r="D32" s="29">
        <v>4</v>
      </c>
    </row>
    <row r="33" spans="1:4" ht="18" customHeight="1" x14ac:dyDescent="0.2">
      <c r="A33" s="31">
        <v>23</v>
      </c>
      <c r="B33" s="27">
        <v>3</v>
      </c>
      <c r="C33" s="28">
        <v>2</v>
      </c>
      <c r="D33" s="29">
        <v>5</v>
      </c>
    </row>
    <row r="34" spans="1:4" ht="18" customHeight="1" x14ac:dyDescent="0.2">
      <c r="A34" s="31">
        <v>24</v>
      </c>
      <c r="B34" s="27">
        <v>2</v>
      </c>
      <c r="C34" s="28">
        <v>2</v>
      </c>
      <c r="D34" s="29">
        <v>4</v>
      </c>
    </row>
    <row r="35" spans="1:4" ht="18" customHeight="1" x14ac:dyDescent="0.2">
      <c r="A35" s="31" t="s">
        <v>71</v>
      </c>
      <c r="B35" s="27">
        <v>10</v>
      </c>
      <c r="C35" s="28">
        <v>9</v>
      </c>
      <c r="D35" s="29">
        <v>19</v>
      </c>
    </row>
    <row r="36" spans="1:4" ht="18" customHeight="1" x14ac:dyDescent="0.2">
      <c r="A36" s="31">
        <v>25</v>
      </c>
      <c r="B36" s="27">
        <v>1</v>
      </c>
      <c r="C36" s="28">
        <v>2</v>
      </c>
      <c r="D36" s="29">
        <v>3</v>
      </c>
    </row>
    <row r="37" spans="1:4" ht="18" customHeight="1" x14ac:dyDescent="0.2">
      <c r="A37" s="31">
        <v>26</v>
      </c>
      <c r="B37" s="27">
        <v>3</v>
      </c>
      <c r="C37" s="28">
        <v>1</v>
      </c>
      <c r="D37" s="29">
        <v>4</v>
      </c>
    </row>
    <row r="38" spans="1:4" ht="18" customHeight="1" x14ac:dyDescent="0.2">
      <c r="A38" s="31">
        <v>27</v>
      </c>
      <c r="B38" s="27">
        <v>1</v>
      </c>
      <c r="C38" s="28">
        <v>2</v>
      </c>
      <c r="D38" s="29">
        <v>3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72</v>
      </c>
      <c r="B41" s="27">
        <v>8</v>
      </c>
      <c r="C41" s="28">
        <v>7</v>
      </c>
      <c r="D41" s="29">
        <v>15</v>
      </c>
    </row>
    <row r="42" spans="1:4" ht="18" customHeight="1" x14ac:dyDescent="0.2">
      <c r="A42" s="31">
        <v>30</v>
      </c>
      <c r="B42" s="27">
        <v>0</v>
      </c>
      <c r="C42" s="28">
        <v>2</v>
      </c>
      <c r="D42" s="29">
        <v>2</v>
      </c>
    </row>
    <row r="43" spans="1:4" ht="18" customHeight="1" x14ac:dyDescent="0.2">
      <c r="A43" s="31">
        <v>31</v>
      </c>
      <c r="B43" s="27">
        <v>5</v>
      </c>
      <c r="C43" s="28">
        <v>2</v>
      </c>
      <c r="D43" s="29">
        <v>7</v>
      </c>
    </row>
    <row r="44" spans="1:4" ht="18" customHeight="1" x14ac:dyDescent="0.2">
      <c r="A44" s="31">
        <v>32</v>
      </c>
      <c r="B44" s="27">
        <v>2</v>
      </c>
      <c r="C44" s="28">
        <v>0</v>
      </c>
      <c r="D44" s="29">
        <v>2</v>
      </c>
    </row>
    <row r="45" spans="1:4" ht="18" customHeight="1" x14ac:dyDescent="0.2">
      <c r="A45" s="31">
        <v>33</v>
      </c>
      <c r="B45" s="27">
        <v>3</v>
      </c>
      <c r="C45" s="28">
        <v>3</v>
      </c>
      <c r="D45" s="29">
        <v>6</v>
      </c>
    </row>
    <row r="46" spans="1:4" ht="18" customHeight="1" x14ac:dyDescent="0.2">
      <c r="A46" s="31">
        <v>34</v>
      </c>
      <c r="B46" s="27">
        <v>3</v>
      </c>
      <c r="C46" s="28">
        <v>2</v>
      </c>
      <c r="D46" s="29">
        <v>5</v>
      </c>
    </row>
    <row r="47" spans="1:4" ht="18" customHeight="1" x14ac:dyDescent="0.2">
      <c r="A47" s="31" t="s">
        <v>73</v>
      </c>
      <c r="B47" s="27">
        <v>13</v>
      </c>
      <c r="C47" s="28">
        <v>9</v>
      </c>
      <c r="D47" s="29">
        <v>22</v>
      </c>
    </row>
    <row r="48" spans="1:4" ht="18" customHeight="1" x14ac:dyDescent="0.2">
      <c r="A48" s="31">
        <v>35</v>
      </c>
      <c r="B48" s="27">
        <v>7</v>
      </c>
      <c r="C48" s="28">
        <v>3</v>
      </c>
      <c r="D48" s="29">
        <v>10</v>
      </c>
    </row>
    <row r="49" spans="1:4" ht="18" customHeight="1" x14ac:dyDescent="0.2">
      <c r="A49" s="31">
        <v>36</v>
      </c>
      <c r="B49" s="27">
        <v>0</v>
      </c>
      <c r="C49" s="28">
        <v>4</v>
      </c>
      <c r="D49" s="29">
        <v>4</v>
      </c>
    </row>
    <row r="50" spans="1:4" ht="18" customHeight="1" x14ac:dyDescent="0.2">
      <c r="A50" s="31">
        <v>37</v>
      </c>
      <c r="B50" s="27">
        <v>7</v>
      </c>
      <c r="C50" s="28">
        <v>3</v>
      </c>
      <c r="D50" s="29">
        <v>10</v>
      </c>
    </row>
    <row r="51" spans="1:4" ht="18" customHeight="1" x14ac:dyDescent="0.2">
      <c r="A51" s="31">
        <v>38</v>
      </c>
      <c r="B51" s="27">
        <v>7</v>
      </c>
      <c r="C51" s="28">
        <v>2</v>
      </c>
      <c r="D51" s="29">
        <v>9</v>
      </c>
    </row>
    <row r="52" spans="1:4" ht="18" customHeight="1" x14ac:dyDescent="0.2">
      <c r="A52" s="31">
        <v>39</v>
      </c>
      <c r="B52" s="27">
        <v>9</v>
      </c>
      <c r="C52" s="28">
        <v>4</v>
      </c>
      <c r="D52" s="29">
        <v>13</v>
      </c>
    </row>
    <row r="53" spans="1:4" ht="18" customHeight="1" x14ac:dyDescent="0.2">
      <c r="A53" s="31" t="s">
        <v>74</v>
      </c>
      <c r="B53" s="27">
        <v>30</v>
      </c>
      <c r="C53" s="28">
        <v>16</v>
      </c>
      <c r="D53" s="29">
        <v>46</v>
      </c>
    </row>
    <row r="54" spans="1:4" ht="18" customHeight="1" x14ac:dyDescent="0.2">
      <c r="A54" s="31">
        <v>40</v>
      </c>
      <c r="B54" s="27">
        <v>3</v>
      </c>
      <c r="C54" s="28">
        <v>3</v>
      </c>
      <c r="D54" s="29">
        <v>6</v>
      </c>
    </row>
    <row r="55" spans="1:4" ht="18" customHeight="1" x14ac:dyDescent="0.2">
      <c r="A55" s="31">
        <v>41</v>
      </c>
      <c r="B55" s="27">
        <v>2</v>
      </c>
      <c r="C55" s="28">
        <v>4</v>
      </c>
      <c r="D55" s="29">
        <v>6</v>
      </c>
    </row>
    <row r="56" spans="1:4" ht="18" customHeight="1" x14ac:dyDescent="0.2">
      <c r="A56" s="31">
        <v>42</v>
      </c>
      <c r="B56" s="27">
        <v>8</v>
      </c>
      <c r="C56" s="28">
        <v>3</v>
      </c>
      <c r="D56" s="29">
        <v>11</v>
      </c>
    </row>
    <row r="57" spans="1:4" ht="18" customHeight="1" x14ac:dyDescent="0.2">
      <c r="A57" s="31">
        <v>43</v>
      </c>
      <c r="B57" s="27">
        <v>3</v>
      </c>
      <c r="C57" s="28">
        <v>3</v>
      </c>
      <c r="D57" s="29">
        <v>6</v>
      </c>
    </row>
    <row r="58" spans="1:4" ht="18" customHeight="1" x14ac:dyDescent="0.2">
      <c r="A58" s="31">
        <v>44</v>
      </c>
      <c r="B58" s="27">
        <v>1</v>
      </c>
      <c r="C58" s="28">
        <v>2</v>
      </c>
      <c r="D58" s="29">
        <v>3</v>
      </c>
    </row>
    <row r="59" spans="1:4" ht="18" customHeight="1" x14ac:dyDescent="0.2">
      <c r="A59" s="31" t="s">
        <v>75</v>
      </c>
      <c r="B59" s="27">
        <v>17</v>
      </c>
      <c r="C59" s="28">
        <v>15</v>
      </c>
      <c r="D59" s="29">
        <v>32</v>
      </c>
    </row>
    <row r="60" spans="1:4" ht="18" customHeight="1" x14ac:dyDescent="0.2">
      <c r="A60" s="31">
        <v>45</v>
      </c>
      <c r="B60" s="27">
        <v>1</v>
      </c>
      <c r="C60" s="28">
        <v>2</v>
      </c>
      <c r="D60" s="29">
        <v>3</v>
      </c>
    </row>
    <row r="61" spans="1:4" ht="18" customHeight="1" x14ac:dyDescent="0.2">
      <c r="A61" s="31">
        <v>46</v>
      </c>
      <c r="B61" s="27">
        <v>0</v>
      </c>
      <c r="C61" s="28">
        <v>1</v>
      </c>
      <c r="D61" s="29">
        <v>1</v>
      </c>
    </row>
    <row r="62" spans="1:4" ht="18" customHeight="1" x14ac:dyDescent="0.2">
      <c r="A62" s="31">
        <v>47</v>
      </c>
      <c r="B62" s="27">
        <v>0</v>
      </c>
      <c r="C62" s="28">
        <v>2</v>
      </c>
      <c r="D62" s="29">
        <v>2</v>
      </c>
    </row>
    <row r="63" spans="1:4" ht="18" customHeight="1" x14ac:dyDescent="0.2">
      <c r="A63" s="31">
        <v>48</v>
      </c>
      <c r="B63" s="27">
        <v>0</v>
      </c>
      <c r="C63" s="28">
        <v>4</v>
      </c>
      <c r="D63" s="29">
        <v>4</v>
      </c>
    </row>
    <row r="64" spans="1:4" ht="18" customHeight="1" x14ac:dyDescent="0.2">
      <c r="A64" s="31">
        <v>49</v>
      </c>
      <c r="B64" s="27">
        <v>2</v>
      </c>
      <c r="C64" s="28">
        <v>2</v>
      </c>
      <c r="D64" s="29">
        <v>4</v>
      </c>
    </row>
    <row r="65" spans="1:4" ht="18" customHeight="1" x14ac:dyDescent="0.2">
      <c r="A65" s="31" t="s">
        <v>76</v>
      </c>
      <c r="B65" s="27">
        <v>3</v>
      </c>
      <c r="C65" s="28">
        <v>11</v>
      </c>
      <c r="D65" s="29">
        <v>14</v>
      </c>
    </row>
    <row r="66" spans="1:4" ht="18" customHeight="1" x14ac:dyDescent="0.2">
      <c r="A66" s="31">
        <v>50</v>
      </c>
      <c r="B66" s="27">
        <v>1</v>
      </c>
      <c r="C66" s="28">
        <v>2</v>
      </c>
      <c r="D66" s="29">
        <v>3</v>
      </c>
    </row>
    <row r="67" spans="1:4" ht="18" customHeight="1" x14ac:dyDescent="0.2">
      <c r="A67" s="31">
        <v>51</v>
      </c>
      <c r="B67" s="27">
        <v>4</v>
      </c>
      <c r="C67" s="28">
        <v>1</v>
      </c>
      <c r="D67" s="29">
        <v>5</v>
      </c>
    </row>
    <row r="68" spans="1:4" ht="18" customHeight="1" x14ac:dyDescent="0.2">
      <c r="A68" s="31">
        <v>52</v>
      </c>
      <c r="B68" s="27">
        <v>1</v>
      </c>
      <c r="C68" s="28">
        <v>3</v>
      </c>
      <c r="D68" s="29">
        <v>4</v>
      </c>
    </row>
    <row r="69" spans="1:4" ht="18" customHeight="1" x14ac:dyDescent="0.2">
      <c r="A69" s="31">
        <v>53</v>
      </c>
      <c r="B69" s="27">
        <v>4</v>
      </c>
      <c r="C69" s="28">
        <v>2</v>
      </c>
      <c r="D69" s="29">
        <v>6</v>
      </c>
    </row>
    <row r="70" spans="1:4" ht="18" customHeight="1" x14ac:dyDescent="0.2">
      <c r="A70" s="31">
        <v>54</v>
      </c>
      <c r="B70" s="27">
        <v>4</v>
      </c>
      <c r="C70" s="28">
        <v>3</v>
      </c>
      <c r="D70" s="29">
        <v>7</v>
      </c>
    </row>
    <row r="71" spans="1:4" ht="18" customHeight="1" x14ac:dyDescent="0.2">
      <c r="A71" s="31" t="s">
        <v>77</v>
      </c>
      <c r="B71" s="27">
        <v>14</v>
      </c>
      <c r="C71" s="28">
        <v>11</v>
      </c>
      <c r="D71" s="29">
        <v>25</v>
      </c>
    </row>
    <row r="72" spans="1:4" ht="18" customHeight="1" x14ac:dyDescent="0.2">
      <c r="A72" s="31">
        <v>55</v>
      </c>
      <c r="B72" s="27">
        <v>3</v>
      </c>
      <c r="C72" s="28">
        <v>2</v>
      </c>
      <c r="D72" s="29">
        <v>5</v>
      </c>
    </row>
    <row r="73" spans="1:4" ht="18" customHeight="1" x14ac:dyDescent="0.2">
      <c r="A73" s="31">
        <v>56</v>
      </c>
      <c r="B73" s="27">
        <v>5</v>
      </c>
      <c r="C73" s="28">
        <v>3</v>
      </c>
      <c r="D73" s="29">
        <v>8</v>
      </c>
    </row>
    <row r="74" spans="1:4" ht="18" customHeight="1" x14ac:dyDescent="0.2">
      <c r="A74" s="31">
        <v>57</v>
      </c>
      <c r="B74" s="27">
        <v>1</v>
      </c>
      <c r="C74" s="28">
        <v>3</v>
      </c>
      <c r="D74" s="29">
        <v>4</v>
      </c>
    </row>
    <row r="75" spans="1:4" ht="18" customHeight="1" x14ac:dyDescent="0.2">
      <c r="A75" s="31">
        <v>58</v>
      </c>
      <c r="B75" s="27">
        <v>2</v>
      </c>
      <c r="C75" s="28">
        <v>4</v>
      </c>
      <c r="D75" s="29">
        <v>6</v>
      </c>
    </row>
    <row r="76" spans="1:4" ht="18" customHeight="1" x14ac:dyDescent="0.2">
      <c r="A76" s="31">
        <v>59</v>
      </c>
      <c r="B76" s="27">
        <v>4</v>
      </c>
      <c r="C76" s="28">
        <v>2</v>
      </c>
      <c r="D76" s="29">
        <v>6</v>
      </c>
    </row>
    <row r="77" spans="1:4" ht="18" customHeight="1" x14ac:dyDescent="0.2">
      <c r="A77" s="31" t="s">
        <v>78</v>
      </c>
      <c r="B77" s="27">
        <v>15</v>
      </c>
      <c r="C77" s="28">
        <v>14</v>
      </c>
      <c r="D77" s="29">
        <v>29</v>
      </c>
    </row>
    <row r="78" spans="1:4" ht="18" customHeight="1" x14ac:dyDescent="0.2">
      <c r="A78" s="31">
        <v>60</v>
      </c>
      <c r="B78" s="27">
        <v>4</v>
      </c>
      <c r="C78" s="28">
        <v>5</v>
      </c>
      <c r="D78" s="29">
        <v>9</v>
      </c>
    </row>
    <row r="79" spans="1:4" ht="18" customHeight="1" x14ac:dyDescent="0.2">
      <c r="A79" s="31">
        <v>61</v>
      </c>
      <c r="B79" s="27">
        <v>0</v>
      </c>
      <c r="C79" s="28">
        <v>1</v>
      </c>
      <c r="D79" s="29">
        <v>1</v>
      </c>
    </row>
    <row r="80" spans="1:4" ht="18" customHeight="1" x14ac:dyDescent="0.2">
      <c r="A80" s="31">
        <v>62</v>
      </c>
      <c r="B80" s="27">
        <v>5</v>
      </c>
      <c r="C80" s="28">
        <v>7</v>
      </c>
      <c r="D80" s="29">
        <v>12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1</v>
      </c>
      <c r="D82" s="29">
        <v>1</v>
      </c>
    </row>
    <row r="83" spans="1:4" ht="18" customHeight="1" x14ac:dyDescent="0.2">
      <c r="A83" s="31" t="s">
        <v>79</v>
      </c>
      <c r="B83" s="27">
        <v>10</v>
      </c>
      <c r="C83" s="28">
        <v>14</v>
      </c>
      <c r="D83" s="29">
        <v>24</v>
      </c>
    </row>
    <row r="84" spans="1:4" ht="18" customHeight="1" x14ac:dyDescent="0.2">
      <c r="A84" s="31" t="s">
        <v>80</v>
      </c>
      <c r="B84" s="27">
        <v>124</v>
      </c>
      <c r="C84" s="28">
        <v>108</v>
      </c>
      <c r="D84" s="29">
        <v>232</v>
      </c>
    </row>
    <row r="85" spans="1:4" ht="18" customHeight="1" x14ac:dyDescent="0.2">
      <c r="A85" s="31">
        <v>65</v>
      </c>
      <c r="B85" s="27">
        <v>1</v>
      </c>
      <c r="C85" s="28">
        <v>2</v>
      </c>
      <c r="D85" s="29">
        <v>3</v>
      </c>
    </row>
    <row r="86" spans="1:4" ht="18" customHeight="1" x14ac:dyDescent="0.2">
      <c r="A86" s="31">
        <v>66</v>
      </c>
      <c r="B86" s="27">
        <v>2</v>
      </c>
      <c r="C86" s="28">
        <v>2</v>
      </c>
      <c r="D86" s="29">
        <v>4</v>
      </c>
    </row>
    <row r="87" spans="1:4" ht="18" customHeight="1" x14ac:dyDescent="0.2">
      <c r="A87" s="31">
        <v>67</v>
      </c>
      <c r="B87" s="27">
        <v>1</v>
      </c>
      <c r="C87" s="28">
        <v>1</v>
      </c>
      <c r="D87" s="29">
        <v>2</v>
      </c>
    </row>
    <row r="88" spans="1:4" ht="18" customHeight="1" x14ac:dyDescent="0.2">
      <c r="A88" s="31">
        <v>68</v>
      </c>
      <c r="B88" s="27">
        <v>1</v>
      </c>
      <c r="C88" s="28">
        <v>4</v>
      </c>
      <c r="D88" s="29">
        <v>5</v>
      </c>
    </row>
    <row r="89" spans="1:4" ht="18" customHeight="1" x14ac:dyDescent="0.2">
      <c r="A89" s="31">
        <v>69</v>
      </c>
      <c r="B89" s="27">
        <v>3</v>
      </c>
      <c r="C89" s="28">
        <v>2</v>
      </c>
      <c r="D89" s="29">
        <v>5</v>
      </c>
    </row>
    <row r="90" spans="1:4" ht="18" customHeight="1" x14ac:dyDescent="0.2">
      <c r="A90" s="31" t="s">
        <v>81</v>
      </c>
      <c r="B90" s="27">
        <v>8</v>
      </c>
      <c r="C90" s="28">
        <v>11</v>
      </c>
      <c r="D90" s="29">
        <v>19</v>
      </c>
    </row>
    <row r="91" spans="1:4" ht="18" customHeight="1" x14ac:dyDescent="0.2">
      <c r="A91" s="31">
        <v>70</v>
      </c>
      <c r="B91" s="27">
        <v>2</v>
      </c>
      <c r="C91" s="28">
        <v>2</v>
      </c>
      <c r="D91" s="29">
        <v>4</v>
      </c>
    </row>
    <row r="92" spans="1:4" ht="18" customHeight="1" x14ac:dyDescent="0.2">
      <c r="A92" s="31">
        <v>71</v>
      </c>
      <c r="B92" s="27">
        <v>1</v>
      </c>
      <c r="C92" s="28">
        <v>1</v>
      </c>
      <c r="D92" s="29">
        <v>2</v>
      </c>
    </row>
    <row r="93" spans="1:4" ht="18" customHeight="1" x14ac:dyDescent="0.2">
      <c r="A93" s="31">
        <v>72</v>
      </c>
      <c r="B93" s="27">
        <v>2</v>
      </c>
      <c r="C93" s="28">
        <v>2</v>
      </c>
      <c r="D93" s="29">
        <v>4</v>
      </c>
    </row>
    <row r="94" spans="1:4" ht="18" customHeight="1" x14ac:dyDescent="0.2">
      <c r="A94" s="31">
        <v>73</v>
      </c>
      <c r="B94" s="27">
        <v>2</v>
      </c>
      <c r="C94" s="28">
        <v>2</v>
      </c>
      <c r="D94" s="29">
        <v>4</v>
      </c>
    </row>
    <row r="95" spans="1:4" ht="18" customHeight="1" x14ac:dyDescent="0.2">
      <c r="A95" s="31">
        <v>74</v>
      </c>
      <c r="B95" s="27">
        <v>2</v>
      </c>
      <c r="C95" s="28">
        <v>3</v>
      </c>
      <c r="D95" s="29">
        <v>5</v>
      </c>
    </row>
    <row r="96" spans="1:4" ht="18" customHeight="1" x14ac:dyDescent="0.2">
      <c r="A96" s="31" t="s">
        <v>82</v>
      </c>
      <c r="B96" s="27">
        <v>9</v>
      </c>
      <c r="C96" s="28">
        <v>10</v>
      </c>
      <c r="D96" s="29">
        <v>19</v>
      </c>
    </row>
    <row r="97" spans="1:4" ht="18" customHeight="1" x14ac:dyDescent="0.2">
      <c r="A97" s="31">
        <v>75</v>
      </c>
      <c r="B97" s="27">
        <v>1</v>
      </c>
      <c r="C97" s="28">
        <v>2</v>
      </c>
      <c r="D97" s="29">
        <v>3</v>
      </c>
    </row>
    <row r="98" spans="1:4" ht="18" customHeight="1" x14ac:dyDescent="0.2">
      <c r="A98" s="31">
        <v>76</v>
      </c>
      <c r="B98" s="27">
        <v>2</v>
      </c>
      <c r="C98" s="28">
        <v>1</v>
      </c>
      <c r="D98" s="29">
        <v>3</v>
      </c>
    </row>
    <row r="99" spans="1:4" ht="18" customHeight="1" x14ac:dyDescent="0.2">
      <c r="A99" s="31">
        <v>77</v>
      </c>
      <c r="B99" s="27">
        <v>3</v>
      </c>
      <c r="C99" s="28">
        <v>2</v>
      </c>
      <c r="D99" s="29">
        <v>5</v>
      </c>
    </row>
    <row r="100" spans="1:4" ht="18" customHeight="1" x14ac:dyDescent="0.2">
      <c r="A100" s="31">
        <v>78</v>
      </c>
      <c r="B100" s="27">
        <v>0</v>
      </c>
      <c r="C100" s="28">
        <v>2</v>
      </c>
      <c r="D100" s="29">
        <v>2</v>
      </c>
    </row>
    <row r="101" spans="1:4" ht="18" customHeight="1" x14ac:dyDescent="0.2">
      <c r="A101" s="31">
        <v>79</v>
      </c>
      <c r="B101" s="27">
        <v>2</v>
      </c>
      <c r="C101" s="28">
        <v>2</v>
      </c>
      <c r="D101" s="29">
        <v>4</v>
      </c>
    </row>
    <row r="102" spans="1:4" ht="18" customHeight="1" x14ac:dyDescent="0.2">
      <c r="A102" s="31" t="s">
        <v>83</v>
      </c>
      <c r="B102" s="27">
        <v>8</v>
      </c>
      <c r="C102" s="28">
        <v>9</v>
      </c>
      <c r="D102" s="29">
        <v>17</v>
      </c>
    </row>
    <row r="103" spans="1:4" ht="18" customHeight="1" x14ac:dyDescent="0.2">
      <c r="A103" s="31">
        <v>80</v>
      </c>
      <c r="B103" s="27">
        <v>1</v>
      </c>
      <c r="C103" s="28">
        <v>5</v>
      </c>
      <c r="D103" s="29">
        <v>6</v>
      </c>
    </row>
    <row r="104" spans="1:4" ht="18" customHeight="1" x14ac:dyDescent="0.2">
      <c r="A104" s="31">
        <v>81</v>
      </c>
      <c r="B104" s="27">
        <v>1</v>
      </c>
      <c r="C104" s="28">
        <v>4</v>
      </c>
      <c r="D104" s="29">
        <v>5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2</v>
      </c>
      <c r="C106" s="28">
        <v>3</v>
      </c>
      <c r="D106" s="29">
        <v>5</v>
      </c>
    </row>
    <row r="107" spans="1:4" ht="18" customHeight="1" x14ac:dyDescent="0.2">
      <c r="A107" s="31">
        <v>84</v>
      </c>
      <c r="B107" s="27">
        <v>2</v>
      </c>
      <c r="C107" s="28">
        <v>2</v>
      </c>
      <c r="D107" s="29">
        <v>4</v>
      </c>
    </row>
    <row r="108" spans="1:4" ht="18" customHeight="1" x14ac:dyDescent="0.2">
      <c r="A108" s="31" t="s">
        <v>84</v>
      </c>
      <c r="B108" s="27">
        <v>6</v>
      </c>
      <c r="C108" s="28">
        <v>14</v>
      </c>
      <c r="D108" s="29">
        <v>20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3</v>
      </c>
      <c r="C112" s="28">
        <v>0</v>
      </c>
      <c r="D112" s="29">
        <v>3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85</v>
      </c>
      <c r="B114" s="27">
        <v>4</v>
      </c>
      <c r="C114" s="28">
        <v>4</v>
      </c>
      <c r="D114" s="29">
        <v>8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86</v>
      </c>
      <c r="B120" s="27">
        <v>0</v>
      </c>
      <c r="C120" s="28">
        <v>1</v>
      </c>
      <c r="D120" s="29">
        <v>1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114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36</v>
      </c>
      <c r="C130" s="5">
        <v>49</v>
      </c>
      <c r="D130" s="6">
        <v>85</v>
      </c>
    </row>
    <row r="131" spans="1:4" ht="18" customHeight="1" x14ac:dyDescent="0.2">
      <c r="A131" s="33" t="s">
        <v>65</v>
      </c>
      <c r="B131" s="7">
        <v>174</v>
      </c>
      <c r="C131" s="8">
        <v>169</v>
      </c>
      <c r="D131" s="9">
        <v>34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85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7</v>
      </c>
      <c r="C5" s="37">
        <v>4</v>
      </c>
      <c r="D5" s="39">
        <v>11</v>
      </c>
    </row>
    <row r="6" spans="1:4" ht="18" customHeight="1" x14ac:dyDescent="0.2">
      <c r="A6" s="31">
        <v>1</v>
      </c>
      <c r="B6" s="35">
        <v>4</v>
      </c>
      <c r="C6" s="28">
        <v>6</v>
      </c>
      <c r="D6" s="29">
        <v>10</v>
      </c>
    </row>
    <row r="7" spans="1:4" ht="18" customHeight="1" x14ac:dyDescent="0.2">
      <c r="A7" s="31">
        <v>2</v>
      </c>
      <c r="B7" s="35">
        <v>11</v>
      </c>
      <c r="C7" s="28">
        <v>5</v>
      </c>
      <c r="D7" s="29">
        <v>16</v>
      </c>
    </row>
    <row r="8" spans="1:4" ht="18" customHeight="1" x14ac:dyDescent="0.2">
      <c r="A8" s="31">
        <v>3</v>
      </c>
      <c r="B8" s="35">
        <v>7</v>
      </c>
      <c r="C8" s="28">
        <v>6</v>
      </c>
      <c r="D8" s="29">
        <v>13</v>
      </c>
    </row>
    <row r="9" spans="1:4" ht="18" customHeight="1" x14ac:dyDescent="0.2">
      <c r="A9" s="31">
        <v>4</v>
      </c>
      <c r="B9" s="36">
        <v>5</v>
      </c>
      <c r="C9" s="38">
        <v>12</v>
      </c>
      <c r="D9" s="40">
        <v>17</v>
      </c>
    </row>
    <row r="10" spans="1:4" ht="18" customHeight="1" x14ac:dyDescent="0.2">
      <c r="A10" s="31" t="s">
        <v>66</v>
      </c>
      <c r="B10" s="27">
        <v>34</v>
      </c>
      <c r="C10" s="28">
        <v>33</v>
      </c>
      <c r="D10" s="29">
        <v>67</v>
      </c>
    </row>
    <row r="11" spans="1:4" ht="18" customHeight="1" x14ac:dyDescent="0.2">
      <c r="A11" s="31">
        <v>5</v>
      </c>
      <c r="B11" s="35">
        <v>7</v>
      </c>
      <c r="C11" s="28">
        <v>6</v>
      </c>
      <c r="D11" s="29">
        <v>13</v>
      </c>
    </row>
    <row r="12" spans="1:4" ht="18" customHeight="1" x14ac:dyDescent="0.2">
      <c r="A12" s="31">
        <v>6</v>
      </c>
      <c r="B12" s="35">
        <v>11</v>
      </c>
      <c r="C12" s="28">
        <v>6</v>
      </c>
      <c r="D12" s="29">
        <v>17</v>
      </c>
    </row>
    <row r="13" spans="1:4" ht="18" customHeight="1" x14ac:dyDescent="0.2">
      <c r="A13" s="31">
        <v>7</v>
      </c>
      <c r="B13" s="35">
        <v>5</v>
      </c>
      <c r="C13" s="28">
        <v>10</v>
      </c>
      <c r="D13" s="29">
        <v>15</v>
      </c>
    </row>
    <row r="14" spans="1:4" ht="18" customHeight="1" x14ac:dyDescent="0.2">
      <c r="A14" s="31">
        <v>8</v>
      </c>
      <c r="B14" s="35">
        <v>6</v>
      </c>
      <c r="C14" s="28">
        <v>2</v>
      </c>
      <c r="D14" s="29">
        <v>8</v>
      </c>
    </row>
    <row r="15" spans="1:4" ht="18" customHeight="1" x14ac:dyDescent="0.2">
      <c r="A15" s="31">
        <v>9</v>
      </c>
      <c r="B15" s="35">
        <v>3</v>
      </c>
      <c r="C15" s="28">
        <v>6</v>
      </c>
      <c r="D15" s="29">
        <v>9</v>
      </c>
    </row>
    <row r="16" spans="1:4" ht="18" customHeight="1" x14ac:dyDescent="0.2">
      <c r="A16" s="31" t="s">
        <v>67</v>
      </c>
      <c r="B16" s="27">
        <v>32</v>
      </c>
      <c r="C16" s="28">
        <v>30</v>
      </c>
      <c r="D16" s="29">
        <v>62</v>
      </c>
    </row>
    <row r="17" spans="1:4" ht="18" customHeight="1" x14ac:dyDescent="0.2">
      <c r="A17" s="31">
        <v>10</v>
      </c>
      <c r="B17" s="27">
        <v>6</v>
      </c>
      <c r="C17" s="28">
        <v>6</v>
      </c>
      <c r="D17" s="29">
        <v>12</v>
      </c>
    </row>
    <row r="18" spans="1:4" ht="18" customHeight="1" x14ac:dyDescent="0.2">
      <c r="A18" s="31">
        <v>11</v>
      </c>
      <c r="B18" s="27">
        <v>7</v>
      </c>
      <c r="C18" s="28">
        <v>8</v>
      </c>
      <c r="D18" s="29">
        <v>15</v>
      </c>
    </row>
    <row r="19" spans="1:4" ht="18" customHeight="1" x14ac:dyDescent="0.2">
      <c r="A19" s="31">
        <v>12</v>
      </c>
      <c r="B19" s="27">
        <v>5</v>
      </c>
      <c r="C19" s="28">
        <v>4</v>
      </c>
      <c r="D19" s="29">
        <v>9</v>
      </c>
    </row>
    <row r="20" spans="1:4" ht="18" customHeight="1" x14ac:dyDescent="0.2">
      <c r="A20" s="31">
        <v>13</v>
      </c>
      <c r="B20" s="27">
        <v>10</v>
      </c>
      <c r="C20" s="28">
        <v>6</v>
      </c>
      <c r="D20" s="29">
        <v>16</v>
      </c>
    </row>
    <row r="21" spans="1:4" ht="18" customHeight="1" x14ac:dyDescent="0.2">
      <c r="A21" s="31">
        <v>14</v>
      </c>
      <c r="B21" s="27">
        <v>8</v>
      </c>
      <c r="C21" s="28">
        <v>9</v>
      </c>
      <c r="D21" s="29">
        <v>17</v>
      </c>
    </row>
    <row r="22" spans="1:4" ht="18" customHeight="1" x14ac:dyDescent="0.2">
      <c r="A22" s="31" t="s">
        <v>68</v>
      </c>
      <c r="B22" s="27">
        <v>36</v>
      </c>
      <c r="C22" s="28">
        <v>33</v>
      </c>
      <c r="D22" s="29">
        <v>69</v>
      </c>
    </row>
    <row r="23" spans="1:4" ht="18" customHeight="1" x14ac:dyDescent="0.2">
      <c r="A23" s="31" t="s">
        <v>69</v>
      </c>
      <c r="B23" s="27">
        <v>102</v>
      </c>
      <c r="C23" s="28">
        <v>96</v>
      </c>
      <c r="D23" s="29">
        <v>198</v>
      </c>
    </row>
    <row r="24" spans="1:4" ht="18" customHeight="1" x14ac:dyDescent="0.2">
      <c r="A24" s="31">
        <v>15</v>
      </c>
      <c r="B24" s="27">
        <v>3</v>
      </c>
      <c r="C24" s="28">
        <v>2</v>
      </c>
      <c r="D24" s="29">
        <v>5</v>
      </c>
    </row>
    <row r="25" spans="1:4" ht="18" customHeight="1" x14ac:dyDescent="0.2">
      <c r="A25" s="31">
        <v>16</v>
      </c>
      <c r="B25" s="27">
        <v>6</v>
      </c>
      <c r="C25" s="28">
        <v>8</v>
      </c>
      <c r="D25" s="29">
        <v>14</v>
      </c>
    </row>
    <row r="26" spans="1:4" ht="18" customHeight="1" x14ac:dyDescent="0.2">
      <c r="A26" s="31">
        <v>17</v>
      </c>
      <c r="B26" s="27">
        <v>7</v>
      </c>
      <c r="C26" s="28">
        <v>9</v>
      </c>
      <c r="D26" s="29">
        <v>16</v>
      </c>
    </row>
    <row r="27" spans="1:4" ht="18" customHeight="1" x14ac:dyDescent="0.2">
      <c r="A27" s="31">
        <v>18</v>
      </c>
      <c r="B27" s="27">
        <v>8</v>
      </c>
      <c r="C27" s="28">
        <v>7</v>
      </c>
      <c r="D27" s="29">
        <v>15</v>
      </c>
    </row>
    <row r="28" spans="1:4" ht="18" customHeight="1" x14ac:dyDescent="0.2">
      <c r="A28" s="31">
        <v>19</v>
      </c>
      <c r="B28" s="27">
        <v>14</v>
      </c>
      <c r="C28" s="28">
        <v>12</v>
      </c>
      <c r="D28" s="29">
        <v>26</v>
      </c>
    </row>
    <row r="29" spans="1:4" ht="18" customHeight="1" x14ac:dyDescent="0.2">
      <c r="A29" s="31" t="s">
        <v>70</v>
      </c>
      <c r="B29" s="27">
        <v>38</v>
      </c>
      <c r="C29" s="28">
        <v>38</v>
      </c>
      <c r="D29" s="29">
        <v>76</v>
      </c>
    </row>
    <row r="30" spans="1:4" ht="18" customHeight="1" x14ac:dyDescent="0.2">
      <c r="A30" s="31">
        <v>20</v>
      </c>
      <c r="B30" s="27">
        <v>10</v>
      </c>
      <c r="C30" s="28">
        <v>7</v>
      </c>
      <c r="D30" s="29">
        <v>17</v>
      </c>
    </row>
    <row r="31" spans="1:4" ht="18" customHeight="1" x14ac:dyDescent="0.2">
      <c r="A31" s="31">
        <v>21</v>
      </c>
      <c r="B31" s="27">
        <v>5</v>
      </c>
      <c r="C31" s="28">
        <v>12</v>
      </c>
      <c r="D31" s="29">
        <v>17</v>
      </c>
    </row>
    <row r="32" spans="1:4" ht="18" customHeight="1" x14ac:dyDescent="0.2">
      <c r="A32" s="31">
        <v>22</v>
      </c>
      <c r="B32" s="27">
        <v>9</v>
      </c>
      <c r="C32" s="28">
        <v>13</v>
      </c>
      <c r="D32" s="29">
        <v>22</v>
      </c>
    </row>
    <row r="33" spans="1:4" ht="18" customHeight="1" x14ac:dyDescent="0.2">
      <c r="A33" s="31">
        <v>23</v>
      </c>
      <c r="B33" s="27">
        <v>9</v>
      </c>
      <c r="C33" s="28">
        <v>13</v>
      </c>
      <c r="D33" s="29">
        <v>22</v>
      </c>
    </row>
    <row r="34" spans="1:4" ht="18" customHeight="1" x14ac:dyDescent="0.2">
      <c r="A34" s="31">
        <v>24</v>
      </c>
      <c r="B34" s="27">
        <v>9</v>
      </c>
      <c r="C34" s="28">
        <v>12</v>
      </c>
      <c r="D34" s="29">
        <v>21</v>
      </c>
    </row>
    <row r="35" spans="1:4" ht="18" customHeight="1" x14ac:dyDescent="0.2">
      <c r="A35" s="31" t="s">
        <v>71</v>
      </c>
      <c r="B35" s="27">
        <v>42</v>
      </c>
      <c r="C35" s="28">
        <v>57</v>
      </c>
      <c r="D35" s="29">
        <v>99</v>
      </c>
    </row>
    <row r="36" spans="1:4" ht="18" customHeight="1" x14ac:dyDescent="0.2">
      <c r="A36" s="31">
        <v>25</v>
      </c>
      <c r="B36" s="27">
        <v>4</v>
      </c>
      <c r="C36" s="28">
        <v>10</v>
      </c>
      <c r="D36" s="29">
        <v>14</v>
      </c>
    </row>
    <row r="37" spans="1:4" ht="18" customHeight="1" x14ac:dyDescent="0.2">
      <c r="A37" s="31">
        <v>26</v>
      </c>
      <c r="B37" s="27">
        <v>7</v>
      </c>
      <c r="C37" s="28">
        <v>10</v>
      </c>
      <c r="D37" s="29">
        <v>17</v>
      </c>
    </row>
    <row r="38" spans="1:4" ht="18" customHeight="1" x14ac:dyDescent="0.2">
      <c r="A38" s="31">
        <v>27</v>
      </c>
      <c r="B38" s="27">
        <v>13</v>
      </c>
      <c r="C38" s="28">
        <v>15</v>
      </c>
      <c r="D38" s="29">
        <v>28</v>
      </c>
    </row>
    <row r="39" spans="1:4" ht="18" customHeight="1" x14ac:dyDescent="0.2">
      <c r="A39" s="31">
        <v>28</v>
      </c>
      <c r="B39" s="27">
        <v>12</v>
      </c>
      <c r="C39" s="28">
        <v>14</v>
      </c>
      <c r="D39" s="29">
        <v>26</v>
      </c>
    </row>
    <row r="40" spans="1:4" ht="18" customHeight="1" x14ac:dyDescent="0.2">
      <c r="A40" s="31">
        <v>29</v>
      </c>
      <c r="B40" s="27">
        <v>10</v>
      </c>
      <c r="C40" s="28">
        <v>7</v>
      </c>
      <c r="D40" s="29">
        <v>17</v>
      </c>
    </row>
    <row r="41" spans="1:4" ht="18" customHeight="1" x14ac:dyDescent="0.2">
      <c r="A41" s="31" t="s">
        <v>72</v>
      </c>
      <c r="B41" s="27">
        <v>46</v>
      </c>
      <c r="C41" s="28">
        <v>56</v>
      </c>
      <c r="D41" s="29">
        <v>102</v>
      </c>
    </row>
    <row r="42" spans="1:4" ht="18" customHeight="1" x14ac:dyDescent="0.2">
      <c r="A42" s="31">
        <v>30</v>
      </c>
      <c r="B42" s="27">
        <v>7</v>
      </c>
      <c r="C42" s="28">
        <v>7</v>
      </c>
      <c r="D42" s="29">
        <v>14</v>
      </c>
    </row>
    <row r="43" spans="1:4" ht="18" customHeight="1" x14ac:dyDescent="0.2">
      <c r="A43" s="31">
        <v>31</v>
      </c>
      <c r="B43" s="27">
        <v>14</v>
      </c>
      <c r="C43" s="28">
        <v>12</v>
      </c>
      <c r="D43" s="29">
        <v>26</v>
      </c>
    </row>
    <row r="44" spans="1:4" ht="18" customHeight="1" x14ac:dyDescent="0.2">
      <c r="A44" s="31">
        <v>32</v>
      </c>
      <c r="B44" s="27">
        <v>9</v>
      </c>
      <c r="C44" s="28">
        <v>8</v>
      </c>
      <c r="D44" s="29">
        <v>17</v>
      </c>
    </row>
    <row r="45" spans="1:4" ht="18" customHeight="1" x14ac:dyDescent="0.2">
      <c r="A45" s="31">
        <v>33</v>
      </c>
      <c r="B45" s="27">
        <v>11</v>
      </c>
      <c r="C45" s="28">
        <v>6</v>
      </c>
      <c r="D45" s="29">
        <v>17</v>
      </c>
    </row>
    <row r="46" spans="1:4" ht="18" customHeight="1" x14ac:dyDescent="0.2">
      <c r="A46" s="31">
        <v>34</v>
      </c>
      <c r="B46" s="27">
        <v>12</v>
      </c>
      <c r="C46" s="28">
        <v>10</v>
      </c>
      <c r="D46" s="29">
        <v>22</v>
      </c>
    </row>
    <row r="47" spans="1:4" ht="18" customHeight="1" x14ac:dyDescent="0.2">
      <c r="A47" s="31" t="s">
        <v>73</v>
      </c>
      <c r="B47" s="27">
        <v>53</v>
      </c>
      <c r="C47" s="28">
        <v>43</v>
      </c>
      <c r="D47" s="29">
        <v>96</v>
      </c>
    </row>
    <row r="48" spans="1:4" ht="18" customHeight="1" x14ac:dyDescent="0.2">
      <c r="A48" s="31">
        <v>35</v>
      </c>
      <c r="B48" s="27">
        <v>18</v>
      </c>
      <c r="C48" s="28">
        <v>11</v>
      </c>
      <c r="D48" s="29">
        <v>29</v>
      </c>
    </row>
    <row r="49" spans="1:4" ht="18" customHeight="1" x14ac:dyDescent="0.2">
      <c r="A49" s="31">
        <v>36</v>
      </c>
      <c r="B49" s="27">
        <v>11</v>
      </c>
      <c r="C49" s="28">
        <v>14</v>
      </c>
      <c r="D49" s="29">
        <v>25</v>
      </c>
    </row>
    <row r="50" spans="1:4" ht="18" customHeight="1" x14ac:dyDescent="0.2">
      <c r="A50" s="31">
        <v>37</v>
      </c>
      <c r="B50" s="27">
        <v>17</v>
      </c>
      <c r="C50" s="28">
        <v>10</v>
      </c>
      <c r="D50" s="29">
        <v>27</v>
      </c>
    </row>
    <row r="51" spans="1:4" ht="18" customHeight="1" x14ac:dyDescent="0.2">
      <c r="A51" s="31">
        <v>38</v>
      </c>
      <c r="B51" s="27">
        <v>13</v>
      </c>
      <c r="C51" s="28">
        <v>9</v>
      </c>
      <c r="D51" s="29">
        <v>22</v>
      </c>
    </row>
    <row r="52" spans="1:4" ht="18" customHeight="1" x14ac:dyDescent="0.2">
      <c r="A52" s="31">
        <v>39</v>
      </c>
      <c r="B52" s="27">
        <v>13</v>
      </c>
      <c r="C52" s="28">
        <v>8</v>
      </c>
      <c r="D52" s="29">
        <v>21</v>
      </c>
    </row>
    <row r="53" spans="1:4" ht="18" customHeight="1" x14ac:dyDescent="0.2">
      <c r="A53" s="31" t="s">
        <v>74</v>
      </c>
      <c r="B53" s="27">
        <v>72</v>
      </c>
      <c r="C53" s="28">
        <v>52</v>
      </c>
      <c r="D53" s="29">
        <v>124</v>
      </c>
    </row>
    <row r="54" spans="1:4" ht="18" customHeight="1" x14ac:dyDescent="0.2">
      <c r="A54" s="31">
        <v>40</v>
      </c>
      <c r="B54" s="27">
        <v>8</v>
      </c>
      <c r="C54" s="28">
        <v>9</v>
      </c>
      <c r="D54" s="29">
        <v>17</v>
      </c>
    </row>
    <row r="55" spans="1:4" ht="18" customHeight="1" x14ac:dyDescent="0.2">
      <c r="A55" s="31">
        <v>41</v>
      </c>
      <c r="B55" s="27">
        <v>3</v>
      </c>
      <c r="C55" s="28">
        <v>11</v>
      </c>
      <c r="D55" s="29">
        <v>14</v>
      </c>
    </row>
    <row r="56" spans="1:4" ht="18" customHeight="1" x14ac:dyDescent="0.2">
      <c r="A56" s="31">
        <v>42</v>
      </c>
      <c r="B56" s="27">
        <v>14</v>
      </c>
      <c r="C56" s="28">
        <v>14</v>
      </c>
      <c r="D56" s="29">
        <v>28</v>
      </c>
    </row>
    <row r="57" spans="1:4" ht="18" customHeight="1" x14ac:dyDescent="0.2">
      <c r="A57" s="31">
        <v>43</v>
      </c>
      <c r="B57" s="27">
        <v>11</v>
      </c>
      <c r="C57" s="28">
        <v>8</v>
      </c>
      <c r="D57" s="29">
        <v>19</v>
      </c>
    </row>
    <row r="58" spans="1:4" ht="18" customHeight="1" x14ac:dyDescent="0.2">
      <c r="A58" s="31">
        <v>44</v>
      </c>
      <c r="B58" s="27">
        <v>6</v>
      </c>
      <c r="C58" s="28">
        <v>12</v>
      </c>
      <c r="D58" s="29">
        <v>18</v>
      </c>
    </row>
    <row r="59" spans="1:4" ht="18" customHeight="1" x14ac:dyDescent="0.2">
      <c r="A59" s="31" t="s">
        <v>75</v>
      </c>
      <c r="B59" s="27">
        <v>42</v>
      </c>
      <c r="C59" s="28">
        <v>54</v>
      </c>
      <c r="D59" s="29">
        <v>96</v>
      </c>
    </row>
    <row r="60" spans="1:4" ht="18" customHeight="1" x14ac:dyDescent="0.2">
      <c r="A60" s="31">
        <v>45</v>
      </c>
      <c r="B60" s="27">
        <v>8</v>
      </c>
      <c r="C60" s="28">
        <v>7</v>
      </c>
      <c r="D60" s="29">
        <v>15</v>
      </c>
    </row>
    <row r="61" spans="1:4" ht="18" customHeight="1" x14ac:dyDescent="0.2">
      <c r="A61" s="31">
        <v>46</v>
      </c>
      <c r="B61" s="27">
        <v>7</v>
      </c>
      <c r="C61" s="28">
        <v>8</v>
      </c>
      <c r="D61" s="29">
        <v>15</v>
      </c>
    </row>
    <row r="62" spans="1:4" ht="18" customHeight="1" x14ac:dyDescent="0.2">
      <c r="A62" s="31">
        <v>47</v>
      </c>
      <c r="B62" s="27">
        <v>3</v>
      </c>
      <c r="C62" s="28">
        <v>8</v>
      </c>
      <c r="D62" s="29">
        <v>11</v>
      </c>
    </row>
    <row r="63" spans="1:4" ht="18" customHeight="1" x14ac:dyDescent="0.2">
      <c r="A63" s="31">
        <v>48</v>
      </c>
      <c r="B63" s="27">
        <v>7</v>
      </c>
      <c r="C63" s="28">
        <v>8</v>
      </c>
      <c r="D63" s="29">
        <v>15</v>
      </c>
    </row>
    <row r="64" spans="1:4" ht="18" customHeight="1" x14ac:dyDescent="0.2">
      <c r="A64" s="31">
        <v>49</v>
      </c>
      <c r="B64" s="27">
        <v>11</v>
      </c>
      <c r="C64" s="28">
        <v>8</v>
      </c>
      <c r="D64" s="29">
        <v>19</v>
      </c>
    </row>
    <row r="65" spans="1:4" ht="18" customHeight="1" x14ac:dyDescent="0.2">
      <c r="A65" s="31" t="s">
        <v>76</v>
      </c>
      <c r="B65" s="27">
        <v>36</v>
      </c>
      <c r="C65" s="28">
        <v>39</v>
      </c>
      <c r="D65" s="29">
        <v>75</v>
      </c>
    </row>
    <row r="66" spans="1:4" ht="18" customHeight="1" x14ac:dyDescent="0.2">
      <c r="A66" s="31">
        <v>50</v>
      </c>
      <c r="B66" s="27">
        <v>6</v>
      </c>
      <c r="C66" s="28">
        <v>10</v>
      </c>
      <c r="D66" s="29">
        <v>16</v>
      </c>
    </row>
    <row r="67" spans="1:4" ht="18" customHeight="1" x14ac:dyDescent="0.2">
      <c r="A67" s="31">
        <v>51</v>
      </c>
      <c r="B67" s="27">
        <v>10</v>
      </c>
      <c r="C67" s="28">
        <v>15</v>
      </c>
      <c r="D67" s="29">
        <v>25</v>
      </c>
    </row>
    <row r="68" spans="1:4" ht="18" customHeight="1" x14ac:dyDescent="0.2">
      <c r="A68" s="31">
        <v>52</v>
      </c>
      <c r="B68" s="27">
        <v>11</v>
      </c>
      <c r="C68" s="28">
        <v>9</v>
      </c>
      <c r="D68" s="29">
        <v>20</v>
      </c>
    </row>
    <row r="69" spans="1:4" ht="18" customHeight="1" x14ac:dyDescent="0.2">
      <c r="A69" s="31">
        <v>53</v>
      </c>
      <c r="B69" s="27">
        <v>19</v>
      </c>
      <c r="C69" s="28">
        <v>12</v>
      </c>
      <c r="D69" s="29">
        <v>31</v>
      </c>
    </row>
    <row r="70" spans="1:4" ht="18" customHeight="1" x14ac:dyDescent="0.2">
      <c r="A70" s="31">
        <v>54</v>
      </c>
      <c r="B70" s="27">
        <v>13</v>
      </c>
      <c r="C70" s="28">
        <v>11</v>
      </c>
      <c r="D70" s="29">
        <v>24</v>
      </c>
    </row>
    <row r="71" spans="1:4" ht="18" customHeight="1" x14ac:dyDescent="0.2">
      <c r="A71" s="31" t="s">
        <v>77</v>
      </c>
      <c r="B71" s="27">
        <v>59</v>
      </c>
      <c r="C71" s="28">
        <v>57</v>
      </c>
      <c r="D71" s="29">
        <v>116</v>
      </c>
    </row>
    <row r="72" spans="1:4" ht="18" customHeight="1" x14ac:dyDescent="0.2">
      <c r="A72" s="31">
        <v>55</v>
      </c>
      <c r="B72" s="27">
        <v>17</v>
      </c>
      <c r="C72" s="28">
        <v>17</v>
      </c>
      <c r="D72" s="29">
        <v>34</v>
      </c>
    </row>
    <row r="73" spans="1:4" ht="18" customHeight="1" x14ac:dyDescent="0.2">
      <c r="A73" s="31">
        <v>56</v>
      </c>
      <c r="B73" s="27">
        <v>20</v>
      </c>
      <c r="C73" s="28">
        <v>14</v>
      </c>
      <c r="D73" s="29">
        <v>34</v>
      </c>
    </row>
    <row r="74" spans="1:4" ht="18" customHeight="1" x14ac:dyDescent="0.2">
      <c r="A74" s="31">
        <v>57</v>
      </c>
      <c r="B74" s="27">
        <v>17</v>
      </c>
      <c r="C74" s="28">
        <v>16</v>
      </c>
      <c r="D74" s="29">
        <v>33</v>
      </c>
    </row>
    <row r="75" spans="1:4" ht="18" customHeight="1" x14ac:dyDescent="0.2">
      <c r="A75" s="31">
        <v>58</v>
      </c>
      <c r="B75" s="27">
        <v>16</v>
      </c>
      <c r="C75" s="28">
        <v>14</v>
      </c>
      <c r="D75" s="29">
        <v>30</v>
      </c>
    </row>
    <row r="76" spans="1:4" ht="18" customHeight="1" x14ac:dyDescent="0.2">
      <c r="A76" s="31">
        <v>59</v>
      </c>
      <c r="B76" s="27">
        <v>13</v>
      </c>
      <c r="C76" s="28">
        <v>15</v>
      </c>
      <c r="D76" s="29">
        <v>28</v>
      </c>
    </row>
    <row r="77" spans="1:4" ht="18" customHeight="1" x14ac:dyDescent="0.2">
      <c r="A77" s="31" t="s">
        <v>78</v>
      </c>
      <c r="B77" s="27">
        <v>83</v>
      </c>
      <c r="C77" s="28">
        <v>76</v>
      </c>
      <c r="D77" s="29">
        <v>159</v>
      </c>
    </row>
    <row r="78" spans="1:4" ht="18" customHeight="1" x14ac:dyDescent="0.2">
      <c r="A78" s="31">
        <v>60</v>
      </c>
      <c r="B78" s="27">
        <v>19</v>
      </c>
      <c r="C78" s="28">
        <v>18</v>
      </c>
      <c r="D78" s="29">
        <v>37</v>
      </c>
    </row>
    <row r="79" spans="1:4" ht="18" customHeight="1" x14ac:dyDescent="0.2">
      <c r="A79" s="31">
        <v>61</v>
      </c>
      <c r="B79" s="27">
        <v>14</v>
      </c>
      <c r="C79" s="28">
        <v>15</v>
      </c>
      <c r="D79" s="29">
        <v>29</v>
      </c>
    </row>
    <row r="80" spans="1:4" ht="18" customHeight="1" x14ac:dyDescent="0.2">
      <c r="A80" s="31">
        <v>62</v>
      </c>
      <c r="B80" s="27">
        <v>23</v>
      </c>
      <c r="C80" s="28">
        <v>14</v>
      </c>
      <c r="D80" s="29">
        <v>37</v>
      </c>
    </row>
    <row r="81" spans="1:4" ht="18" customHeight="1" x14ac:dyDescent="0.2">
      <c r="A81" s="31">
        <v>63</v>
      </c>
      <c r="B81" s="27">
        <v>8</v>
      </c>
      <c r="C81" s="28">
        <v>11</v>
      </c>
      <c r="D81" s="29">
        <v>19</v>
      </c>
    </row>
    <row r="82" spans="1:4" ht="18" customHeight="1" x14ac:dyDescent="0.2">
      <c r="A82" s="31">
        <v>64</v>
      </c>
      <c r="B82" s="27">
        <v>8</v>
      </c>
      <c r="C82" s="28">
        <v>3</v>
      </c>
      <c r="D82" s="29">
        <v>11</v>
      </c>
    </row>
    <row r="83" spans="1:4" ht="18" customHeight="1" x14ac:dyDescent="0.2">
      <c r="A83" s="31" t="s">
        <v>79</v>
      </c>
      <c r="B83" s="27">
        <v>72</v>
      </c>
      <c r="C83" s="28">
        <v>61</v>
      </c>
      <c r="D83" s="29">
        <v>133</v>
      </c>
    </row>
    <row r="84" spans="1:4" ht="18" customHeight="1" x14ac:dyDescent="0.2">
      <c r="A84" s="31" t="s">
        <v>80</v>
      </c>
      <c r="B84" s="27">
        <v>543</v>
      </c>
      <c r="C84" s="28">
        <v>533</v>
      </c>
      <c r="D84" s="29">
        <v>1076</v>
      </c>
    </row>
    <row r="85" spans="1:4" ht="18" customHeight="1" x14ac:dyDescent="0.2">
      <c r="A85" s="31">
        <v>65</v>
      </c>
      <c r="B85" s="27">
        <v>13</v>
      </c>
      <c r="C85" s="28">
        <v>11</v>
      </c>
      <c r="D85" s="29">
        <v>24</v>
      </c>
    </row>
    <row r="86" spans="1:4" ht="18" customHeight="1" x14ac:dyDescent="0.2">
      <c r="A86" s="31">
        <v>66</v>
      </c>
      <c r="B86" s="27">
        <v>9</v>
      </c>
      <c r="C86" s="28">
        <v>7</v>
      </c>
      <c r="D86" s="29">
        <v>16</v>
      </c>
    </row>
    <row r="87" spans="1:4" ht="18" customHeight="1" x14ac:dyDescent="0.2">
      <c r="A87" s="31">
        <v>67</v>
      </c>
      <c r="B87" s="27">
        <v>13</v>
      </c>
      <c r="C87" s="28">
        <v>12</v>
      </c>
      <c r="D87" s="29">
        <v>25</v>
      </c>
    </row>
    <row r="88" spans="1:4" ht="18" customHeight="1" x14ac:dyDescent="0.2">
      <c r="A88" s="31">
        <v>68</v>
      </c>
      <c r="B88" s="27">
        <v>7</v>
      </c>
      <c r="C88" s="28">
        <v>15</v>
      </c>
      <c r="D88" s="29">
        <v>22</v>
      </c>
    </row>
    <row r="89" spans="1:4" ht="18" customHeight="1" x14ac:dyDescent="0.2">
      <c r="A89" s="31">
        <v>69</v>
      </c>
      <c r="B89" s="27">
        <v>7</v>
      </c>
      <c r="C89" s="28">
        <v>8</v>
      </c>
      <c r="D89" s="29">
        <v>15</v>
      </c>
    </row>
    <row r="90" spans="1:4" ht="18" customHeight="1" x14ac:dyDescent="0.2">
      <c r="A90" s="31" t="s">
        <v>81</v>
      </c>
      <c r="B90" s="27">
        <v>49</v>
      </c>
      <c r="C90" s="28">
        <v>53</v>
      </c>
      <c r="D90" s="29">
        <v>102</v>
      </c>
    </row>
    <row r="91" spans="1:4" ht="18" customHeight="1" x14ac:dyDescent="0.2">
      <c r="A91" s="31">
        <v>70</v>
      </c>
      <c r="B91" s="27">
        <v>12</v>
      </c>
      <c r="C91" s="28">
        <v>10</v>
      </c>
      <c r="D91" s="29">
        <v>22</v>
      </c>
    </row>
    <row r="92" spans="1:4" ht="18" customHeight="1" x14ac:dyDescent="0.2">
      <c r="A92" s="31">
        <v>71</v>
      </c>
      <c r="B92" s="27">
        <v>9</v>
      </c>
      <c r="C92" s="28">
        <v>3</v>
      </c>
      <c r="D92" s="29">
        <v>12</v>
      </c>
    </row>
    <row r="93" spans="1:4" ht="18" customHeight="1" x14ac:dyDescent="0.2">
      <c r="A93" s="31">
        <v>72</v>
      </c>
      <c r="B93" s="27">
        <v>10</v>
      </c>
      <c r="C93" s="28">
        <v>12</v>
      </c>
      <c r="D93" s="29">
        <v>22</v>
      </c>
    </row>
    <row r="94" spans="1:4" ht="18" customHeight="1" x14ac:dyDescent="0.2">
      <c r="A94" s="31">
        <v>73</v>
      </c>
      <c r="B94" s="27">
        <v>6</v>
      </c>
      <c r="C94" s="28">
        <v>7</v>
      </c>
      <c r="D94" s="29">
        <v>13</v>
      </c>
    </row>
    <row r="95" spans="1:4" ht="18" customHeight="1" x14ac:dyDescent="0.2">
      <c r="A95" s="31">
        <v>74</v>
      </c>
      <c r="B95" s="27">
        <v>8</v>
      </c>
      <c r="C95" s="28">
        <v>17</v>
      </c>
      <c r="D95" s="29">
        <v>25</v>
      </c>
    </row>
    <row r="96" spans="1:4" ht="18" customHeight="1" x14ac:dyDescent="0.2">
      <c r="A96" s="31" t="s">
        <v>82</v>
      </c>
      <c r="B96" s="27">
        <v>45</v>
      </c>
      <c r="C96" s="28">
        <v>49</v>
      </c>
      <c r="D96" s="29">
        <v>94</v>
      </c>
    </row>
    <row r="97" spans="1:4" ht="18" customHeight="1" x14ac:dyDescent="0.2">
      <c r="A97" s="31">
        <v>75</v>
      </c>
      <c r="B97" s="27">
        <v>5</v>
      </c>
      <c r="C97" s="28">
        <v>15</v>
      </c>
      <c r="D97" s="29">
        <v>20</v>
      </c>
    </row>
    <row r="98" spans="1:4" ht="18" customHeight="1" x14ac:dyDescent="0.2">
      <c r="A98" s="31">
        <v>76</v>
      </c>
      <c r="B98" s="27">
        <v>3</v>
      </c>
      <c r="C98" s="28">
        <v>12</v>
      </c>
      <c r="D98" s="29">
        <v>15</v>
      </c>
    </row>
    <row r="99" spans="1:4" ht="18" customHeight="1" x14ac:dyDescent="0.2">
      <c r="A99" s="31">
        <v>77</v>
      </c>
      <c r="B99" s="27">
        <v>10</v>
      </c>
      <c r="C99" s="28">
        <v>16</v>
      </c>
      <c r="D99" s="29">
        <v>26</v>
      </c>
    </row>
    <row r="100" spans="1:4" ht="18" customHeight="1" x14ac:dyDescent="0.2">
      <c r="A100" s="31">
        <v>78</v>
      </c>
      <c r="B100" s="27">
        <v>8</v>
      </c>
      <c r="C100" s="28">
        <v>11</v>
      </c>
      <c r="D100" s="29">
        <v>19</v>
      </c>
    </row>
    <row r="101" spans="1:4" ht="18" customHeight="1" x14ac:dyDescent="0.2">
      <c r="A101" s="31">
        <v>79</v>
      </c>
      <c r="B101" s="27">
        <v>8</v>
      </c>
      <c r="C101" s="28">
        <v>10</v>
      </c>
      <c r="D101" s="29">
        <v>18</v>
      </c>
    </row>
    <row r="102" spans="1:4" ht="18" customHeight="1" x14ac:dyDescent="0.2">
      <c r="A102" s="31" t="s">
        <v>83</v>
      </c>
      <c r="B102" s="27">
        <v>34</v>
      </c>
      <c r="C102" s="28">
        <v>64</v>
      </c>
      <c r="D102" s="29">
        <v>98</v>
      </c>
    </row>
    <row r="103" spans="1:4" ht="18" customHeight="1" x14ac:dyDescent="0.2">
      <c r="A103" s="31">
        <v>80</v>
      </c>
      <c r="B103" s="27">
        <v>11</v>
      </c>
      <c r="C103" s="28">
        <v>13</v>
      </c>
      <c r="D103" s="29">
        <v>24</v>
      </c>
    </row>
    <row r="104" spans="1:4" ht="18" customHeight="1" x14ac:dyDescent="0.2">
      <c r="A104" s="31">
        <v>81</v>
      </c>
      <c r="B104" s="27">
        <v>12</v>
      </c>
      <c r="C104" s="28">
        <v>16</v>
      </c>
      <c r="D104" s="29">
        <v>28</v>
      </c>
    </row>
    <row r="105" spans="1:4" ht="18" customHeight="1" x14ac:dyDescent="0.2">
      <c r="A105" s="31">
        <v>82</v>
      </c>
      <c r="B105" s="27">
        <v>5</v>
      </c>
      <c r="C105" s="28">
        <v>15</v>
      </c>
      <c r="D105" s="29">
        <v>20</v>
      </c>
    </row>
    <row r="106" spans="1:4" ht="18" customHeight="1" x14ac:dyDescent="0.2">
      <c r="A106" s="31">
        <v>83</v>
      </c>
      <c r="B106" s="27">
        <v>10</v>
      </c>
      <c r="C106" s="28">
        <v>11</v>
      </c>
      <c r="D106" s="29">
        <v>21</v>
      </c>
    </row>
    <row r="107" spans="1:4" ht="18" customHeight="1" x14ac:dyDescent="0.2">
      <c r="A107" s="31">
        <v>84</v>
      </c>
      <c r="B107" s="27">
        <v>4</v>
      </c>
      <c r="C107" s="28">
        <v>6</v>
      </c>
      <c r="D107" s="29">
        <v>10</v>
      </c>
    </row>
    <row r="108" spans="1:4" ht="18" customHeight="1" x14ac:dyDescent="0.2">
      <c r="A108" s="31" t="s">
        <v>84</v>
      </c>
      <c r="B108" s="27">
        <v>42</v>
      </c>
      <c r="C108" s="28">
        <v>61</v>
      </c>
      <c r="D108" s="29">
        <v>103</v>
      </c>
    </row>
    <row r="109" spans="1:4" ht="18" customHeight="1" x14ac:dyDescent="0.2">
      <c r="A109" s="31">
        <v>85</v>
      </c>
      <c r="B109" s="27">
        <v>5</v>
      </c>
      <c r="C109" s="28">
        <v>6</v>
      </c>
      <c r="D109" s="29">
        <v>11</v>
      </c>
    </row>
    <row r="110" spans="1:4" ht="18" customHeight="1" x14ac:dyDescent="0.2">
      <c r="A110" s="31">
        <v>86</v>
      </c>
      <c r="B110" s="27">
        <v>4</v>
      </c>
      <c r="C110" s="28">
        <v>9</v>
      </c>
      <c r="D110" s="29">
        <v>13</v>
      </c>
    </row>
    <row r="111" spans="1:4" ht="18" customHeight="1" x14ac:dyDescent="0.2">
      <c r="A111" s="31">
        <v>87</v>
      </c>
      <c r="B111" s="27">
        <v>3</v>
      </c>
      <c r="C111" s="28">
        <v>9</v>
      </c>
      <c r="D111" s="29">
        <v>12</v>
      </c>
    </row>
    <row r="112" spans="1:4" ht="18" customHeight="1" x14ac:dyDescent="0.2">
      <c r="A112" s="31">
        <v>88</v>
      </c>
      <c r="B112" s="27">
        <v>5</v>
      </c>
      <c r="C112" s="28">
        <v>8</v>
      </c>
      <c r="D112" s="29">
        <v>13</v>
      </c>
    </row>
    <row r="113" spans="1:4" ht="18" customHeight="1" x14ac:dyDescent="0.2">
      <c r="A113" s="31">
        <v>89</v>
      </c>
      <c r="B113" s="27">
        <v>6</v>
      </c>
      <c r="C113" s="28">
        <v>5</v>
      </c>
      <c r="D113" s="29">
        <v>11</v>
      </c>
    </row>
    <row r="114" spans="1:4" ht="18" customHeight="1" x14ac:dyDescent="0.2">
      <c r="A114" s="31" t="s">
        <v>85</v>
      </c>
      <c r="B114" s="27">
        <v>23</v>
      </c>
      <c r="C114" s="28">
        <v>37</v>
      </c>
      <c r="D114" s="29">
        <v>60</v>
      </c>
    </row>
    <row r="115" spans="1:4" ht="18" customHeight="1" x14ac:dyDescent="0.2">
      <c r="A115" s="31">
        <v>90</v>
      </c>
      <c r="B115" s="27">
        <v>4</v>
      </c>
      <c r="C115" s="28">
        <v>1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3</v>
      </c>
      <c r="C117" s="28">
        <v>3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8</v>
      </c>
      <c r="C120" s="28">
        <v>7</v>
      </c>
      <c r="D120" s="29">
        <v>15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87</v>
      </c>
      <c r="B126" s="27">
        <v>2</v>
      </c>
      <c r="C126" s="28">
        <v>4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34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03</v>
      </c>
      <c r="C130" s="5">
        <v>275</v>
      </c>
      <c r="D130" s="6">
        <v>478</v>
      </c>
    </row>
    <row r="131" spans="1:4" ht="18" customHeight="1" x14ac:dyDescent="0.2">
      <c r="A131" s="33" t="s">
        <v>65</v>
      </c>
      <c r="B131" s="7">
        <v>848</v>
      </c>
      <c r="C131" s="8">
        <v>904</v>
      </c>
      <c r="D131" s="9">
        <v>175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86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8</v>
      </c>
      <c r="C5" s="37">
        <v>2</v>
      </c>
      <c r="D5" s="39">
        <v>10</v>
      </c>
    </row>
    <row r="6" spans="1:4" ht="18" customHeight="1" x14ac:dyDescent="0.2">
      <c r="A6" s="31">
        <v>1</v>
      </c>
      <c r="B6" s="35">
        <v>2</v>
      </c>
      <c r="C6" s="28">
        <v>5</v>
      </c>
      <c r="D6" s="29">
        <v>7</v>
      </c>
    </row>
    <row r="7" spans="1:4" ht="18" customHeight="1" x14ac:dyDescent="0.2">
      <c r="A7" s="31">
        <v>2</v>
      </c>
      <c r="B7" s="35">
        <v>4</v>
      </c>
      <c r="C7" s="28">
        <v>2</v>
      </c>
      <c r="D7" s="29">
        <v>6</v>
      </c>
    </row>
    <row r="8" spans="1:4" ht="18" customHeight="1" x14ac:dyDescent="0.2">
      <c r="A8" s="31">
        <v>3</v>
      </c>
      <c r="B8" s="35">
        <v>4</v>
      </c>
      <c r="C8" s="28">
        <v>6</v>
      </c>
      <c r="D8" s="29">
        <v>10</v>
      </c>
    </row>
    <row r="9" spans="1:4" ht="18" customHeight="1" x14ac:dyDescent="0.2">
      <c r="A9" s="31">
        <v>4</v>
      </c>
      <c r="B9" s="36">
        <v>5</v>
      </c>
      <c r="C9" s="38">
        <v>5</v>
      </c>
      <c r="D9" s="40">
        <v>10</v>
      </c>
    </row>
    <row r="10" spans="1:4" ht="18" customHeight="1" x14ac:dyDescent="0.2">
      <c r="A10" s="31" t="s">
        <v>66</v>
      </c>
      <c r="B10" s="27">
        <v>23</v>
      </c>
      <c r="C10" s="28">
        <v>20</v>
      </c>
      <c r="D10" s="29">
        <v>43</v>
      </c>
    </row>
    <row r="11" spans="1:4" ht="18" customHeight="1" x14ac:dyDescent="0.2">
      <c r="A11" s="31">
        <v>5</v>
      </c>
      <c r="B11" s="35">
        <v>3</v>
      </c>
      <c r="C11" s="28">
        <v>3</v>
      </c>
      <c r="D11" s="29">
        <v>6</v>
      </c>
    </row>
    <row r="12" spans="1:4" ht="18" customHeight="1" x14ac:dyDescent="0.2">
      <c r="A12" s="31">
        <v>6</v>
      </c>
      <c r="B12" s="35">
        <v>6</v>
      </c>
      <c r="C12" s="28">
        <v>3</v>
      </c>
      <c r="D12" s="29">
        <v>9</v>
      </c>
    </row>
    <row r="13" spans="1:4" ht="18" customHeight="1" x14ac:dyDescent="0.2">
      <c r="A13" s="31">
        <v>7</v>
      </c>
      <c r="B13" s="35">
        <v>3</v>
      </c>
      <c r="C13" s="28">
        <v>3</v>
      </c>
      <c r="D13" s="29">
        <v>6</v>
      </c>
    </row>
    <row r="14" spans="1:4" ht="18" customHeight="1" x14ac:dyDescent="0.2">
      <c r="A14" s="31">
        <v>8</v>
      </c>
      <c r="B14" s="35">
        <v>2</v>
      </c>
      <c r="C14" s="28">
        <v>6</v>
      </c>
      <c r="D14" s="29">
        <v>8</v>
      </c>
    </row>
    <row r="15" spans="1:4" ht="18" customHeight="1" x14ac:dyDescent="0.2">
      <c r="A15" s="31">
        <v>9</v>
      </c>
      <c r="B15" s="35">
        <v>2</v>
      </c>
      <c r="C15" s="28">
        <v>3</v>
      </c>
      <c r="D15" s="29">
        <v>5</v>
      </c>
    </row>
    <row r="16" spans="1:4" ht="18" customHeight="1" x14ac:dyDescent="0.2">
      <c r="A16" s="31" t="s">
        <v>67</v>
      </c>
      <c r="B16" s="27">
        <v>16</v>
      </c>
      <c r="C16" s="28">
        <v>18</v>
      </c>
      <c r="D16" s="29">
        <v>34</v>
      </c>
    </row>
    <row r="17" spans="1:4" ht="18" customHeight="1" x14ac:dyDescent="0.2">
      <c r="A17" s="31">
        <v>10</v>
      </c>
      <c r="B17" s="27">
        <v>4</v>
      </c>
      <c r="C17" s="28">
        <v>3</v>
      </c>
      <c r="D17" s="29">
        <v>7</v>
      </c>
    </row>
    <row r="18" spans="1:4" ht="18" customHeight="1" x14ac:dyDescent="0.2">
      <c r="A18" s="31">
        <v>11</v>
      </c>
      <c r="B18" s="27">
        <v>8</v>
      </c>
      <c r="C18" s="28">
        <v>5</v>
      </c>
      <c r="D18" s="29">
        <v>13</v>
      </c>
    </row>
    <row r="19" spans="1:4" ht="18" customHeight="1" x14ac:dyDescent="0.2">
      <c r="A19" s="31">
        <v>12</v>
      </c>
      <c r="B19" s="27">
        <v>9</v>
      </c>
      <c r="C19" s="28">
        <v>5</v>
      </c>
      <c r="D19" s="29">
        <v>14</v>
      </c>
    </row>
    <row r="20" spans="1:4" ht="18" customHeight="1" x14ac:dyDescent="0.2">
      <c r="A20" s="31">
        <v>13</v>
      </c>
      <c r="B20" s="27">
        <v>8</v>
      </c>
      <c r="C20" s="28">
        <v>4</v>
      </c>
      <c r="D20" s="29">
        <v>12</v>
      </c>
    </row>
    <row r="21" spans="1:4" ht="18" customHeight="1" x14ac:dyDescent="0.2">
      <c r="A21" s="31">
        <v>14</v>
      </c>
      <c r="B21" s="27">
        <v>3</v>
      </c>
      <c r="C21" s="28">
        <v>4</v>
      </c>
      <c r="D21" s="29">
        <v>7</v>
      </c>
    </row>
    <row r="22" spans="1:4" ht="18" customHeight="1" x14ac:dyDescent="0.2">
      <c r="A22" s="31" t="s">
        <v>68</v>
      </c>
      <c r="B22" s="27">
        <v>32</v>
      </c>
      <c r="C22" s="28">
        <v>21</v>
      </c>
      <c r="D22" s="29">
        <v>53</v>
      </c>
    </row>
    <row r="23" spans="1:4" ht="18" customHeight="1" x14ac:dyDescent="0.2">
      <c r="A23" s="31" t="s">
        <v>69</v>
      </c>
      <c r="B23" s="27">
        <v>71</v>
      </c>
      <c r="C23" s="28">
        <v>59</v>
      </c>
      <c r="D23" s="29">
        <v>130</v>
      </c>
    </row>
    <row r="24" spans="1:4" ht="18" customHeight="1" x14ac:dyDescent="0.2">
      <c r="A24" s="31">
        <v>15</v>
      </c>
      <c r="B24" s="27">
        <v>5</v>
      </c>
      <c r="C24" s="28">
        <v>7</v>
      </c>
      <c r="D24" s="29">
        <v>12</v>
      </c>
    </row>
    <row r="25" spans="1:4" ht="18" customHeight="1" x14ac:dyDescent="0.2">
      <c r="A25" s="31">
        <v>16</v>
      </c>
      <c r="B25" s="27">
        <v>3</v>
      </c>
      <c r="C25" s="28">
        <v>5</v>
      </c>
      <c r="D25" s="29">
        <v>8</v>
      </c>
    </row>
    <row r="26" spans="1:4" ht="18" customHeight="1" x14ac:dyDescent="0.2">
      <c r="A26" s="31">
        <v>17</v>
      </c>
      <c r="B26" s="27">
        <v>7</v>
      </c>
      <c r="C26" s="28">
        <v>4</v>
      </c>
      <c r="D26" s="29">
        <v>11</v>
      </c>
    </row>
    <row r="27" spans="1:4" ht="18" customHeight="1" x14ac:dyDescent="0.2">
      <c r="A27" s="31">
        <v>18</v>
      </c>
      <c r="B27" s="27">
        <v>8</v>
      </c>
      <c r="C27" s="28">
        <v>3</v>
      </c>
      <c r="D27" s="29">
        <v>11</v>
      </c>
    </row>
    <row r="28" spans="1:4" ht="18" customHeight="1" x14ac:dyDescent="0.2">
      <c r="A28" s="31">
        <v>19</v>
      </c>
      <c r="B28" s="27">
        <v>7</v>
      </c>
      <c r="C28" s="28">
        <v>2</v>
      </c>
      <c r="D28" s="29">
        <v>9</v>
      </c>
    </row>
    <row r="29" spans="1:4" ht="18" customHeight="1" x14ac:dyDescent="0.2">
      <c r="A29" s="31" t="s">
        <v>70</v>
      </c>
      <c r="B29" s="27">
        <v>30</v>
      </c>
      <c r="C29" s="28">
        <v>21</v>
      </c>
      <c r="D29" s="29">
        <v>51</v>
      </c>
    </row>
    <row r="30" spans="1:4" ht="18" customHeight="1" x14ac:dyDescent="0.2">
      <c r="A30" s="31">
        <v>20</v>
      </c>
      <c r="B30" s="27">
        <v>10</v>
      </c>
      <c r="C30" s="28">
        <v>8</v>
      </c>
      <c r="D30" s="29">
        <v>18</v>
      </c>
    </row>
    <row r="31" spans="1:4" ht="18" customHeight="1" x14ac:dyDescent="0.2">
      <c r="A31" s="31">
        <v>21</v>
      </c>
      <c r="B31" s="27">
        <v>5</v>
      </c>
      <c r="C31" s="28">
        <v>3</v>
      </c>
      <c r="D31" s="29">
        <v>8</v>
      </c>
    </row>
    <row r="32" spans="1:4" ht="18" customHeight="1" x14ac:dyDescent="0.2">
      <c r="A32" s="31">
        <v>22</v>
      </c>
      <c r="B32" s="27">
        <v>4</v>
      </c>
      <c r="C32" s="28">
        <v>10</v>
      </c>
      <c r="D32" s="29">
        <v>14</v>
      </c>
    </row>
    <row r="33" spans="1:4" ht="18" customHeight="1" x14ac:dyDescent="0.2">
      <c r="A33" s="31">
        <v>23</v>
      </c>
      <c r="B33" s="27">
        <v>5</v>
      </c>
      <c r="C33" s="28">
        <v>8</v>
      </c>
      <c r="D33" s="29">
        <v>13</v>
      </c>
    </row>
    <row r="34" spans="1:4" ht="18" customHeight="1" x14ac:dyDescent="0.2">
      <c r="A34" s="31">
        <v>24</v>
      </c>
      <c r="B34" s="27">
        <v>5</v>
      </c>
      <c r="C34" s="28">
        <v>7</v>
      </c>
      <c r="D34" s="29">
        <v>12</v>
      </c>
    </row>
    <row r="35" spans="1:4" ht="18" customHeight="1" x14ac:dyDescent="0.2">
      <c r="A35" s="31" t="s">
        <v>71</v>
      </c>
      <c r="B35" s="27">
        <v>29</v>
      </c>
      <c r="C35" s="28">
        <v>36</v>
      </c>
      <c r="D35" s="29">
        <v>65</v>
      </c>
    </row>
    <row r="36" spans="1:4" ht="18" customHeight="1" x14ac:dyDescent="0.2">
      <c r="A36" s="31">
        <v>25</v>
      </c>
      <c r="B36" s="27">
        <v>3</v>
      </c>
      <c r="C36" s="28">
        <v>3</v>
      </c>
      <c r="D36" s="29">
        <v>6</v>
      </c>
    </row>
    <row r="37" spans="1:4" ht="18" customHeight="1" x14ac:dyDescent="0.2">
      <c r="A37" s="31">
        <v>26</v>
      </c>
      <c r="B37" s="27">
        <v>7</v>
      </c>
      <c r="C37" s="28">
        <v>5</v>
      </c>
      <c r="D37" s="29">
        <v>12</v>
      </c>
    </row>
    <row r="38" spans="1:4" ht="18" customHeight="1" x14ac:dyDescent="0.2">
      <c r="A38" s="31">
        <v>27</v>
      </c>
      <c r="B38" s="27">
        <v>7</v>
      </c>
      <c r="C38" s="28">
        <v>3</v>
      </c>
      <c r="D38" s="29">
        <v>10</v>
      </c>
    </row>
    <row r="39" spans="1:4" ht="18" customHeight="1" x14ac:dyDescent="0.2">
      <c r="A39" s="31">
        <v>28</v>
      </c>
      <c r="B39" s="27">
        <v>2</v>
      </c>
      <c r="C39" s="28">
        <v>6</v>
      </c>
      <c r="D39" s="29">
        <v>8</v>
      </c>
    </row>
    <row r="40" spans="1:4" ht="18" customHeight="1" x14ac:dyDescent="0.2">
      <c r="A40" s="31">
        <v>29</v>
      </c>
      <c r="B40" s="27">
        <v>5</v>
      </c>
      <c r="C40" s="28">
        <v>7</v>
      </c>
      <c r="D40" s="29">
        <v>12</v>
      </c>
    </row>
    <row r="41" spans="1:4" ht="18" customHeight="1" x14ac:dyDescent="0.2">
      <c r="A41" s="31" t="s">
        <v>72</v>
      </c>
      <c r="B41" s="27">
        <v>24</v>
      </c>
      <c r="C41" s="28">
        <v>24</v>
      </c>
      <c r="D41" s="29">
        <v>48</v>
      </c>
    </row>
    <row r="42" spans="1:4" ht="18" customHeight="1" x14ac:dyDescent="0.2">
      <c r="A42" s="31">
        <v>30</v>
      </c>
      <c r="B42" s="27">
        <v>7</v>
      </c>
      <c r="C42" s="28">
        <v>4</v>
      </c>
      <c r="D42" s="29">
        <v>11</v>
      </c>
    </row>
    <row r="43" spans="1:4" ht="18" customHeight="1" x14ac:dyDescent="0.2">
      <c r="A43" s="31">
        <v>31</v>
      </c>
      <c r="B43" s="27">
        <v>11</v>
      </c>
      <c r="C43" s="28">
        <v>4</v>
      </c>
      <c r="D43" s="29">
        <v>15</v>
      </c>
    </row>
    <row r="44" spans="1:4" ht="18" customHeight="1" x14ac:dyDescent="0.2">
      <c r="A44" s="31">
        <v>32</v>
      </c>
      <c r="B44" s="27">
        <v>7</v>
      </c>
      <c r="C44" s="28">
        <v>6</v>
      </c>
      <c r="D44" s="29">
        <v>13</v>
      </c>
    </row>
    <row r="45" spans="1:4" ht="18" customHeight="1" x14ac:dyDescent="0.2">
      <c r="A45" s="31">
        <v>33</v>
      </c>
      <c r="B45" s="27">
        <v>8</v>
      </c>
      <c r="C45" s="28">
        <v>5</v>
      </c>
      <c r="D45" s="29">
        <v>13</v>
      </c>
    </row>
    <row r="46" spans="1:4" ht="18" customHeight="1" x14ac:dyDescent="0.2">
      <c r="A46" s="31">
        <v>34</v>
      </c>
      <c r="B46" s="27">
        <v>7</v>
      </c>
      <c r="C46" s="28">
        <v>6</v>
      </c>
      <c r="D46" s="29">
        <v>13</v>
      </c>
    </row>
    <row r="47" spans="1:4" ht="18" customHeight="1" x14ac:dyDescent="0.2">
      <c r="A47" s="31" t="s">
        <v>73</v>
      </c>
      <c r="B47" s="27">
        <v>40</v>
      </c>
      <c r="C47" s="28">
        <v>25</v>
      </c>
      <c r="D47" s="29">
        <v>65</v>
      </c>
    </row>
    <row r="48" spans="1:4" ht="18" customHeight="1" x14ac:dyDescent="0.2">
      <c r="A48" s="31">
        <v>35</v>
      </c>
      <c r="B48" s="27">
        <v>5</v>
      </c>
      <c r="C48" s="28">
        <v>5</v>
      </c>
      <c r="D48" s="29">
        <v>10</v>
      </c>
    </row>
    <row r="49" spans="1:4" ht="18" customHeight="1" x14ac:dyDescent="0.2">
      <c r="A49" s="31">
        <v>36</v>
      </c>
      <c r="B49" s="27">
        <v>9</v>
      </c>
      <c r="C49" s="28">
        <v>9</v>
      </c>
      <c r="D49" s="29">
        <v>18</v>
      </c>
    </row>
    <row r="50" spans="1:4" ht="18" customHeight="1" x14ac:dyDescent="0.2">
      <c r="A50" s="31">
        <v>37</v>
      </c>
      <c r="B50" s="27">
        <v>9</v>
      </c>
      <c r="C50" s="28">
        <v>5</v>
      </c>
      <c r="D50" s="29">
        <v>14</v>
      </c>
    </row>
    <row r="51" spans="1:4" ht="18" customHeight="1" x14ac:dyDescent="0.2">
      <c r="A51" s="31">
        <v>38</v>
      </c>
      <c r="B51" s="27">
        <v>3</v>
      </c>
      <c r="C51" s="28">
        <v>8</v>
      </c>
      <c r="D51" s="29">
        <v>11</v>
      </c>
    </row>
    <row r="52" spans="1:4" ht="18" customHeight="1" x14ac:dyDescent="0.2">
      <c r="A52" s="31">
        <v>39</v>
      </c>
      <c r="B52" s="27">
        <v>7</v>
      </c>
      <c r="C52" s="28">
        <v>8</v>
      </c>
      <c r="D52" s="29">
        <v>15</v>
      </c>
    </row>
    <row r="53" spans="1:4" ht="18" customHeight="1" x14ac:dyDescent="0.2">
      <c r="A53" s="31" t="s">
        <v>74</v>
      </c>
      <c r="B53" s="27">
        <v>33</v>
      </c>
      <c r="C53" s="28">
        <v>35</v>
      </c>
      <c r="D53" s="29">
        <v>68</v>
      </c>
    </row>
    <row r="54" spans="1:4" ht="18" customHeight="1" x14ac:dyDescent="0.2">
      <c r="A54" s="31">
        <v>40</v>
      </c>
      <c r="B54" s="27">
        <v>6</v>
      </c>
      <c r="C54" s="28">
        <v>7</v>
      </c>
      <c r="D54" s="29">
        <v>13</v>
      </c>
    </row>
    <row r="55" spans="1:4" ht="18" customHeight="1" x14ac:dyDescent="0.2">
      <c r="A55" s="31">
        <v>41</v>
      </c>
      <c r="B55" s="27">
        <v>7</v>
      </c>
      <c r="C55" s="28">
        <v>7</v>
      </c>
      <c r="D55" s="29">
        <v>14</v>
      </c>
    </row>
    <row r="56" spans="1:4" ht="18" customHeight="1" x14ac:dyDescent="0.2">
      <c r="A56" s="31">
        <v>42</v>
      </c>
      <c r="B56" s="27">
        <v>8</v>
      </c>
      <c r="C56" s="28">
        <v>3</v>
      </c>
      <c r="D56" s="29">
        <v>11</v>
      </c>
    </row>
    <row r="57" spans="1:4" ht="18" customHeight="1" x14ac:dyDescent="0.2">
      <c r="A57" s="31">
        <v>43</v>
      </c>
      <c r="B57" s="27">
        <v>4</v>
      </c>
      <c r="C57" s="28">
        <v>5</v>
      </c>
      <c r="D57" s="29">
        <v>9</v>
      </c>
    </row>
    <row r="58" spans="1:4" ht="18" customHeight="1" x14ac:dyDescent="0.2">
      <c r="A58" s="31">
        <v>44</v>
      </c>
      <c r="B58" s="27">
        <v>3</v>
      </c>
      <c r="C58" s="28">
        <v>8</v>
      </c>
      <c r="D58" s="29">
        <v>11</v>
      </c>
    </row>
    <row r="59" spans="1:4" ht="18" customHeight="1" x14ac:dyDescent="0.2">
      <c r="A59" s="31" t="s">
        <v>75</v>
      </c>
      <c r="B59" s="27">
        <v>28</v>
      </c>
      <c r="C59" s="28">
        <v>30</v>
      </c>
      <c r="D59" s="29">
        <v>58</v>
      </c>
    </row>
    <row r="60" spans="1:4" ht="18" customHeight="1" x14ac:dyDescent="0.2">
      <c r="A60" s="31">
        <v>45</v>
      </c>
      <c r="B60" s="27">
        <v>8</v>
      </c>
      <c r="C60" s="28">
        <v>3</v>
      </c>
      <c r="D60" s="29">
        <v>11</v>
      </c>
    </row>
    <row r="61" spans="1:4" ht="18" customHeight="1" x14ac:dyDescent="0.2">
      <c r="A61" s="31">
        <v>46</v>
      </c>
      <c r="B61" s="27">
        <v>5</v>
      </c>
      <c r="C61" s="28">
        <v>7</v>
      </c>
      <c r="D61" s="29">
        <v>12</v>
      </c>
    </row>
    <row r="62" spans="1:4" ht="18" customHeight="1" x14ac:dyDescent="0.2">
      <c r="A62" s="31">
        <v>47</v>
      </c>
      <c r="B62" s="27">
        <v>7</v>
      </c>
      <c r="C62" s="28">
        <v>4</v>
      </c>
      <c r="D62" s="29">
        <v>11</v>
      </c>
    </row>
    <row r="63" spans="1:4" ht="18" customHeight="1" x14ac:dyDescent="0.2">
      <c r="A63" s="31">
        <v>48</v>
      </c>
      <c r="B63" s="27">
        <v>5</v>
      </c>
      <c r="C63" s="28">
        <v>8</v>
      </c>
      <c r="D63" s="29">
        <v>13</v>
      </c>
    </row>
    <row r="64" spans="1:4" ht="18" customHeight="1" x14ac:dyDescent="0.2">
      <c r="A64" s="31">
        <v>49</v>
      </c>
      <c r="B64" s="27">
        <v>6</v>
      </c>
      <c r="C64" s="28">
        <v>6</v>
      </c>
      <c r="D64" s="29">
        <v>12</v>
      </c>
    </row>
    <row r="65" spans="1:4" ht="18" customHeight="1" x14ac:dyDescent="0.2">
      <c r="A65" s="31" t="s">
        <v>76</v>
      </c>
      <c r="B65" s="27">
        <v>31</v>
      </c>
      <c r="C65" s="28">
        <v>28</v>
      </c>
      <c r="D65" s="29">
        <v>59</v>
      </c>
    </row>
    <row r="66" spans="1:4" ht="18" customHeight="1" x14ac:dyDescent="0.2">
      <c r="A66" s="31">
        <v>50</v>
      </c>
      <c r="B66" s="27">
        <v>5</v>
      </c>
      <c r="C66" s="28">
        <v>8</v>
      </c>
      <c r="D66" s="29">
        <v>13</v>
      </c>
    </row>
    <row r="67" spans="1:4" ht="18" customHeight="1" x14ac:dyDescent="0.2">
      <c r="A67" s="31">
        <v>51</v>
      </c>
      <c r="B67" s="27">
        <v>5</v>
      </c>
      <c r="C67" s="28">
        <v>4</v>
      </c>
      <c r="D67" s="29">
        <v>9</v>
      </c>
    </row>
    <row r="68" spans="1:4" ht="18" customHeight="1" x14ac:dyDescent="0.2">
      <c r="A68" s="31">
        <v>52</v>
      </c>
      <c r="B68" s="27">
        <v>5</v>
      </c>
      <c r="C68" s="28">
        <v>4</v>
      </c>
      <c r="D68" s="29">
        <v>9</v>
      </c>
    </row>
    <row r="69" spans="1:4" ht="18" customHeight="1" x14ac:dyDescent="0.2">
      <c r="A69" s="31">
        <v>53</v>
      </c>
      <c r="B69" s="27">
        <v>6</v>
      </c>
      <c r="C69" s="28">
        <v>4</v>
      </c>
      <c r="D69" s="29">
        <v>10</v>
      </c>
    </row>
    <row r="70" spans="1:4" ht="18" customHeight="1" x14ac:dyDescent="0.2">
      <c r="A70" s="31">
        <v>54</v>
      </c>
      <c r="B70" s="27">
        <v>5</v>
      </c>
      <c r="C70" s="28">
        <v>13</v>
      </c>
      <c r="D70" s="29">
        <v>18</v>
      </c>
    </row>
    <row r="71" spans="1:4" ht="18" customHeight="1" x14ac:dyDescent="0.2">
      <c r="A71" s="31" t="s">
        <v>77</v>
      </c>
      <c r="B71" s="27">
        <v>26</v>
      </c>
      <c r="C71" s="28">
        <v>33</v>
      </c>
      <c r="D71" s="29">
        <v>59</v>
      </c>
    </row>
    <row r="72" spans="1:4" ht="18" customHeight="1" x14ac:dyDescent="0.2">
      <c r="A72" s="31">
        <v>55</v>
      </c>
      <c r="B72" s="27">
        <v>11</v>
      </c>
      <c r="C72" s="28">
        <v>11</v>
      </c>
      <c r="D72" s="29">
        <v>22</v>
      </c>
    </row>
    <row r="73" spans="1:4" ht="18" customHeight="1" x14ac:dyDescent="0.2">
      <c r="A73" s="31">
        <v>56</v>
      </c>
      <c r="B73" s="27">
        <v>10</v>
      </c>
      <c r="C73" s="28">
        <v>4</v>
      </c>
      <c r="D73" s="29">
        <v>14</v>
      </c>
    </row>
    <row r="74" spans="1:4" ht="18" customHeight="1" x14ac:dyDescent="0.2">
      <c r="A74" s="31">
        <v>57</v>
      </c>
      <c r="B74" s="27">
        <v>7</v>
      </c>
      <c r="C74" s="28">
        <v>8</v>
      </c>
      <c r="D74" s="29">
        <v>15</v>
      </c>
    </row>
    <row r="75" spans="1:4" ht="18" customHeight="1" x14ac:dyDescent="0.2">
      <c r="A75" s="31">
        <v>58</v>
      </c>
      <c r="B75" s="27">
        <v>9</v>
      </c>
      <c r="C75" s="28">
        <v>11</v>
      </c>
      <c r="D75" s="29">
        <v>20</v>
      </c>
    </row>
    <row r="76" spans="1:4" ht="18" customHeight="1" x14ac:dyDescent="0.2">
      <c r="A76" s="31">
        <v>59</v>
      </c>
      <c r="B76" s="27">
        <v>10</v>
      </c>
      <c r="C76" s="28">
        <v>11</v>
      </c>
      <c r="D76" s="29">
        <v>21</v>
      </c>
    </row>
    <row r="77" spans="1:4" ht="18" customHeight="1" x14ac:dyDescent="0.2">
      <c r="A77" s="31" t="s">
        <v>78</v>
      </c>
      <c r="B77" s="27">
        <v>47</v>
      </c>
      <c r="C77" s="28">
        <v>45</v>
      </c>
      <c r="D77" s="29">
        <v>92</v>
      </c>
    </row>
    <row r="78" spans="1:4" ht="18" customHeight="1" x14ac:dyDescent="0.2">
      <c r="A78" s="31">
        <v>60</v>
      </c>
      <c r="B78" s="27">
        <v>10</v>
      </c>
      <c r="C78" s="28">
        <v>13</v>
      </c>
      <c r="D78" s="29">
        <v>23</v>
      </c>
    </row>
    <row r="79" spans="1:4" ht="18" customHeight="1" x14ac:dyDescent="0.2">
      <c r="A79" s="31">
        <v>61</v>
      </c>
      <c r="B79" s="27">
        <v>11</v>
      </c>
      <c r="C79" s="28">
        <v>16</v>
      </c>
      <c r="D79" s="29">
        <v>27</v>
      </c>
    </row>
    <row r="80" spans="1:4" ht="18" customHeight="1" x14ac:dyDescent="0.2">
      <c r="A80" s="31">
        <v>62</v>
      </c>
      <c r="B80" s="27">
        <v>10</v>
      </c>
      <c r="C80" s="28">
        <v>19</v>
      </c>
      <c r="D80" s="29">
        <v>29</v>
      </c>
    </row>
    <row r="81" spans="1:4" ht="18" customHeight="1" x14ac:dyDescent="0.2">
      <c r="A81" s="31">
        <v>63</v>
      </c>
      <c r="B81" s="27">
        <v>15</v>
      </c>
      <c r="C81" s="28">
        <v>10</v>
      </c>
      <c r="D81" s="29">
        <v>25</v>
      </c>
    </row>
    <row r="82" spans="1:4" ht="18" customHeight="1" x14ac:dyDescent="0.2">
      <c r="A82" s="31">
        <v>64</v>
      </c>
      <c r="B82" s="27">
        <v>6</v>
      </c>
      <c r="C82" s="28">
        <v>5</v>
      </c>
      <c r="D82" s="29">
        <v>11</v>
      </c>
    </row>
    <row r="83" spans="1:4" ht="18" customHeight="1" x14ac:dyDescent="0.2">
      <c r="A83" s="31" t="s">
        <v>79</v>
      </c>
      <c r="B83" s="27">
        <v>52</v>
      </c>
      <c r="C83" s="28">
        <v>63</v>
      </c>
      <c r="D83" s="29">
        <v>115</v>
      </c>
    </row>
    <row r="84" spans="1:4" ht="18" customHeight="1" x14ac:dyDescent="0.2">
      <c r="A84" s="31" t="s">
        <v>80</v>
      </c>
      <c r="B84" s="27">
        <v>340</v>
      </c>
      <c r="C84" s="28">
        <v>340</v>
      </c>
      <c r="D84" s="29">
        <v>680</v>
      </c>
    </row>
    <row r="85" spans="1:4" ht="18" customHeight="1" x14ac:dyDescent="0.2">
      <c r="A85" s="31">
        <v>65</v>
      </c>
      <c r="B85" s="27">
        <v>14</v>
      </c>
      <c r="C85" s="28">
        <v>11</v>
      </c>
      <c r="D85" s="29">
        <v>25</v>
      </c>
    </row>
    <row r="86" spans="1:4" ht="18" customHeight="1" x14ac:dyDescent="0.2">
      <c r="A86" s="31">
        <v>66</v>
      </c>
      <c r="B86" s="27">
        <v>5</v>
      </c>
      <c r="C86" s="28">
        <v>10</v>
      </c>
      <c r="D86" s="29">
        <v>15</v>
      </c>
    </row>
    <row r="87" spans="1:4" ht="18" customHeight="1" x14ac:dyDescent="0.2">
      <c r="A87" s="31">
        <v>67</v>
      </c>
      <c r="B87" s="27">
        <v>10</v>
      </c>
      <c r="C87" s="28">
        <v>10</v>
      </c>
      <c r="D87" s="29">
        <v>20</v>
      </c>
    </row>
    <row r="88" spans="1:4" ht="18" customHeight="1" x14ac:dyDescent="0.2">
      <c r="A88" s="31">
        <v>68</v>
      </c>
      <c r="B88" s="27">
        <v>9</v>
      </c>
      <c r="C88" s="28">
        <v>14</v>
      </c>
      <c r="D88" s="29">
        <v>23</v>
      </c>
    </row>
    <row r="89" spans="1:4" ht="18" customHeight="1" x14ac:dyDescent="0.2">
      <c r="A89" s="31">
        <v>69</v>
      </c>
      <c r="B89" s="27">
        <v>9</v>
      </c>
      <c r="C89" s="28">
        <v>8</v>
      </c>
      <c r="D89" s="29">
        <v>17</v>
      </c>
    </row>
    <row r="90" spans="1:4" ht="18" customHeight="1" x14ac:dyDescent="0.2">
      <c r="A90" s="31" t="s">
        <v>81</v>
      </c>
      <c r="B90" s="27">
        <v>47</v>
      </c>
      <c r="C90" s="28">
        <v>53</v>
      </c>
      <c r="D90" s="29">
        <v>100</v>
      </c>
    </row>
    <row r="91" spans="1:4" ht="18" customHeight="1" x14ac:dyDescent="0.2">
      <c r="A91" s="31">
        <v>70</v>
      </c>
      <c r="B91" s="27">
        <v>7</v>
      </c>
      <c r="C91" s="28">
        <v>8</v>
      </c>
      <c r="D91" s="29">
        <v>15</v>
      </c>
    </row>
    <row r="92" spans="1:4" ht="18" customHeight="1" x14ac:dyDescent="0.2">
      <c r="A92" s="31">
        <v>71</v>
      </c>
      <c r="B92" s="27">
        <v>4</v>
      </c>
      <c r="C92" s="28">
        <v>14</v>
      </c>
      <c r="D92" s="29">
        <v>18</v>
      </c>
    </row>
    <row r="93" spans="1:4" ht="18" customHeight="1" x14ac:dyDescent="0.2">
      <c r="A93" s="31">
        <v>72</v>
      </c>
      <c r="B93" s="27">
        <v>7</v>
      </c>
      <c r="C93" s="28">
        <v>7</v>
      </c>
      <c r="D93" s="29">
        <v>14</v>
      </c>
    </row>
    <row r="94" spans="1:4" ht="18" customHeight="1" x14ac:dyDescent="0.2">
      <c r="A94" s="31">
        <v>73</v>
      </c>
      <c r="B94" s="27">
        <v>8</v>
      </c>
      <c r="C94" s="28">
        <v>8</v>
      </c>
      <c r="D94" s="29">
        <v>16</v>
      </c>
    </row>
    <row r="95" spans="1:4" ht="18" customHeight="1" x14ac:dyDescent="0.2">
      <c r="A95" s="31">
        <v>74</v>
      </c>
      <c r="B95" s="27">
        <v>6</v>
      </c>
      <c r="C95" s="28">
        <v>11</v>
      </c>
      <c r="D95" s="29">
        <v>17</v>
      </c>
    </row>
    <row r="96" spans="1:4" ht="18" customHeight="1" x14ac:dyDescent="0.2">
      <c r="A96" s="31" t="s">
        <v>82</v>
      </c>
      <c r="B96" s="27">
        <v>32</v>
      </c>
      <c r="C96" s="28">
        <v>48</v>
      </c>
      <c r="D96" s="29">
        <v>80</v>
      </c>
    </row>
    <row r="97" spans="1:4" ht="18" customHeight="1" x14ac:dyDescent="0.2">
      <c r="A97" s="31">
        <v>75</v>
      </c>
      <c r="B97" s="27">
        <v>8</v>
      </c>
      <c r="C97" s="28">
        <v>9</v>
      </c>
      <c r="D97" s="29">
        <v>17</v>
      </c>
    </row>
    <row r="98" spans="1:4" ht="18" customHeight="1" x14ac:dyDescent="0.2">
      <c r="A98" s="31">
        <v>76</v>
      </c>
      <c r="B98" s="27">
        <v>10</v>
      </c>
      <c r="C98" s="28">
        <v>10</v>
      </c>
      <c r="D98" s="29">
        <v>20</v>
      </c>
    </row>
    <row r="99" spans="1:4" ht="18" customHeight="1" x14ac:dyDescent="0.2">
      <c r="A99" s="31">
        <v>77</v>
      </c>
      <c r="B99" s="27">
        <v>10</v>
      </c>
      <c r="C99" s="28">
        <v>16</v>
      </c>
      <c r="D99" s="29">
        <v>26</v>
      </c>
    </row>
    <row r="100" spans="1:4" ht="18" customHeight="1" x14ac:dyDescent="0.2">
      <c r="A100" s="31">
        <v>78</v>
      </c>
      <c r="B100" s="27">
        <v>2</v>
      </c>
      <c r="C100" s="28">
        <v>10</v>
      </c>
      <c r="D100" s="29">
        <v>12</v>
      </c>
    </row>
    <row r="101" spans="1:4" ht="18" customHeight="1" x14ac:dyDescent="0.2">
      <c r="A101" s="31">
        <v>79</v>
      </c>
      <c r="B101" s="27">
        <v>4</v>
      </c>
      <c r="C101" s="28">
        <v>11</v>
      </c>
      <c r="D101" s="29">
        <v>15</v>
      </c>
    </row>
    <row r="102" spans="1:4" ht="18" customHeight="1" x14ac:dyDescent="0.2">
      <c r="A102" s="31" t="s">
        <v>83</v>
      </c>
      <c r="B102" s="27">
        <v>34</v>
      </c>
      <c r="C102" s="28">
        <v>56</v>
      </c>
      <c r="D102" s="29">
        <v>90</v>
      </c>
    </row>
    <row r="103" spans="1:4" ht="18" customHeight="1" x14ac:dyDescent="0.2">
      <c r="A103" s="31">
        <v>80</v>
      </c>
      <c r="B103" s="27">
        <v>8</v>
      </c>
      <c r="C103" s="28">
        <v>12</v>
      </c>
      <c r="D103" s="29">
        <v>20</v>
      </c>
    </row>
    <row r="104" spans="1:4" ht="18" customHeight="1" x14ac:dyDescent="0.2">
      <c r="A104" s="31">
        <v>81</v>
      </c>
      <c r="B104" s="27">
        <v>4</v>
      </c>
      <c r="C104" s="28">
        <v>5</v>
      </c>
      <c r="D104" s="29">
        <v>9</v>
      </c>
    </row>
    <row r="105" spans="1:4" ht="18" customHeight="1" x14ac:dyDescent="0.2">
      <c r="A105" s="31">
        <v>82</v>
      </c>
      <c r="B105" s="27">
        <v>5</v>
      </c>
      <c r="C105" s="28">
        <v>7</v>
      </c>
      <c r="D105" s="29">
        <v>12</v>
      </c>
    </row>
    <row r="106" spans="1:4" ht="18" customHeight="1" x14ac:dyDescent="0.2">
      <c r="A106" s="31">
        <v>83</v>
      </c>
      <c r="B106" s="27">
        <v>8</v>
      </c>
      <c r="C106" s="28">
        <v>9</v>
      </c>
      <c r="D106" s="29">
        <v>17</v>
      </c>
    </row>
    <row r="107" spans="1:4" ht="18" customHeight="1" x14ac:dyDescent="0.2">
      <c r="A107" s="31">
        <v>84</v>
      </c>
      <c r="B107" s="27">
        <v>5</v>
      </c>
      <c r="C107" s="28">
        <v>4</v>
      </c>
      <c r="D107" s="29">
        <v>9</v>
      </c>
    </row>
    <row r="108" spans="1:4" ht="18" customHeight="1" x14ac:dyDescent="0.2">
      <c r="A108" s="31" t="s">
        <v>84</v>
      </c>
      <c r="B108" s="27">
        <v>30</v>
      </c>
      <c r="C108" s="28">
        <v>37</v>
      </c>
      <c r="D108" s="29">
        <v>67</v>
      </c>
    </row>
    <row r="109" spans="1:4" ht="18" customHeight="1" x14ac:dyDescent="0.2">
      <c r="A109" s="31">
        <v>85</v>
      </c>
      <c r="B109" s="27">
        <v>5</v>
      </c>
      <c r="C109" s="28">
        <v>11</v>
      </c>
      <c r="D109" s="29">
        <v>16</v>
      </c>
    </row>
    <row r="110" spans="1:4" ht="18" customHeight="1" x14ac:dyDescent="0.2">
      <c r="A110" s="31">
        <v>86</v>
      </c>
      <c r="B110" s="27">
        <v>3</v>
      </c>
      <c r="C110" s="28">
        <v>4</v>
      </c>
      <c r="D110" s="29">
        <v>7</v>
      </c>
    </row>
    <row r="111" spans="1:4" ht="18" customHeight="1" x14ac:dyDescent="0.2">
      <c r="A111" s="31">
        <v>87</v>
      </c>
      <c r="B111" s="27">
        <v>0</v>
      </c>
      <c r="C111" s="28">
        <v>4</v>
      </c>
      <c r="D111" s="29">
        <v>4</v>
      </c>
    </row>
    <row r="112" spans="1:4" ht="18" customHeight="1" x14ac:dyDescent="0.2">
      <c r="A112" s="31">
        <v>88</v>
      </c>
      <c r="B112" s="27">
        <v>1</v>
      </c>
      <c r="C112" s="28">
        <v>4</v>
      </c>
      <c r="D112" s="29">
        <v>5</v>
      </c>
    </row>
    <row r="113" spans="1:4" ht="18" customHeight="1" x14ac:dyDescent="0.2">
      <c r="A113" s="31">
        <v>89</v>
      </c>
      <c r="B113" s="27">
        <v>4</v>
      </c>
      <c r="C113" s="28">
        <v>4</v>
      </c>
      <c r="D113" s="29">
        <v>8</v>
      </c>
    </row>
    <row r="114" spans="1:4" ht="18" customHeight="1" x14ac:dyDescent="0.2">
      <c r="A114" s="31" t="s">
        <v>85</v>
      </c>
      <c r="B114" s="27">
        <v>13</v>
      </c>
      <c r="C114" s="28">
        <v>27</v>
      </c>
      <c r="D114" s="29">
        <v>40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0</v>
      </c>
      <c r="C116" s="28">
        <v>5</v>
      </c>
      <c r="D116" s="29">
        <v>5</v>
      </c>
    </row>
    <row r="117" spans="1:4" ht="18" customHeight="1" x14ac:dyDescent="0.2">
      <c r="A117" s="31">
        <v>92</v>
      </c>
      <c r="B117" s="27">
        <v>2</v>
      </c>
      <c r="C117" s="28">
        <v>4</v>
      </c>
      <c r="D117" s="29">
        <v>6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3</v>
      </c>
      <c r="C120" s="28">
        <v>15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4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89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90</v>
      </c>
      <c r="B130" s="4">
        <v>161</v>
      </c>
      <c r="C130" s="5">
        <v>240</v>
      </c>
      <c r="D130" s="6">
        <v>401</v>
      </c>
    </row>
    <row r="131" spans="1:4" ht="18" customHeight="1" x14ac:dyDescent="0.2">
      <c r="A131" s="33" t="s">
        <v>65</v>
      </c>
      <c r="B131" s="7">
        <v>572</v>
      </c>
      <c r="C131" s="8">
        <v>639</v>
      </c>
      <c r="D131" s="9">
        <v>121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87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2</v>
      </c>
      <c r="D8" s="29">
        <v>2</v>
      </c>
    </row>
    <row r="9" spans="1:4" ht="18" customHeight="1" x14ac:dyDescent="0.2">
      <c r="A9" s="31">
        <v>4</v>
      </c>
      <c r="B9" s="36">
        <v>2</v>
      </c>
      <c r="C9" s="38">
        <v>0</v>
      </c>
      <c r="D9" s="40">
        <v>2</v>
      </c>
    </row>
    <row r="10" spans="1:4" ht="18" customHeight="1" x14ac:dyDescent="0.2">
      <c r="A10" s="31" t="s">
        <v>66</v>
      </c>
      <c r="B10" s="27">
        <v>3</v>
      </c>
      <c r="C10" s="28">
        <v>5</v>
      </c>
      <c r="D10" s="29">
        <v>8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2</v>
      </c>
      <c r="C15" s="28">
        <v>1</v>
      </c>
      <c r="D15" s="29">
        <v>3</v>
      </c>
    </row>
    <row r="16" spans="1:4" ht="18" customHeight="1" x14ac:dyDescent="0.2">
      <c r="A16" s="31" t="s">
        <v>67</v>
      </c>
      <c r="B16" s="27">
        <v>3</v>
      </c>
      <c r="C16" s="28">
        <v>2</v>
      </c>
      <c r="D16" s="29">
        <v>5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2</v>
      </c>
      <c r="C18" s="28">
        <v>3</v>
      </c>
      <c r="D18" s="29">
        <v>5</v>
      </c>
    </row>
    <row r="19" spans="1:4" ht="18" customHeight="1" x14ac:dyDescent="0.2">
      <c r="A19" s="31">
        <v>12</v>
      </c>
      <c r="B19" s="27">
        <v>2</v>
      </c>
      <c r="C19" s="28">
        <v>0</v>
      </c>
      <c r="D19" s="29">
        <v>2</v>
      </c>
    </row>
    <row r="20" spans="1:4" ht="18" customHeight="1" x14ac:dyDescent="0.2">
      <c r="A20" s="31">
        <v>13</v>
      </c>
      <c r="B20" s="27">
        <v>2</v>
      </c>
      <c r="C20" s="28">
        <v>2</v>
      </c>
      <c r="D20" s="29">
        <v>4</v>
      </c>
    </row>
    <row r="21" spans="1:4" ht="18" customHeight="1" x14ac:dyDescent="0.2">
      <c r="A21" s="31">
        <v>14</v>
      </c>
      <c r="B21" s="27">
        <v>2</v>
      </c>
      <c r="C21" s="28">
        <v>2</v>
      </c>
      <c r="D21" s="29">
        <v>4</v>
      </c>
    </row>
    <row r="22" spans="1:4" ht="18" customHeight="1" x14ac:dyDescent="0.2">
      <c r="A22" s="31" t="s">
        <v>68</v>
      </c>
      <c r="B22" s="27">
        <v>8</v>
      </c>
      <c r="C22" s="28">
        <v>7</v>
      </c>
      <c r="D22" s="29">
        <v>15</v>
      </c>
    </row>
    <row r="23" spans="1:4" ht="18" customHeight="1" x14ac:dyDescent="0.2">
      <c r="A23" s="31" t="s">
        <v>69</v>
      </c>
      <c r="B23" s="27">
        <v>14</v>
      </c>
      <c r="C23" s="28">
        <v>14</v>
      </c>
      <c r="D23" s="29">
        <v>28</v>
      </c>
    </row>
    <row r="24" spans="1:4" ht="18" customHeight="1" x14ac:dyDescent="0.2">
      <c r="A24" s="31">
        <v>15</v>
      </c>
      <c r="B24" s="27">
        <v>1</v>
      </c>
      <c r="C24" s="28">
        <v>3</v>
      </c>
      <c r="D24" s="29">
        <v>4</v>
      </c>
    </row>
    <row r="25" spans="1:4" ht="18" customHeight="1" x14ac:dyDescent="0.2">
      <c r="A25" s="31">
        <v>16</v>
      </c>
      <c r="B25" s="27">
        <v>1</v>
      </c>
      <c r="C25" s="28">
        <v>5</v>
      </c>
      <c r="D25" s="29">
        <v>6</v>
      </c>
    </row>
    <row r="26" spans="1:4" ht="18" customHeight="1" x14ac:dyDescent="0.2">
      <c r="A26" s="31">
        <v>17</v>
      </c>
      <c r="B26" s="27">
        <v>2</v>
      </c>
      <c r="C26" s="28">
        <v>0</v>
      </c>
      <c r="D26" s="29">
        <v>2</v>
      </c>
    </row>
    <row r="27" spans="1:4" ht="18" customHeight="1" x14ac:dyDescent="0.2">
      <c r="A27" s="31">
        <v>18</v>
      </c>
      <c r="B27" s="27">
        <v>2</v>
      </c>
      <c r="C27" s="28">
        <v>2</v>
      </c>
      <c r="D27" s="29">
        <v>4</v>
      </c>
    </row>
    <row r="28" spans="1:4" ht="18" customHeight="1" x14ac:dyDescent="0.2">
      <c r="A28" s="31">
        <v>19</v>
      </c>
      <c r="B28" s="27">
        <v>0</v>
      </c>
      <c r="C28" s="28">
        <v>5</v>
      </c>
      <c r="D28" s="29">
        <v>5</v>
      </c>
    </row>
    <row r="29" spans="1:4" ht="18" customHeight="1" x14ac:dyDescent="0.2">
      <c r="A29" s="31" t="s">
        <v>70</v>
      </c>
      <c r="B29" s="27">
        <v>6</v>
      </c>
      <c r="C29" s="28">
        <v>15</v>
      </c>
      <c r="D29" s="29">
        <v>21</v>
      </c>
    </row>
    <row r="30" spans="1:4" ht="18" customHeight="1" x14ac:dyDescent="0.2">
      <c r="A30" s="31">
        <v>20</v>
      </c>
      <c r="B30" s="27">
        <v>3</v>
      </c>
      <c r="C30" s="28">
        <v>3</v>
      </c>
      <c r="D30" s="29">
        <v>6</v>
      </c>
    </row>
    <row r="31" spans="1:4" ht="18" customHeight="1" x14ac:dyDescent="0.2">
      <c r="A31" s="31">
        <v>21</v>
      </c>
      <c r="B31" s="27">
        <v>1</v>
      </c>
      <c r="C31" s="28">
        <v>2</v>
      </c>
      <c r="D31" s="29">
        <v>3</v>
      </c>
    </row>
    <row r="32" spans="1:4" ht="18" customHeight="1" x14ac:dyDescent="0.2">
      <c r="A32" s="31">
        <v>22</v>
      </c>
      <c r="B32" s="27">
        <v>3</v>
      </c>
      <c r="C32" s="28">
        <v>1</v>
      </c>
      <c r="D32" s="29">
        <v>4</v>
      </c>
    </row>
    <row r="33" spans="1:4" ht="18" customHeight="1" x14ac:dyDescent="0.2">
      <c r="A33" s="31">
        <v>23</v>
      </c>
      <c r="B33" s="27">
        <v>1</v>
      </c>
      <c r="C33" s="28">
        <v>3</v>
      </c>
      <c r="D33" s="29">
        <v>4</v>
      </c>
    </row>
    <row r="34" spans="1:4" ht="18" customHeight="1" x14ac:dyDescent="0.2">
      <c r="A34" s="31">
        <v>24</v>
      </c>
      <c r="B34" s="27">
        <v>5</v>
      </c>
      <c r="C34" s="28">
        <v>1</v>
      </c>
      <c r="D34" s="29">
        <v>6</v>
      </c>
    </row>
    <row r="35" spans="1:4" ht="18" customHeight="1" x14ac:dyDescent="0.2">
      <c r="A35" s="31" t="s">
        <v>71</v>
      </c>
      <c r="B35" s="27">
        <v>13</v>
      </c>
      <c r="C35" s="28">
        <v>10</v>
      </c>
      <c r="D35" s="29">
        <v>23</v>
      </c>
    </row>
    <row r="36" spans="1:4" ht="18" customHeight="1" x14ac:dyDescent="0.2">
      <c r="A36" s="31">
        <v>25</v>
      </c>
      <c r="B36" s="27">
        <v>2</v>
      </c>
      <c r="C36" s="28">
        <v>2</v>
      </c>
      <c r="D36" s="29">
        <v>4</v>
      </c>
    </row>
    <row r="37" spans="1:4" ht="18" customHeight="1" x14ac:dyDescent="0.2">
      <c r="A37" s="31">
        <v>26</v>
      </c>
      <c r="B37" s="27">
        <v>3</v>
      </c>
      <c r="C37" s="28">
        <v>1</v>
      </c>
      <c r="D37" s="29">
        <v>4</v>
      </c>
    </row>
    <row r="38" spans="1:4" ht="18" customHeight="1" x14ac:dyDescent="0.2">
      <c r="A38" s="31">
        <v>27</v>
      </c>
      <c r="B38" s="27">
        <v>0</v>
      </c>
      <c r="C38" s="28">
        <v>3</v>
      </c>
      <c r="D38" s="29">
        <v>3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2</v>
      </c>
      <c r="C40" s="28">
        <v>1</v>
      </c>
      <c r="D40" s="29">
        <v>3</v>
      </c>
    </row>
    <row r="41" spans="1:4" ht="18" customHeight="1" x14ac:dyDescent="0.2">
      <c r="A41" s="31" t="s">
        <v>72</v>
      </c>
      <c r="B41" s="27">
        <v>8</v>
      </c>
      <c r="C41" s="28">
        <v>8</v>
      </c>
      <c r="D41" s="29">
        <v>16</v>
      </c>
    </row>
    <row r="42" spans="1:4" ht="18" customHeight="1" x14ac:dyDescent="0.2">
      <c r="A42" s="31">
        <v>30</v>
      </c>
      <c r="B42" s="27">
        <v>1</v>
      </c>
      <c r="C42" s="28">
        <v>4</v>
      </c>
      <c r="D42" s="29">
        <v>5</v>
      </c>
    </row>
    <row r="43" spans="1:4" ht="18" customHeight="1" x14ac:dyDescent="0.2">
      <c r="A43" s="31">
        <v>31</v>
      </c>
      <c r="B43" s="27">
        <v>0</v>
      </c>
      <c r="C43" s="28">
        <v>1</v>
      </c>
      <c r="D43" s="29">
        <v>1</v>
      </c>
    </row>
    <row r="44" spans="1:4" ht="18" customHeight="1" x14ac:dyDescent="0.2">
      <c r="A44" s="31">
        <v>32</v>
      </c>
      <c r="B44" s="27">
        <v>2</v>
      </c>
      <c r="C44" s="28">
        <v>0</v>
      </c>
      <c r="D44" s="29">
        <v>2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2</v>
      </c>
      <c r="D46" s="29">
        <v>3</v>
      </c>
    </row>
    <row r="47" spans="1:4" ht="18" customHeight="1" x14ac:dyDescent="0.2">
      <c r="A47" s="31" t="s">
        <v>73</v>
      </c>
      <c r="B47" s="27">
        <v>5</v>
      </c>
      <c r="C47" s="28">
        <v>8</v>
      </c>
      <c r="D47" s="29">
        <v>13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3</v>
      </c>
      <c r="D49" s="29">
        <v>4</v>
      </c>
    </row>
    <row r="50" spans="1:4" ht="18" customHeight="1" x14ac:dyDescent="0.2">
      <c r="A50" s="31">
        <v>37</v>
      </c>
      <c r="B50" s="27">
        <v>5</v>
      </c>
      <c r="C50" s="28">
        <v>3</v>
      </c>
      <c r="D50" s="29">
        <v>8</v>
      </c>
    </row>
    <row r="51" spans="1:4" ht="18" customHeight="1" x14ac:dyDescent="0.2">
      <c r="A51" s="31">
        <v>38</v>
      </c>
      <c r="B51" s="27">
        <v>2</v>
      </c>
      <c r="C51" s="28">
        <v>5</v>
      </c>
      <c r="D51" s="29">
        <v>7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74</v>
      </c>
      <c r="B53" s="27">
        <v>9</v>
      </c>
      <c r="C53" s="28">
        <v>12</v>
      </c>
      <c r="D53" s="29">
        <v>21</v>
      </c>
    </row>
    <row r="54" spans="1:4" ht="18" customHeight="1" x14ac:dyDescent="0.2">
      <c r="A54" s="31">
        <v>40</v>
      </c>
      <c r="B54" s="27">
        <v>4</v>
      </c>
      <c r="C54" s="28">
        <v>1</v>
      </c>
      <c r="D54" s="29">
        <v>5</v>
      </c>
    </row>
    <row r="55" spans="1:4" ht="18" customHeight="1" x14ac:dyDescent="0.2">
      <c r="A55" s="31">
        <v>41</v>
      </c>
      <c r="B55" s="27">
        <v>2</v>
      </c>
      <c r="C55" s="28">
        <v>1</v>
      </c>
      <c r="D55" s="29">
        <v>3</v>
      </c>
    </row>
    <row r="56" spans="1:4" ht="18" customHeight="1" x14ac:dyDescent="0.2">
      <c r="A56" s="31">
        <v>42</v>
      </c>
      <c r="B56" s="27">
        <v>1</v>
      </c>
      <c r="C56" s="28">
        <v>4</v>
      </c>
      <c r="D56" s="29">
        <v>5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2</v>
      </c>
      <c r="D58" s="29">
        <v>2</v>
      </c>
    </row>
    <row r="59" spans="1:4" ht="18" customHeight="1" x14ac:dyDescent="0.2">
      <c r="A59" s="31" t="s">
        <v>75</v>
      </c>
      <c r="B59" s="27">
        <v>7</v>
      </c>
      <c r="C59" s="28">
        <v>8</v>
      </c>
      <c r="D59" s="29">
        <v>15</v>
      </c>
    </row>
    <row r="60" spans="1:4" ht="18" customHeight="1" x14ac:dyDescent="0.2">
      <c r="A60" s="31">
        <v>45</v>
      </c>
      <c r="B60" s="27">
        <v>1</v>
      </c>
      <c r="C60" s="28">
        <v>2</v>
      </c>
      <c r="D60" s="29">
        <v>3</v>
      </c>
    </row>
    <row r="61" spans="1:4" ht="18" customHeight="1" x14ac:dyDescent="0.2">
      <c r="A61" s="31">
        <v>46</v>
      </c>
      <c r="B61" s="27">
        <v>2</v>
      </c>
      <c r="C61" s="28">
        <v>1</v>
      </c>
      <c r="D61" s="29">
        <v>3</v>
      </c>
    </row>
    <row r="62" spans="1:4" ht="18" customHeight="1" x14ac:dyDescent="0.2">
      <c r="A62" s="31">
        <v>47</v>
      </c>
      <c r="B62" s="27">
        <v>2</v>
      </c>
      <c r="C62" s="28">
        <v>1</v>
      </c>
      <c r="D62" s="29">
        <v>3</v>
      </c>
    </row>
    <row r="63" spans="1:4" ht="18" customHeight="1" x14ac:dyDescent="0.2">
      <c r="A63" s="31">
        <v>48</v>
      </c>
      <c r="B63" s="27">
        <v>2</v>
      </c>
      <c r="C63" s="28">
        <v>1</v>
      </c>
      <c r="D63" s="29">
        <v>3</v>
      </c>
    </row>
    <row r="64" spans="1:4" ht="18" customHeight="1" x14ac:dyDescent="0.2">
      <c r="A64" s="31">
        <v>49</v>
      </c>
      <c r="B64" s="27">
        <v>1</v>
      </c>
      <c r="C64" s="28">
        <v>3</v>
      </c>
      <c r="D64" s="29">
        <v>4</v>
      </c>
    </row>
    <row r="65" spans="1:4" ht="18" customHeight="1" x14ac:dyDescent="0.2">
      <c r="A65" s="31" t="s">
        <v>76</v>
      </c>
      <c r="B65" s="27">
        <v>8</v>
      </c>
      <c r="C65" s="28">
        <v>8</v>
      </c>
      <c r="D65" s="29">
        <v>16</v>
      </c>
    </row>
    <row r="66" spans="1:4" ht="18" customHeight="1" x14ac:dyDescent="0.2">
      <c r="A66" s="31">
        <v>50</v>
      </c>
      <c r="B66" s="27">
        <v>3</v>
      </c>
      <c r="C66" s="28">
        <v>3</v>
      </c>
      <c r="D66" s="29">
        <v>6</v>
      </c>
    </row>
    <row r="67" spans="1:4" ht="18" customHeight="1" x14ac:dyDescent="0.2">
      <c r="A67" s="31">
        <v>51</v>
      </c>
      <c r="B67" s="27">
        <v>4</v>
      </c>
      <c r="C67" s="28">
        <v>3</v>
      </c>
      <c r="D67" s="29">
        <v>7</v>
      </c>
    </row>
    <row r="68" spans="1:4" ht="18" customHeight="1" x14ac:dyDescent="0.2">
      <c r="A68" s="31">
        <v>52</v>
      </c>
      <c r="B68" s="27">
        <v>4</v>
      </c>
      <c r="C68" s="28">
        <v>4</v>
      </c>
      <c r="D68" s="29">
        <v>8</v>
      </c>
    </row>
    <row r="69" spans="1:4" ht="18" customHeight="1" x14ac:dyDescent="0.2">
      <c r="A69" s="31">
        <v>53</v>
      </c>
      <c r="B69" s="27">
        <v>0</v>
      </c>
      <c r="C69" s="28">
        <v>4</v>
      </c>
      <c r="D69" s="29">
        <v>4</v>
      </c>
    </row>
    <row r="70" spans="1:4" ht="18" customHeight="1" x14ac:dyDescent="0.2">
      <c r="A70" s="31">
        <v>54</v>
      </c>
      <c r="B70" s="27">
        <v>4</v>
      </c>
      <c r="C70" s="28">
        <v>3</v>
      </c>
      <c r="D70" s="29">
        <v>7</v>
      </c>
    </row>
    <row r="71" spans="1:4" ht="18" customHeight="1" x14ac:dyDescent="0.2">
      <c r="A71" s="31" t="s">
        <v>77</v>
      </c>
      <c r="B71" s="27">
        <v>15</v>
      </c>
      <c r="C71" s="28">
        <v>17</v>
      </c>
      <c r="D71" s="29">
        <v>32</v>
      </c>
    </row>
    <row r="72" spans="1:4" ht="18" customHeight="1" x14ac:dyDescent="0.2">
      <c r="A72" s="31">
        <v>55</v>
      </c>
      <c r="B72" s="27">
        <v>3</v>
      </c>
      <c r="C72" s="28">
        <v>7</v>
      </c>
      <c r="D72" s="29">
        <v>10</v>
      </c>
    </row>
    <row r="73" spans="1:4" ht="18" customHeight="1" x14ac:dyDescent="0.2">
      <c r="A73" s="31">
        <v>56</v>
      </c>
      <c r="B73" s="27">
        <v>4</v>
      </c>
      <c r="C73" s="28">
        <v>4</v>
      </c>
      <c r="D73" s="29">
        <v>8</v>
      </c>
    </row>
    <row r="74" spans="1:4" ht="18" customHeight="1" x14ac:dyDescent="0.2">
      <c r="A74" s="31">
        <v>57</v>
      </c>
      <c r="B74" s="27">
        <v>2</v>
      </c>
      <c r="C74" s="28">
        <v>2</v>
      </c>
      <c r="D74" s="29">
        <v>4</v>
      </c>
    </row>
    <row r="75" spans="1:4" ht="18" customHeight="1" x14ac:dyDescent="0.2">
      <c r="A75" s="31">
        <v>58</v>
      </c>
      <c r="B75" s="27">
        <v>5</v>
      </c>
      <c r="C75" s="28">
        <v>4</v>
      </c>
      <c r="D75" s="29">
        <v>9</v>
      </c>
    </row>
    <row r="76" spans="1:4" ht="18" customHeight="1" x14ac:dyDescent="0.2">
      <c r="A76" s="31">
        <v>59</v>
      </c>
      <c r="B76" s="27">
        <v>6</v>
      </c>
      <c r="C76" s="28">
        <v>5</v>
      </c>
      <c r="D76" s="29">
        <v>11</v>
      </c>
    </row>
    <row r="77" spans="1:4" ht="18" customHeight="1" x14ac:dyDescent="0.2">
      <c r="A77" s="31" t="s">
        <v>78</v>
      </c>
      <c r="B77" s="27">
        <v>20</v>
      </c>
      <c r="C77" s="28">
        <v>22</v>
      </c>
      <c r="D77" s="29">
        <v>42</v>
      </c>
    </row>
    <row r="78" spans="1:4" ht="18" customHeight="1" x14ac:dyDescent="0.2">
      <c r="A78" s="31">
        <v>60</v>
      </c>
      <c r="B78" s="27">
        <v>6</v>
      </c>
      <c r="C78" s="28">
        <v>4</v>
      </c>
      <c r="D78" s="29">
        <v>10</v>
      </c>
    </row>
    <row r="79" spans="1:4" ht="18" customHeight="1" x14ac:dyDescent="0.2">
      <c r="A79" s="31">
        <v>61</v>
      </c>
      <c r="B79" s="27">
        <v>4</v>
      </c>
      <c r="C79" s="28">
        <v>2</v>
      </c>
      <c r="D79" s="29">
        <v>6</v>
      </c>
    </row>
    <row r="80" spans="1:4" ht="18" customHeight="1" x14ac:dyDescent="0.2">
      <c r="A80" s="31">
        <v>62</v>
      </c>
      <c r="B80" s="27">
        <v>7</v>
      </c>
      <c r="C80" s="28">
        <v>6</v>
      </c>
      <c r="D80" s="29">
        <v>13</v>
      </c>
    </row>
    <row r="81" spans="1:4" ht="18" customHeight="1" x14ac:dyDescent="0.2">
      <c r="A81" s="31">
        <v>63</v>
      </c>
      <c r="B81" s="27">
        <v>0</v>
      </c>
      <c r="C81" s="28">
        <v>2</v>
      </c>
      <c r="D81" s="29">
        <v>2</v>
      </c>
    </row>
    <row r="82" spans="1:4" ht="18" customHeight="1" x14ac:dyDescent="0.2">
      <c r="A82" s="31">
        <v>64</v>
      </c>
      <c r="B82" s="27">
        <v>4</v>
      </c>
      <c r="C82" s="28">
        <v>1</v>
      </c>
      <c r="D82" s="29">
        <v>5</v>
      </c>
    </row>
    <row r="83" spans="1:4" ht="18" customHeight="1" x14ac:dyDescent="0.2">
      <c r="A83" s="31" t="s">
        <v>79</v>
      </c>
      <c r="B83" s="27">
        <v>21</v>
      </c>
      <c r="C83" s="28">
        <v>15</v>
      </c>
      <c r="D83" s="29">
        <v>36</v>
      </c>
    </row>
    <row r="84" spans="1:4" ht="18" customHeight="1" x14ac:dyDescent="0.2">
      <c r="A84" s="31" t="s">
        <v>80</v>
      </c>
      <c r="B84" s="27">
        <v>112</v>
      </c>
      <c r="C84" s="28">
        <v>123</v>
      </c>
      <c r="D84" s="29">
        <v>235</v>
      </c>
    </row>
    <row r="85" spans="1:4" ht="18" customHeight="1" x14ac:dyDescent="0.2">
      <c r="A85" s="31">
        <v>65</v>
      </c>
      <c r="B85" s="27">
        <v>4</v>
      </c>
      <c r="C85" s="28">
        <v>4</v>
      </c>
      <c r="D85" s="29">
        <v>8</v>
      </c>
    </row>
    <row r="86" spans="1:4" ht="18" customHeight="1" x14ac:dyDescent="0.2">
      <c r="A86" s="31">
        <v>66</v>
      </c>
      <c r="B86" s="27">
        <v>4</v>
      </c>
      <c r="C86" s="28">
        <v>5</v>
      </c>
      <c r="D86" s="29">
        <v>9</v>
      </c>
    </row>
    <row r="87" spans="1:4" ht="18" customHeight="1" x14ac:dyDescent="0.2">
      <c r="A87" s="31">
        <v>67</v>
      </c>
      <c r="B87" s="27">
        <v>5</v>
      </c>
      <c r="C87" s="28">
        <v>5</v>
      </c>
      <c r="D87" s="29">
        <v>10</v>
      </c>
    </row>
    <row r="88" spans="1:4" ht="18" customHeight="1" x14ac:dyDescent="0.2">
      <c r="A88" s="31">
        <v>68</v>
      </c>
      <c r="B88" s="27">
        <v>4</v>
      </c>
      <c r="C88" s="28">
        <v>3</v>
      </c>
      <c r="D88" s="29">
        <v>7</v>
      </c>
    </row>
    <row r="89" spans="1:4" ht="18" customHeight="1" x14ac:dyDescent="0.2">
      <c r="A89" s="31">
        <v>69</v>
      </c>
      <c r="B89" s="27">
        <v>2</v>
      </c>
      <c r="C89" s="28">
        <v>4</v>
      </c>
      <c r="D89" s="29">
        <v>6</v>
      </c>
    </row>
    <row r="90" spans="1:4" ht="18" customHeight="1" x14ac:dyDescent="0.2">
      <c r="A90" s="31" t="s">
        <v>81</v>
      </c>
      <c r="B90" s="27">
        <v>19</v>
      </c>
      <c r="C90" s="28">
        <v>21</v>
      </c>
      <c r="D90" s="29">
        <v>40</v>
      </c>
    </row>
    <row r="91" spans="1:4" ht="18" customHeight="1" x14ac:dyDescent="0.2">
      <c r="A91" s="31">
        <v>70</v>
      </c>
      <c r="B91" s="27">
        <v>2</v>
      </c>
      <c r="C91" s="28">
        <v>2</v>
      </c>
      <c r="D91" s="29">
        <v>4</v>
      </c>
    </row>
    <row r="92" spans="1:4" ht="18" customHeight="1" x14ac:dyDescent="0.2">
      <c r="A92" s="31">
        <v>71</v>
      </c>
      <c r="B92" s="27">
        <v>3</v>
      </c>
      <c r="C92" s="28">
        <v>4</v>
      </c>
      <c r="D92" s="29">
        <v>7</v>
      </c>
    </row>
    <row r="93" spans="1:4" ht="18" customHeight="1" x14ac:dyDescent="0.2">
      <c r="A93" s="31">
        <v>72</v>
      </c>
      <c r="B93" s="27">
        <v>1</v>
      </c>
      <c r="C93" s="28">
        <v>3</v>
      </c>
      <c r="D93" s="29">
        <v>4</v>
      </c>
    </row>
    <row r="94" spans="1:4" ht="18" customHeight="1" x14ac:dyDescent="0.2">
      <c r="A94" s="31">
        <v>73</v>
      </c>
      <c r="B94" s="27">
        <v>4</v>
      </c>
      <c r="C94" s="28">
        <v>3</v>
      </c>
      <c r="D94" s="29">
        <v>7</v>
      </c>
    </row>
    <row r="95" spans="1:4" ht="18" customHeight="1" x14ac:dyDescent="0.2">
      <c r="A95" s="31">
        <v>74</v>
      </c>
      <c r="B95" s="27">
        <v>1</v>
      </c>
      <c r="C95" s="28">
        <v>1</v>
      </c>
      <c r="D95" s="29">
        <v>2</v>
      </c>
    </row>
    <row r="96" spans="1:4" ht="18" customHeight="1" x14ac:dyDescent="0.2">
      <c r="A96" s="31" t="s">
        <v>82</v>
      </c>
      <c r="B96" s="27">
        <v>11</v>
      </c>
      <c r="C96" s="28">
        <v>13</v>
      </c>
      <c r="D96" s="29">
        <v>24</v>
      </c>
    </row>
    <row r="97" spans="1:4" ht="18" customHeight="1" x14ac:dyDescent="0.2">
      <c r="A97" s="31">
        <v>75</v>
      </c>
      <c r="B97" s="27">
        <v>2</v>
      </c>
      <c r="C97" s="28">
        <v>4</v>
      </c>
      <c r="D97" s="29">
        <v>6</v>
      </c>
    </row>
    <row r="98" spans="1:4" ht="18" customHeight="1" x14ac:dyDescent="0.2">
      <c r="A98" s="31">
        <v>76</v>
      </c>
      <c r="B98" s="27">
        <v>2</v>
      </c>
      <c r="C98" s="28">
        <v>5</v>
      </c>
      <c r="D98" s="29">
        <v>7</v>
      </c>
    </row>
    <row r="99" spans="1:4" ht="18" customHeight="1" x14ac:dyDescent="0.2">
      <c r="A99" s="31">
        <v>77</v>
      </c>
      <c r="B99" s="27">
        <v>5</v>
      </c>
      <c r="C99" s="28">
        <v>6</v>
      </c>
      <c r="D99" s="29">
        <v>11</v>
      </c>
    </row>
    <row r="100" spans="1:4" ht="18" customHeight="1" x14ac:dyDescent="0.2">
      <c r="A100" s="31">
        <v>78</v>
      </c>
      <c r="B100" s="27">
        <v>3</v>
      </c>
      <c r="C100" s="28">
        <v>5</v>
      </c>
      <c r="D100" s="29">
        <v>8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83</v>
      </c>
      <c r="B102" s="27">
        <v>12</v>
      </c>
      <c r="C102" s="28">
        <v>20</v>
      </c>
      <c r="D102" s="29">
        <v>32</v>
      </c>
    </row>
    <row r="103" spans="1:4" ht="18" customHeight="1" x14ac:dyDescent="0.2">
      <c r="A103" s="31">
        <v>80</v>
      </c>
      <c r="B103" s="27">
        <v>5</v>
      </c>
      <c r="C103" s="28">
        <v>6</v>
      </c>
      <c r="D103" s="29">
        <v>11</v>
      </c>
    </row>
    <row r="104" spans="1:4" ht="18" customHeight="1" x14ac:dyDescent="0.2">
      <c r="A104" s="31">
        <v>81</v>
      </c>
      <c r="B104" s="27">
        <v>2</v>
      </c>
      <c r="C104" s="28">
        <v>5</v>
      </c>
      <c r="D104" s="29">
        <v>7</v>
      </c>
    </row>
    <row r="105" spans="1:4" ht="18" customHeight="1" x14ac:dyDescent="0.2">
      <c r="A105" s="31">
        <v>82</v>
      </c>
      <c r="B105" s="27">
        <v>4</v>
      </c>
      <c r="C105" s="28">
        <v>1</v>
      </c>
      <c r="D105" s="29">
        <v>5</v>
      </c>
    </row>
    <row r="106" spans="1:4" ht="18" customHeight="1" x14ac:dyDescent="0.2">
      <c r="A106" s="31">
        <v>83</v>
      </c>
      <c r="B106" s="27">
        <v>3</v>
      </c>
      <c r="C106" s="28">
        <v>4</v>
      </c>
      <c r="D106" s="29">
        <v>7</v>
      </c>
    </row>
    <row r="107" spans="1:4" ht="18" customHeight="1" x14ac:dyDescent="0.2">
      <c r="A107" s="31">
        <v>84</v>
      </c>
      <c r="B107" s="27">
        <v>4</v>
      </c>
      <c r="C107" s="28">
        <v>5</v>
      </c>
      <c r="D107" s="29">
        <v>9</v>
      </c>
    </row>
    <row r="108" spans="1:4" ht="18" customHeight="1" x14ac:dyDescent="0.2">
      <c r="A108" s="31" t="s">
        <v>84</v>
      </c>
      <c r="B108" s="27">
        <v>18</v>
      </c>
      <c r="C108" s="28">
        <v>21</v>
      </c>
      <c r="D108" s="29">
        <v>39</v>
      </c>
    </row>
    <row r="109" spans="1:4" ht="18" customHeight="1" x14ac:dyDescent="0.2">
      <c r="A109" s="31">
        <v>85</v>
      </c>
      <c r="B109" s="27">
        <v>2</v>
      </c>
      <c r="C109" s="28">
        <v>3</v>
      </c>
      <c r="D109" s="29">
        <v>5</v>
      </c>
    </row>
    <row r="110" spans="1:4" ht="18" customHeight="1" x14ac:dyDescent="0.2">
      <c r="A110" s="31">
        <v>86</v>
      </c>
      <c r="B110" s="27">
        <v>2</v>
      </c>
      <c r="C110" s="28">
        <v>3</v>
      </c>
      <c r="D110" s="29">
        <v>5</v>
      </c>
    </row>
    <row r="111" spans="1:4" ht="18" customHeight="1" x14ac:dyDescent="0.2">
      <c r="A111" s="31">
        <v>87</v>
      </c>
      <c r="B111" s="27">
        <v>1</v>
      </c>
      <c r="C111" s="28">
        <v>2</v>
      </c>
      <c r="D111" s="29">
        <v>3</v>
      </c>
    </row>
    <row r="112" spans="1:4" ht="18" customHeight="1" x14ac:dyDescent="0.2">
      <c r="A112" s="31">
        <v>88</v>
      </c>
      <c r="B112" s="27">
        <v>3</v>
      </c>
      <c r="C112" s="28">
        <v>4</v>
      </c>
      <c r="D112" s="29">
        <v>7</v>
      </c>
    </row>
    <row r="113" spans="1:4" ht="18" customHeight="1" x14ac:dyDescent="0.2">
      <c r="A113" s="31">
        <v>89</v>
      </c>
      <c r="B113" s="27">
        <v>0</v>
      </c>
      <c r="C113" s="28">
        <v>3</v>
      </c>
      <c r="D113" s="29">
        <v>3</v>
      </c>
    </row>
    <row r="114" spans="1:4" ht="18" customHeight="1" x14ac:dyDescent="0.2">
      <c r="A114" s="31" t="s">
        <v>85</v>
      </c>
      <c r="B114" s="27">
        <v>8</v>
      </c>
      <c r="C114" s="28">
        <v>15</v>
      </c>
      <c r="D114" s="29">
        <v>23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86</v>
      </c>
      <c r="B120" s="27">
        <v>2</v>
      </c>
      <c r="C120" s="28">
        <v>5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90</v>
      </c>
      <c r="B130" s="4">
        <v>70</v>
      </c>
      <c r="C130" s="5">
        <v>99</v>
      </c>
      <c r="D130" s="6">
        <v>169</v>
      </c>
    </row>
    <row r="131" spans="1:4" ht="18" customHeight="1" x14ac:dyDescent="0.2">
      <c r="A131" s="33" t="s">
        <v>65</v>
      </c>
      <c r="B131" s="7">
        <v>196</v>
      </c>
      <c r="C131" s="8">
        <v>236</v>
      </c>
      <c r="D131" s="9">
        <v>43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88">
    <pageSetUpPr fitToPage="1"/>
  </sheetPr>
  <dimension ref="A1:D131"/>
  <sheetViews>
    <sheetView workbookViewId="0">
      <pane ySplit="4" topLeftCell="A5" activePane="bottomLeft" state="frozen"/>
      <selection activeCell="C122" sqref="C122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8</v>
      </c>
      <c r="C5" s="37">
        <v>2</v>
      </c>
      <c r="D5" s="39">
        <v>10</v>
      </c>
    </row>
    <row r="6" spans="1:4" ht="18" customHeight="1" x14ac:dyDescent="0.2">
      <c r="A6" s="31">
        <v>1</v>
      </c>
      <c r="B6" s="35">
        <v>3</v>
      </c>
      <c r="C6" s="28">
        <v>7</v>
      </c>
      <c r="D6" s="29">
        <v>10</v>
      </c>
    </row>
    <row r="7" spans="1:4" ht="18" customHeight="1" x14ac:dyDescent="0.2">
      <c r="A7" s="31">
        <v>2</v>
      </c>
      <c r="B7" s="35">
        <v>4</v>
      </c>
      <c r="C7" s="28">
        <v>3</v>
      </c>
      <c r="D7" s="29">
        <v>7</v>
      </c>
    </row>
    <row r="8" spans="1:4" ht="18" customHeight="1" x14ac:dyDescent="0.2">
      <c r="A8" s="31">
        <v>3</v>
      </c>
      <c r="B8" s="35">
        <v>4</v>
      </c>
      <c r="C8" s="28">
        <v>8</v>
      </c>
      <c r="D8" s="29">
        <v>12</v>
      </c>
    </row>
    <row r="9" spans="1:4" ht="18" customHeight="1" x14ac:dyDescent="0.2">
      <c r="A9" s="31">
        <v>4</v>
      </c>
      <c r="B9" s="36">
        <v>7</v>
      </c>
      <c r="C9" s="38">
        <v>5</v>
      </c>
      <c r="D9" s="40">
        <v>12</v>
      </c>
    </row>
    <row r="10" spans="1:4" ht="18" customHeight="1" x14ac:dyDescent="0.2">
      <c r="A10" s="31" t="s">
        <v>66</v>
      </c>
      <c r="B10" s="27">
        <v>26</v>
      </c>
      <c r="C10" s="28">
        <v>25</v>
      </c>
      <c r="D10" s="29">
        <v>51</v>
      </c>
    </row>
    <row r="11" spans="1:4" ht="18" customHeight="1" x14ac:dyDescent="0.2">
      <c r="A11" s="31">
        <v>5</v>
      </c>
      <c r="B11" s="35">
        <v>3</v>
      </c>
      <c r="C11" s="28">
        <v>3</v>
      </c>
      <c r="D11" s="29">
        <v>6</v>
      </c>
    </row>
    <row r="12" spans="1:4" ht="18" customHeight="1" x14ac:dyDescent="0.2">
      <c r="A12" s="31">
        <v>6</v>
      </c>
      <c r="B12" s="35">
        <v>6</v>
      </c>
      <c r="C12" s="28">
        <v>4</v>
      </c>
      <c r="D12" s="29">
        <v>10</v>
      </c>
    </row>
    <row r="13" spans="1:4" ht="18" customHeight="1" x14ac:dyDescent="0.2">
      <c r="A13" s="31">
        <v>7</v>
      </c>
      <c r="B13" s="35">
        <v>4</v>
      </c>
      <c r="C13" s="28">
        <v>3</v>
      </c>
      <c r="D13" s="29">
        <v>7</v>
      </c>
    </row>
    <row r="14" spans="1:4" ht="18" customHeight="1" x14ac:dyDescent="0.2">
      <c r="A14" s="31">
        <v>8</v>
      </c>
      <c r="B14" s="35">
        <v>2</v>
      </c>
      <c r="C14" s="28">
        <v>6</v>
      </c>
      <c r="D14" s="29">
        <v>8</v>
      </c>
    </row>
    <row r="15" spans="1:4" ht="18" customHeight="1" x14ac:dyDescent="0.2">
      <c r="A15" s="31">
        <v>9</v>
      </c>
      <c r="B15" s="35">
        <v>4</v>
      </c>
      <c r="C15" s="28">
        <v>4</v>
      </c>
      <c r="D15" s="29">
        <v>8</v>
      </c>
    </row>
    <row r="16" spans="1:4" ht="18" customHeight="1" x14ac:dyDescent="0.2">
      <c r="A16" s="31" t="s">
        <v>67</v>
      </c>
      <c r="B16" s="27">
        <v>19</v>
      </c>
      <c r="C16" s="28">
        <v>20</v>
      </c>
      <c r="D16" s="29">
        <v>39</v>
      </c>
    </row>
    <row r="17" spans="1:4" ht="18" customHeight="1" x14ac:dyDescent="0.2">
      <c r="A17" s="31">
        <v>10</v>
      </c>
      <c r="B17" s="27">
        <v>4</v>
      </c>
      <c r="C17" s="28">
        <v>3</v>
      </c>
      <c r="D17" s="29">
        <v>7</v>
      </c>
    </row>
    <row r="18" spans="1:4" ht="18" customHeight="1" x14ac:dyDescent="0.2">
      <c r="A18" s="31">
        <v>11</v>
      </c>
      <c r="B18" s="27">
        <v>10</v>
      </c>
      <c r="C18" s="28">
        <v>8</v>
      </c>
      <c r="D18" s="29">
        <v>18</v>
      </c>
    </row>
    <row r="19" spans="1:4" ht="18" customHeight="1" x14ac:dyDescent="0.2">
      <c r="A19" s="31">
        <v>12</v>
      </c>
      <c r="B19" s="27">
        <v>11</v>
      </c>
      <c r="C19" s="28">
        <v>5</v>
      </c>
      <c r="D19" s="29">
        <v>16</v>
      </c>
    </row>
    <row r="20" spans="1:4" ht="18" customHeight="1" x14ac:dyDescent="0.2">
      <c r="A20" s="31">
        <v>13</v>
      </c>
      <c r="B20" s="27">
        <v>10</v>
      </c>
      <c r="C20" s="28">
        <v>6</v>
      </c>
      <c r="D20" s="29">
        <v>16</v>
      </c>
    </row>
    <row r="21" spans="1:4" ht="18" customHeight="1" x14ac:dyDescent="0.2">
      <c r="A21" s="31">
        <v>14</v>
      </c>
      <c r="B21" s="27">
        <v>5</v>
      </c>
      <c r="C21" s="28">
        <v>6</v>
      </c>
      <c r="D21" s="29">
        <v>11</v>
      </c>
    </row>
    <row r="22" spans="1:4" ht="18" customHeight="1" x14ac:dyDescent="0.2">
      <c r="A22" s="31" t="s">
        <v>68</v>
      </c>
      <c r="B22" s="27">
        <v>40</v>
      </c>
      <c r="C22" s="28">
        <v>28</v>
      </c>
      <c r="D22" s="29">
        <v>68</v>
      </c>
    </row>
    <row r="23" spans="1:4" ht="18" customHeight="1" x14ac:dyDescent="0.2">
      <c r="A23" s="31" t="s">
        <v>69</v>
      </c>
      <c r="B23" s="27">
        <v>85</v>
      </c>
      <c r="C23" s="28">
        <v>73</v>
      </c>
      <c r="D23" s="29">
        <v>158</v>
      </c>
    </row>
    <row r="24" spans="1:4" ht="18" customHeight="1" x14ac:dyDescent="0.2">
      <c r="A24" s="31">
        <v>15</v>
      </c>
      <c r="B24" s="27">
        <v>6</v>
      </c>
      <c r="C24" s="28">
        <v>10</v>
      </c>
      <c r="D24" s="29">
        <v>16</v>
      </c>
    </row>
    <row r="25" spans="1:4" ht="18" customHeight="1" x14ac:dyDescent="0.2">
      <c r="A25" s="31">
        <v>16</v>
      </c>
      <c r="B25" s="27">
        <v>4</v>
      </c>
      <c r="C25" s="28">
        <v>10</v>
      </c>
      <c r="D25" s="29">
        <v>14</v>
      </c>
    </row>
    <row r="26" spans="1:4" ht="18" customHeight="1" x14ac:dyDescent="0.2">
      <c r="A26" s="31">
        <v>17</v>
      </c>
      <c r="B26" s="27">
        <v>9</v>
      </c>
      <c r="C26" s="28">
        <v>4</v>
      </c>
      <c r="D26" s="29">
        <v>13</v>
      </c>
    </row>
    <row r="27" spans="1:4" ht="18" customHeight="1" x14ac:dyDescent="0.2">
      <c r="A27" s="31">
        <v>18</v>
      </c>
      <c r="B27" s="27">
        <v>10</v>
      </c>
      <c r="C27" s="28">
        <v>5</v>
      </c>
      <c r="D27" s="29">
        <v>15</v>
      </c>
    </row>
    <row r="28" spans="1:4" ht="18" customHeight="1" x14ac:dyDescent="0.2">
      <c r="A28" s="31">
        <v>19</v>
      </c>
      <c r="B28" s="27">
        <v>7</v>
      </c>
      <c r="C28" s="28">
        <v>7</v>
      </c>
      <c r="D28" s="29">
        <v>14</v>
      </c>
    </row>
    <row r="29" spans="1:4" ht="18" customHeight="1" x14ac:dyDescent="0.2">
      <c r="A29" s="31" t="s">
        <v>70</v>
      </c>
      <c r="B29" s="27">
        <v>36</v>
      </c>
      <c r="C29" s="28">
        <v>36</v>
      </c>
      <c r="D29" s="29">
        <v>72</v>
      </c>
    </row>
    <row r="30" spans="1:4" ht="18" customHeight="1" x14ac:dyDescent="0.2">
      <c r="A30" s="31">
        <v>20</v>
      </c>
      <c r="B30" s="27">
        <v>13</v>
      </c>
      <c r="C30" s="28">
        <v>11</v>
      </c>
      <c r="D30" s="29">
        <v>24</v>
      </c>
    </row>
    <row r="31" spans="1:4" ht="18" customHeight="1" x14ac:dyDescent="0.2">
      <c r="A31" s="31">
        <v>21</v>
      </c>
      <c r="B31" s="27">
        <v>6</v>
      </c>
      <c r="C31" s="28">
        <v>5</v>
      </c>
      <c r="D31" s="29">
        <v>11</v>
      </c>
    </row>
    <row r="32" spans="1:4" ht="18" customHeight="1" x14ac:dyDescent="0.2">
      <c r="A32" s="31">
        <v>22</v>
      </c>
      <c r="B32" s="27">
        <v>7</v>
      </c>
      <c r="C32" s="28">
        <v>11</v>
      </c>
      <c r="D32" s="29">
        <v>18</v>
      </c>
    </row>
    <row r="33" spans="1:4" ht="18" customHeight="1" x14ac:dyDescent="0.2">
      <c r="A33" s="31">
        <v>23</v>
      </c>
      <c r="B33" s="27">
        <v>6</v>
      </c>
      <c r="C33" s="28">
        <v>11</v>
      </c>
      <c r="D33" s="29">
        <v>17</v>
      </c>
    </row>
    <row r="34" spans="1:4" ht="18" customHeight="1" x14ac:dyDescent="0.2">
      <c r="A34" s="31">
        <v>24</v>
      </c>
      <c r="B34" s="27">
        <v>10</v>
      </c>
      <c r="C34" s="28">
        <v>8</v>
      </c>
      <c r="D34" s="29">
        <v>18</v>
      </c>
    </row>
    <row r="35" spans="1:4" ht="18" customHeight="1" x14ac:dyDescent="0.2">
      <c r="A35" s="31" t="s">
        <v>71</v>
      </c>
      <c r="B35" s="27">
        <v>42</v>
      </c>
      <c r="C35" s="28">
        <v>46</v>
      </c>
      <c r="D35" s="29">
        <v>88</v>
      </c>
    </row>
    <row r="36" spans="1:4" ht="18" customHeight="1" x14ac:dyDescent="0.2">
      <c r="A36" s="31">
        <v>25</v>
      </c>
      <c r="B36" s="27">
        <v>5</v>
      </c>
      <c r="C36" s="28">
        <v>5</v>
      </c>
      <c r="D36" s="29">
        <v>10</v>
      </c>
    </row>
    <row r="37" spans="1:4" ht="18" customHeight="1" x14ac:dyDescent="0.2">
      <c r="A37" s="31">
        <v>26</v>
      </c>
      <c r="B37" s="27">
        <v>10</v>
      </c>
      <c r="C37" s="28">
        <v>6</v>
      </c>
      <c r="D37" s="29">
        <v>16</v>
      </c>
    </row>
    <row r="38" spans="1:4" ht="18" customHeight="1" x14ac:dyDescent="0.2">
      <c r="A38" s="31">
        <v>27</v>
      </c>
      <c r="B38" s="27">
        <v>7</v>
      </c>
      <c r="C38" s="28">
        <v>6</v>
      </c>
      <c r="D38" s="29">
        <v>13</v>
      </c>
    </row>
    <row r="39" spans="1:4" ht="18" customHeight="1" x14ac:dyDescent="0.2">
      <c r="A39" s="31">
        <v>28</v>
      </c>
      <c r="B39" s="27">
        <v>3</v>
      </c>
      <c r="C39" s="28">
        <v>7</v>
      </c>
      <c r="D39" s="29">
        <v>10</v>
      </c>
    </row>
    <row r="40" spans="1:4" ht="18" customHeight="1" x14ac:dyDescent="0.2">
      <c r="A40" s="31">
        <v>29</v>
      </c>
      <c r="B40" s="27">
        <v>7</v>
      </c>
      <c r="C40" s="28">
        <v>8</v>
      </c>
      <c r="D40" s="29">
        <v>15</v>
      </c>
    </row>
    <row r="41" spans="1:4" ht="18" customHeight="1" x14ac:dyDescent="0.2">
      <c r="A41" s="31" t="s">
        <v>72</v>
      </c>
      <c r="B41" s="27">
        <v>32</v>
      </c>
      <c r="C41" s="28">
        <v>32</v>
      </c>
      <c r="D41" s="29">
        <v>64</v>
      </c>
    </row>
    <row r="42" spans="1:4" ht="18" customHeight="1" x14ac:dyDescent="0.2">
      <c r="A42" s="31">
        <v>30</v>
      </c>
      <c r="B42" s="27">
        <v>8</v>
      </c>
      <c r="C42" s="28">
        <v>8</v>
      </c>
      <c r="D42" s="29">
        <v>16</v>
      </c>
    </row>
    <row r="43" spans="1:4" ht="18" customHeight="1" x14ac:dyDescent="0.2">
      <c r="A43" s="31">
        <v>31</v>
      </c>
      <c r="B43" s="27">
        <v>11</v>
      </c>
      <c r="C43" s="28">
        <v>5</v>
      </c>
      <c r="D43" s="29">
        <v>16</v>
      </c>
    </row>
    <row r="44" spans="1:4" ht="18" customHeight="1" x14ac:dyDescent="0.2">
      <c r="A44" s="31">
        <v>32</v>
      </c>
      <c r="B44" s="27">
        <v>9</v>
      </c>
      <c r="C44" s="28">
        <v>6</v>
      </c>
      <c r="D44" s="29">
        <v>15</v>
      </c>
    </row>
    <row r="45" spans="1:4" ht="18" customHeight="1" x14ac:dyDescent="0.2">
      <c r="A45" s="31">
        <v>33</v>
      </c>
      <c r="B45" s="27">
        <v>9</v>
      </c>
      <c r="C45" s="28">
        <v>6</v>
      </c>
      <c r="D45" s="29">
        <v>15</v>
      </c>
    </row>
    <row r="46" spans="1:4" ht="18" customHeight="1" x14ac:dyDescent="0.2">
      <c r="A46" s="31">
        <v>34</v>
      </c>
      <c r="B46" s="27">
        <v>8</v>
      </c>
      <c r="C46" s="28">
        <v>8</v>
      </c>
      <c r="D46" s="29">
        <v>16</v>
      </c>
    </row>
    <row r="47" spans="1:4" ht="18" customHeight="1" x14ac:dyDescent="0.2">
      <c r="A47" s="31" t="s">
        <v>73</v>
      </c>
      <c r="B47" s="27">
        <v>45</v>
      </c>
      <c r="C47" s="28">
        <v>33</v>
      </c>
      <c r="D47" s="29">
        <v>78</v>
      </c>
    </row>
    <row r="48" spans="1:4" ht="18" customHeight="1" x14ac:dyDescent="0.2">
      <c r="A48" s="31">
        <v>35</v>
      </c>
      <c r="B48" s="27">
        <v>6</v>
      </c>
      <c r="C48" s="28">
        <v>6</v>
      </c>
      <c r="D48" s="29">
        <v>12</v>
      </c>
    </row>
    <row r="49" spans="1:4" ht="18" customHeight="1" x14ac:dyDescent="0.2">
      <c r="A49" s="31">
        <v>36</v>
      </c>
      <c r="B49" s="27">
        <v>10</v>
      </c>
      <c r="C49" s="28">
        <v>12</v>
      </c>
      <c r="D49" s="29">
        <v>22</v>
      </c>
    </row>
    <row r="50" spans="1:4" ht="18" customHeight="1" x14ac:dyDescent="0.2">
      <c r="A50" s="31">
        <v>37</v>
      </c>
      <c r="B50" s="27">
        <v>14</v>
      </c>
      <c r="C50" s="28">
        <v>8</v>
      </c>
      <c r="D50" s="29">
        <v>22</v>
      </c>
    </row>
    <row r="51" spans="1:4" ht="18" customHeight="1" x14ac:dyDescent="0.2">
      <c r="A51" s="31">
        <v>38</v>
      </c>
      <c r="B51" s="27">
        <v>5</v>
      </c>
      <c r="C51" s="28">
        <v>13</v>
      </c>
      <c r="D51" s="29">
        <v>18</v>
      </c>
    </row>
    <row r="52" spans="1:4" ht="18" customHeight="1" x14ac:dyDescent="0.2">
      <c r="A52" s="31">
        <v>39</v>
      </c>
      <c r="B52" s="27">
        <v>7</v>
      </c>
      <c r="C52" s="28">
        <v>8</v>
      </c>
      <c r="D52" s="29">
        <v>15</v>
      </c>
    </row>
    <row r="53" spans="1:4" ht="18" customHeight="1" x14ac:dyDescent="0.2">
      <c r="A53" s="31" t="s">
        <v>74</v>
      </c>
      <c r="B53" s="27">
        <v>42</v>
      </c>
      <c r="C53" s="28">
        <v>47</v>
      </c>
      <c r="D53" s="29">
        <v>89</v>
      </c>
    </row>
    <row r="54" spans="1:4" ht="18" customHeight="1" x14ac:dyDescent="0.2">
      <c r="A54" s="31">
        <v>40</v>
      </c>
      <c r="B54" s="27">
        <v>10</v>
      </c>
      <c r="C54" s="28">
        <v>8</v>
      </c>
      <c r="D54" s="29">
        <v>18</v>
      </c>
    </row>
    <row r="55" spans="1:4" ht="18" customHeight="1" x14ac:dyDescent="0.2">
      <c r="A55" s="31">
        <v>41</v>
      </c>
      <c r="B55" s="27">
        <v>9</v>
      </c>
      <c r="C55" s="28">
        <v>8</v>
      </c>
      <c r="D55" s="29">
        <v>17</v>
      </c>
    </row>
    <row r="56" spans="1:4" ht="18" customHeight="1" x14ac:dyDescent="0.2">
      <c r="A56" s="31">
        <v>42</v>
      </c>
      <c r="B56" s="27">
        <v>9</v>
      </c>
      <c r="C56" s="28">
        <v>7</v>
      </c>
      <c r="D56" s="29">
        <v>16</v>
      </c>
    </row>
    <row r="57" spans="1:4" ht="18" customHeight="1" x14ac:dyDescent="0.2">
      <c r="A57" s="31">
        <v>43</v>
      </c>
      <c r="B57" s="27">
        <v>4</v>
      </c>
      <c r="C57" s="28">
        <v>5</v>
      </c>
      <c r="D57" s="29">
        <v>9</v>
      </c>
    </row>
    <row r="58" spans="1:4" ht="18" customHeight="1" x14ac:dyDescent="0.2">
      <c r="A58" s="31">
        <v>44</v>
      </c>
      <c r="B58" s="27">
        <v>3</v>
      </c>
      <c r="C58" s="28">
        <v>10</v>
      </c>
      <c r="D58" s="29">
        <v>13</v>
      </c>
    </row>
    <row r="59" spans="1:4" ht="18" customHeight="1" x14ac:dyDescent="0.2">
      <c r="A59" s="31" t="s">
        <v>75</v>
      </c>
      <c r="B59" s="27">
        <v>35</v>
      </c>
      <c r="C59" s="28">
        <v>38</v>
      </c>
      <c r="D59" s="29">
        <v>73</v>
      </c>
    </row>
    <row r="60" spans="1:4" ht="18" customHeight="1" x14ac:dyDescent="0.2">
      <c r="A60" s="31">
        <v>45</v>
      </c>
      <c r="B60" s="27">
        <v>9</v>
      </c>
      <c r="C60" s="28">
        <v>5</v>
      </c>
      <c r="D60" s="29">
        <v>14</v>
      </c>
    </row>
    <row r="61" spans="1:4" ht="18" customHeight="1" x14ac:dyDescent="0.2">
      <c r="A61" s="31">
        <v>46</v>
      </c>
      <c r="B61" s="27">
        <v>7</v>
      </c>
      <c r="C61" s="28">
        <v>8</v>
      </c>
      <c r="D61" s="29">
        <v>15</v>
      </c>
    </row>
    <row r="62" spans="1:4" ht="18" customHeight="1" x14ac:dyDescent="0.2">
      <c r="A62" s="31">
        <v>47</v>
      </c>
      <c r="B62" s="27">
        <v>9</v>
      </c>
      <c r="C62" s="28">
        <v>5</v>
      </c>
      <c r="D62" s="29">
        <v>14</v>
      </c>
    </row>
    <row r="63" spans="1:4" ht="18" customHeight="1" x14ac:dyDescent="0.2">
      <c r="A63" s="31">
        <v>48</v>
      </c>
      <c r="B63" s="27">
        <v>7</v>
      </c>
      <c r="C63" s="28">
        <v>9</v>
      </c>
      <c r="D63" s="29">
        <v>16</v>
      </c>
    </row>
    <row r="64" spans="1:4" ht="18" customHeight="1" x14ac:dyDescent="0.2">
      <c r="A64" s="31">
        <v>49</v>
      </c>
      <c r="B64" s="27">
        <v>7</v>
      </c>
      <c r="C64" s="28">
        <v>9</v>
      </c>
      <c r="D64" s="29">
        <v>16</v>
      </c>
    </row>
    <row r="65" spans="1:4" ht="18" customHeight="1" x14ac:dyDescent="0.2">
      <c r="A65" s="31" t="s">
        <v>76</v>
      </c>
      <c r="B65" s="27">
        <v>39</v>
      </c>
      <c r="C65" s="28">
        <v>36</v>
      </c>
      <c r="D65" s="29">
        <v>75</v>
      </c>
    </row>
    <row r="66" spans="1:4" ht="18" customHeight="1" x14ac:dyDescent="0.2">
      <c r="A66" s="31">
        <v>50</v>
      </c>
      <c r="B66" s="27">
        <v>8</v>
      </c>
      <c r="C66" s="28">
        <v>11</v>
      </c>
      <c r="D66" s="29">
        <v>19</v>
      </c>
    </row>
    <row r="67" spans="1:4" ht="18" customHeight="1" x14ac:dyDescent="0.2">
      <c r="A67" s="31">
        <v>51</v>
      </c>
      <c r="B67" s="27">
        <v>9</v>
      </c>
      <c r="C67" s="28">
        <v>7</v>
      </c>
      <c r="D67" s="29">
        <v>16</v>
      </c>
    </row>
    <row r="68" spans="1:4" ht="18" customHeight="1" x14ac:dyDescent="0.2">
      <c r="A68" s="31">
        <v>52</v>
      </c>
      <c r="B68" s="27">
        <v>9</v>
      </c>
      <c r="C68" s="28">
        <v>8</v>
      </c>
      <c r="D68" s="29">
        <v>17</v>
      </c>
    </row>
    <row r="69" spans="1:4" ht="18" customHeight="1" x14ac:dyDescent="0.2">
      <c r="A69" s="31">
        <v>53</v>
      </c>
      <c r="B69" s="27">
        <v>6</v>
      </c>
      <c r="C69" s="28">
        <v>8</v>
      </c>
      <c r="D69" s="29">
        <v>14</v>
      </c>
    </row>
    <row r="70" spans="1:4" ht="18" customHeight="1" x14ac:dyDescent="0.2">
      <c r="A70" s="31">
        <v>54</v>
      </c>
      <c r="B70" s="27">
        <v>9</v>
      </c>
      <c r="C70" s="28">
        <v>16</v>
      </c>
      <c r="D70" s="29">
        <v>25</v>
      </c>
    </row>
    <row r="71" spans="1:4" ht="18" customHeight="1" x14ac:dyDescent="0.2">
      <c r="A71" s="31" t="s">
        <v>77</v>
      </c>
      <c r="B71" s="27">
        <v>41</v>
      </c>
      <c r="C71" s="28">
        <v>50</v>
      </c>
      <c r="D71" s="29">
        <v>91</v>
      </c>
    </row>
    <row r="72" spans="1:4" ht="18" customHeight="1" x14ac:dyDescent="0.2">
      <c r="A72" s="31">
        <v>55</v>
      </c>
      <c r="B72" s="27">
        <v>14</v>
      </c>
      <c r="C72" s="28">
        <v>18</v>
      </c>
      <c r="D72" s="29">
        <v>32</v>
      </c>
    </row>
    <row r="73" spans="1:4" ht="18" customHeight="1" x14ac:dyDescent="0.2">
      <c r="A73" s="31">
        <v>56</v>
      </c>
      <c r="B73" s="27">
        <v>14</v>
      </c>
      <c r="C73" s="28">
        <v>8</v>
      </c>
      <c r="D73" s="29">
        <v>22</v>
      </c>
    </row>
    <row r="74" spans="1:4" ht="18" customHeight="1" x14ac:dyDescent="0.2">
      <c r="A74" s="31">
        <v>57</v>
      </c>
      <c r="B74" s="27">
        <v>9</v>
      </c>
      <c r="C74" s="28">
        <v>10</v>
      </c>
      <c r="D74" s="29">
        <v>19</v>
      </c>
    </row>
    <row r="75" spans="1:4" ht="18" customHeight="1" x14ac:dyDescent="0.2">
      <c r="A75" s="31">
        <v>58</v>
      </c>
      <c r="B75" s="27">
        <v>14</v>
      </c>
      <c r="C75" s="28">
        <v>15</v>
      </c>
      <c r="D75" s="29">
        <v>29</v>
      </c>
    </row>
    <row r="76" spans="1:4" ht="18" customHeight="1" x14ac:dyDescent="0.2">
      <c r="A76" s="31">
        <v>59</v>
      </c>
      <c r="B76" s="27">
        <v>16</v>
      </c>
      <c r="C76" s="28">
        <v>16</v>
      </c>
      <c r="D76" s="29">
        <v>32</v>
      </c>
    </row>
    <row r="77" spans="1:4" ht="18" customHeight="1" x14ac:dyDescent="0.2">
      <c r="A77" s="31" t="s">
        <v>78</v>
      </c>
      <c r="B77" s="27">
        <v>67</v>
      </c>
      <c r="C77" s="28">
        <v>67</v>
      </c>
      <c r="D77" s="29">
        <v>134</v>
      </c>
    </row>
    <row r="78" spans="1:4" ht="18" customHeight="1" x14ac:dyDescent="0.2">
      <c r="A78" s="31">
        <v>60</v>
      </c>
      <c r="B78" s="27">
        <v>16</v>
      </c>
      <c r="C78" s="28">
        <v>17</v>
      </c>
      <c r="D78" s="29">
        <v>33</v>
      </c>
    </row>
    <row r="79" spans="1:4" ht="18" customHeight="1" x14ac:dyDescent="0.2">
      <c r="A79" s="31">
        <v>61</v>
      </c>
      <c r="B79" s="27">
        <v>15</v>
      </c>
      <c r="C79" s="28">
        <v>18</v>
      </c>
      <c r="D79" s="29">
        <v>33</v>
      </c>
    </row>
    <row r="80" spans="1:4" ht="18" customHeight="1" x14ac:dyDescent="0.2">
      <c r="A80" s="31">
        <v>62</v>
      </c>
      <c r="B80" s="27">
        <v>17</v>
      </c>
      <c r="C80" s="28">
        <v>25</v>
      </c>
      <c r="D80" s="29">
        <v>42</v>
      </c>
    </row>
    <row r="81" spans="1:4" ht="18" customHeight="1" x14ac:dyDescent="0.2">
      <c r="A81" s="31">
        <v>63</v>
      </c>
      <c r="B81" s="27">
        <v>15</v>
      </c>
      <c r="C81" s="28">
        <v>12</v>
      </c>
      <c r="D81" s="29">
        <v>27</v>
      </c>
    </row>
    <row r="82" spans="1:4" ht="18" customHeight="1" x14ac:dyDescent="0.2">
      <c r="A82" s="31">
        <v>64</v>
      </c>
      <c r="B82" s="27">
        <v>10</v>
      </c>
      <c r="C82" s="28">
        <v>6</v>
      </c>
      <c r="D82" s="29">
        <v>16</v>
      </c>
    </row>
    <row r="83" spans="1:4" ht="18" customHeight="1" x14ac:dyDescent="0.2">
      <c r="A83" s="31" t="s">
        <v>79</v>
      </c>
      <c r="B83" s="27">
        <v>73</v>
      </c>
      <c r="C83" s="28">
        <v>78</v>
      </c>
      <c r="D83" s="29">
        <v>151</v>
      </c>
    </row>
    <row r="84" spans="1:4" ht="18" customHeight="1" x14ac:dyDescent="0.2">
      <c r="A84" s="31" t="s">
        <v>80</v>
      </c>
      <c r="B84" s="27">
        <v>452</v>
      </c>
      <c r="C84" s="28">
        <v>463</v>
      </c>
      <c r="D84" s="29">
        <v>915</v>
      </c>
    </row>
    <row r="85" spans="1:4" ht="18" customHeight="1" x14ac:dyDescent="0.2">
      <c r="A85" s="31">
        <v>65</v>
      </c>
      <c r="B85" s="27">
        <v>18</v>
      </c>
      <c r="C85" s="28">
        <v>15</v>
      </c>
      <c r="D85" s="29">
        <v>33</v>
      </c>
    </row>
    <row r="86" spans="1:4" ht="18" customHeight="1" x14ac:dyDescent="0.2">
      <c r="A86" s="31">
        <v>66</v>
      </c>
      <c r="B86" s="27">
        <v>9</v>
      </c>
      <c r="C86" s="28">
        <v>15</v>
      </c>
      <c r="D86" s="29">
        <v>24</v>
      </c>
    </row>
    <row r="87" spans="1:4" ht="18" customHeight="1" x14ac:dyDescent="0.2">
      <c r="A87" s="31">
        <v>67</v>
      </c>
      <c r="B87" s="27">
        <v>15</v>
      </c>
      <c r="C87" s="28">
        <v>15</v>
      </c>
      <c r="D87" s="29">
        <v>30</v>
      </c>
    </row>
    <row r="88" spans="1:4" ht="18" customHeight="1" x14ac:dyDescent="0.2">
      <c r="A88" s="31">
        <v>68</v>
      </c>
      <c r="B88" s="27">
        <v>13</v>
      </c>
      <c r="C88" s="28">
        <v>17</v>
      </c>
      <c r="D88" s="29">
        <v>30</v>
      </c>
    </row>
    <row r="89" spans="1:4" ht="18" customHeight="1" x14ac:dyDescent="0.2">
      <c r="A89" s="31">
        <v>69</v>
      </c>
      <c r="B89" s="27">
        <v>11</v>
      </c>
      <c r="C89" s="28">
        <v>12</v>
      </c>
      <c r="D89" s="29">
        <v>23</v>
      </c>
    </row>
    <row r="90" spans="1:4" ht="18" customHeight="1" x14ac:dyDescent="0.2">
      <c r="A90" s="31" t="s">
        <v>81</v>
      </c>
      <c r="B90" s="27">
        <v>66</v>
      </c>
      <c r="C90" s="28">
        <v>74</v>
      </c>
      <c r="D90" s="29">
        <v>140</v>
      </c>
    </row>
    <row r="91" spans="1:4" ht="18" customHeight="1" x14ac:dyDescent="0.2">
      <c r="A91" s="31">
        <v>70</v>
      </c>
      <c r="B91" s="27">
        <v>9</v>
      </c>
      <c r="C91" s="28">
        <v>10</v>
      </c>
      <c r="D91" s="29">
        <v>19</v>
      </c>
    </row>
    <row r="92" spans="1:4" ht="18" customHeight="1" x14ac:dyDescent="0.2">
      <c r="A92" s="31">
        <v>71</v>
      </c>
      <c r="B92" s="27">
        <v>7</v>
      </c>
      <c r="C92" s="28">
        <v>18</v>
      </c>
      <c r="D92" s="29">
        <v>25</v>
      </c>
    </row>
    <row r="93" spans="1:4" ht="18" customHeight="1" x14ac:dyDescent="0.2">
      <c r="A93" s="31">
        <v>72</v>
      </c>
      <c r="B93" s="27">
        <v>8</v>
      </c>
      <c r="C93" s="28">
        <v>10</v>
      </c>
      <c r="D93" s="29">
        <v>18</v>
      </c>
    </row>
    <row r="94" spans="1:4" ht="18" customHeight="1" x14ac:dyDescent="0.2">
      <c r="A94" s="31">
        <v>73</v>
      </c>
      <c r="B94" s="27">
        <v>12</v>
      </c>
      <c r="C94" s="28">
        <v>11</v>
      </c>
      <c r="D94" s="29">
        <v>23</v>
      </c>
    </row>
    <row r="95" spans="1:4" ht="18" customHeight="1" x14ac:dyDescent="0.2">
      <c r="A95" s="31">
        <v>74</v>
      </c>
      <c r="B95" s="27">
        <v>7</v>
      </c>
      <c r="C95" s="28">
        <v>12</v>
      </c>
      <c r="D95" s="29">
        <v>19</v>
      </c>
    </row>
    <row r="96" spans="1:4" ht="18" customHeight="1" x14ac:dyDescent="0.2">
      <c r="A96" s="31" t="s">
        <v>82</v>
      </c>
      <c r="B96" s="27">
        <v>43</v>
      </c>
      <c r="C96" s="28">
        <v>61</v>
      </c>
      <c r="D96" s="29">
        <v>104</v>
      </c>
    </row>
    <row r="97" spans="1:4" ht="18" customHeight="1" x14ac:dyDescent="0.2">
      <c r="A97" s="31">
        <v>75</v>
      </c>
      <c r="B97" s="27">
        <v>10</v>
      </c>
      <c r="C97" s="28">
        <v>13</v>
      </c>
      <c r="D97" s="29">
        <v>23</v>
      </c>
    </row>
    <row r="98" spans="1:4" ht="18" customHeight="1" x14ac:dyDescent="0.2">
      <c r="A98" s="31">
        <v>76</v>
      </c>
      <c r="B98" s="27">
        <v>12</v>
      </c>
      <c r="C98" s="28">
        <v>15</v>
      </c>
      <c r="D98" s="29">
        <v>27</v>
      </c>
    </row>
    <row r="99" spans="1:4" ht="18" customHeight="1" x14ac:dyDescent="0.2">
      <c r="A99" s="31">
        <v>77</v>
      </c>
      <c r="B99" s="27">
        <v>15</v>
      </c>
      <c r="C99" s="28">
        <v>22</v>
      </c>
      <c r="D99" s="29">
        <v>37</v>
      </c>
    </row>
    <row r="100" spans="1:4" ht="18" customHeight="1" x14ac:dyDescent="0.2">
      <c r="A100" s="31">
        <v>78</v>
      </c>
      <c r="B100" s="27">
        <v>5</v>
      </c>
      <c r="C100" s="28">
        <v>15</v>
      </c>
      <c r="D100" s="29">
        <v>20</v>
      </c>
    </row>
    <row r="101" spans="1:4" ht="18" customHeight="1" x14ac:dyDescent="0.2">
      <c r="A101" s="31">
        <v>79</v>
      </c>
      <c r="B101" s="27">
        <v>4</v>
      </c>
      <c r="C101" s="28">
        <v>11</v>
      </c>
      <c r="D101" s="29">
        <v>15</v>
      </c>
    </row>
    <row r="102" spans="1:4" ht="18" customHeight="1" x14ac:dyDescent="0.2">
      <c r="A102" s="31" t="s">
        <v>83</v>
      </c>
      <c r="B102" s="27">
        <v>46</v>
      </c>
      <c r="C102" s="28">
        <v>76</v>
      </c>
      <c r="D102" s="29">
        <v>122</v>
      </c>
    </row>
    <row r="103" spans="1:4" ht="18" customHeight="1" x14ac:dyDescent="0.2">
      <c r="A103" s="31">
        <v>80</v>
      </c>
      <c r="B103" s="27">
        <v>13</v>
      </c>
      <c r="C103" s="28">
        <v>18</v>
      </c>
      <c r="D103" s="29">
        <v>31</v>
      </c>
    </row>
    <row r="104" spans="1:4" ht="18" customHeight="1" x14ac:dyDescent="0.2">
      <c r="A104" s="31">
        <v>81</v>
      </c>
      <c r="B104" s="27">
        <v>6</v>
      </c>
      <c r="C104" s="28">
        <v>10</v>
      </c>
      <c r="D104" s="29">
        <v>16</v>
      </c>
    </row>
    <row r="105" spans="1:4" ht="18" customHeight="1" x14ac:dyDescent="0.2">
      <c r="A105" s="31">
        <v>82</v>
      </c>
      <c r="B105" s="27">
        <v>9</v>
      </c>
      <c r="C105" s="28">
        <v>8</v>
      </c>
      <c r="D105" s="29">
        <v>17</v>
      </c>
    </row>
    <row r="106" spans="1:4" ht="18" customHeight="1" x14ac:dyDescent="0.2">
      <c r="A106" s="31">
        <v>83</v>
      </c>
      <c r="B106" s="27">
        <v>11</v>
      </c>
      <c r="C106" s="28">
        <v>13</v>
      </c>
      <c r="D106" s="29">
        <v>24</v>
      </c>
    </row>
    <row r="107" spans="1:4" ht="18" customHeight="1" x14ac:dyDescent="0.2">
      <c r="A107" s="31">
        <v>84</v>
      </c>
      <c r="B107" s="27">
        <v>9</v>
      </c>
      <c r="C107" s="28">
        <v>9</v>
      </c>
      <c r="D107" s="29">
        <v>18</v>
      </c>
    </row>
    <row r="108" spans="1:4" ht="18" customHeight="1" x14ac:dyDescent="0.2">
      <c r="A108" s="31" t="s">
        <v>84</v>
      </c>
      <c r="B108" s="27">
        <v>48</v>
      </c>
      <c r="C108" s="28">
        <v>58</v>
      </c>
      <c r="D108" s="29">
        <v>106</v>
      </c>
    </row>
    <row r="109" spans="1:4" ht="18" customHeight="1" x14ac:dyDescent="0.2">
      <c r="A109" s="31">
        <v>85</v>
      </c>
      <c r="B109" s="27">
        <v>7</v>
      </c>
      <c r="C109" s="28">
        <v>14</v>
      </c>
      <c r="D109" s="29">
        <v>21</v>
      </c>
    </row>
    <row r="110" spans="1:4" ht="18" customHeight="1" x14ac:dyDescent="0.2">
      <c r="A110" s="31">
        <v>86</v>
      </c>
      <c r="B110" s="27">
        <v>5</v>
      </c>
      <c r="C110" s="28">
        <v>7</v>
      </c>
      <c r="D110" s="29">
        <v>12</v>
      </c>
    </row>
    <row r="111" spans="1:4" ht="18" customHeight="1" x14ac:dyDescent="0.2">
      <c r="A111" s="31">
        <v>87</v>
      </c>
      <c r="B111" s="27">
        <v>1</v>
      </c>
      <c r="C111" s="28">
        <v>6</v>
      </c>
      <c r="D111" s="29">
        <v>7</v>
      </c>
    </row>
    <row r="112" spans="1:4" ht="18" customHeight="1" x14ac:dyDescent="0.2">
      <c r="A112" s="31">
        <v>88</v>
      </c>
      <c r="B112" s="27">
        <v>4</v>
      </c>
      <c r="C112" s="28">
        <v>8</v>
      </c>
      <c r="D112" s="29">
        <v>12</v>
      </c>
    </row>
    <row r="113" spans="1:4" ht="18" customHeight="1" x14ac:dyDescent="0.2">
      <c r="A113" s="31">
        <v>89</v>
      </c>
      <c r="B113" s="27">
        <v>4</v>
      </c>
      <c r="C113" s="28">
        <v>7</v>
      </c>
      <c r="D113" s="29">
        <v>11</v>
      </c>
    </row>
    <row r="114" spans="1:4" ht="18" customHeight="1" x14ac:dyDescent="0.2">
      <c r="A114" s="31" t="s">
        <v>85</v>
      </c>
      <c r="B114" s="27">
        <v>21</v>
      </c>
      <c r="C114" s="28">
        <v>42</v>
      </c>
      <c r="D114" s="29">
        <v>63</v>
      </c>
    </row>
    <row r="115" spans="1:4" ht="18" customHeight="1" x14ac:dyDescent="0.2">
      <c r="A115" s="31">
        <v>90</v>
      </c>
      <c r="B115" s="27">
        <v>1</v>
      </c>
      <c r="C115" s="28">
        <v>4</v>
      </c>
      <c r="D115" s="29">
        <v>5</v>
      </c>
    </row>
    <row r="116" spans="1:4" ht="18" customHeight="1" x14ac:dyDescent="0.2">
      <c r="A116" s="31">
        <v>91</v>
      </c>
      <c r="B116" s="27">
        <v>1</v>
      </c>
      <c r="C116" s="28">
        <v>8</v>
      </c>
      <c r="D116" s="29">
        <v>9</v>
      </c>
    </row>
    <row r="117" spans="1:4" ht="18" customHeight="1" x14ac:dyDescent="0.2">
      <c r="A117" s="31">
        <v>92</v>
      </c>
      <c r="B117" s="27">
        <v>2</v>
      </c>
      <c r="C117" s="28">
        <v>5</v>
      </c>
      <c r="D117" s="29">
        <v>7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86</v>
      </c>
      <c r="B120" s="27">
        <v>5</v>
      </c>
      <c r="C120" s="28">
        <v>20</v>
      </c>
      <c r="D120" s="29">
        <v>25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6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88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89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90</v>
      </c>
      <c r="B130" s="4">
        <v>231</v>
      </c>
      <c r="C130" s="5">
        <v>339</v>
      </c>
      <c r="D130" s="6">
        <v>570</v>
      </c>
    </row>
    <row r="131" spans="1:4" ht="18" customHeight="1" x14ac:dyDescent="0.2">
      <c r="A131" s="33" t="s">
        <v>65</v>
      </c>
      <c r="B131" s="7">
        <v>768</v>
      </c>
      <c r="C131" s="8">
        <v>875</v>
      </c>
      <c r="D131" s="9">
        <v>164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8">
    <pageSetUpPr fitToPage="1"/>
  </sheetPr>
  <dimension ref="A1:D131"/>
  <sheetViews>
    <sheetView workbookViewId="0">
      <pane ySplit="4" topLeftCell="A5" activePane="bottomLeft" state="frozen"/>
      <selection activeCell="C73" sqref="C7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8</v>
      </c>
      <c r="C5" s="12">
        <v>4</v>
      </c>
      <c r="D5" s="13">
        <v>12</v>
      </c>
    </row>
    <row r="6" spans="1:4" ht="18" customHeight="1" x14ac:dyDescent="0.2">
      <c r="A6" s="14">
        <v>1</v>
      </c>
      <c r="B6" s="15">
        <v>11</v>
      </c>
      <c r="C6" s="16">
        <v>7</v>
      </c>
      <c r="D6" s="17">
        <v>18</v>
      </c>
    </row>
    <row r="7" spans="1:4" ht="18" customHeight="1" x14ac:dyDescent="0.2">
      <c r="A7" s="14">
        <v>2</v>
      </c>
      <c r="B7" s="15">
        <v>9</v>
      </c>
      <c r="C7" s="16">
        <v>10</v>
      </c>
      <c r="D7" s="17">
        <v>19</v>
      </c>
    </row>
    <row r="8" spans="1:4" ht="18" customHeight="1" x14ac:dyDescent="0.2">
      <c r="A8" s="14">
        <v>3</v>
      </c>
      <c r="B8" s="15">
        <v>3</v>
      </c>
      <c r="C8" s="16">
        <v>5</v>
      </c>
      <c r="D8" s="17">
        <v>8</v>
      </c>
    </row>
    <row r="9" spans="1:4" ht="18" customHeight="1" x14ac:dyDescent="0.2">
      <c r="A9" s="14">
        <v>4</v>
      </c>
      <c r="B9" s="15">
        <v>5</v>
      </c>
      <c r="C9" s="16">
        <v>18</v>
      </c>
      <c r="D9" s="17">
        <v>23</v>
      </c>
    </row>
    <row r="10" spans="1:4" ht="18" customHeight="1" x14ac:dyDescent="0.2">
      <c r="A10" s="18" t="s">
        <v>66</v>
      </c>
      <c r="B10" s="15">
        <v>36</v>
      </c>
      <c r="C10" s="16">
        <v>44</v>
      </c>
      <c r="D10" s="17">
        <v>80</v>
      </c>
    </row>
    <row r="11" spans="1:4" ht="18" customHeight="1" x14ac:dyDescent="0.2">
      <c r="A11" s="14">
        <v>5</v>
      </c>
      <c r="B11" s="15">
        <v>6</v>
      </c>
      <c r="C11" s="16">
        <v>7</v>
      </c>
      <c r="D11" s="17">
        <v>13</v>
      </c>
    </row>
    <row r="12" spans="1:4" ht="18" customHeight="1" x14ac:dyDescent="0.2">
      <c r="A12" s="14">
        <v>6</v>
      </c>
      <c r="B12" s="15">
        <v>8</v>
      </c>
      <c r="C12" s="16">
        <v>5</v>
      </c>
      <c r="D12" s="17">
        <v>13</v>
      </c>
    </row>
    <row r="13" spans="1:4" ht="18" customHeight="1" x14ac:dyDescent="0.2">
      <c r="A13" s="14">
        <v>7</v>
      </c>
      <c r="B13" s="15">
        <v>9</v>
      </c>
      <c r="C13" s="16">
        <v>3</v>
      </c>
      <c r="D13" s="17">
        <v>12</v>
      </c>
    </row>
    <row r="14" spans="1:4" ht="18" customHeight="1" x14ac:dyDescent="0.2">
      <c r="A14" s="14">
        <v>8</v>
      </c>
      <c r="B14" s="15">
        <v>13</v>
      </c>
      <c r="C14" s="16">
        <v>3</v>
      </c>
      <c r="D14" s="17">
        <v>16</v>
      </c>
    </row>
    <row r="15" spans="1:4" ht="18" customHeight="1" x14ac:dyDescent="0.2">
      <c r="A15" s="14">
        <v>9</v>
      </c>
      <c r="B15" s="15">
        <v>7</v>
      </c>
      <c r="C15" s="16">
        <v>4</v>
      </c>
      <c r="D15" s="17">
        <v>11</v>
      </c>
    </row>
    <row r="16" spans="1:4" ht="18" customHeight="1" x14ac:dyDescent="0.2">
      <c r="A16" s="18" t="s">
        <v>67</v>
      </c>
      <c r="B16" s="15">
        <v>43</v>
      </c>
      <c r="C16" s="16">
        <v>22</v>
      </c>
      <c r="D16" s="17">
        <v>65</v>
      </c>
    </row>
    <row r="17" spans="1:4" ht="18" customHeight="1" x14ac:dyDescent="0.2">
      <c r="A17" s="14">
        <v>10</v>
      </c>
      <c r="B17" s="15">
        <v>5</v>
      </c>
      <c r="C17" s="16">
        <v>6</v>
      </c>
      <c r="D17" s="17">
        <v>11</v>
      </c>
    </row>
    <row r="18" spans="1:4" ht="18" customHeight="1" x14ac:dyDescent="0.2">
      <c r="A18" s="14">
        <v>11</v>
      </c>
      <c r="B18" s="15">
        <v>7</v>
      </c>
      <c r="C18" s="16">
        <v>7</v>
      </c>
      <c r="D18" s="17">
        <v>14</v>
      </c>
    </row>
    <row r="19" spans="1:4" ht="18" customHeight="1" x14ac:dyDescent="0.2">
      <c r="A19" s="14">
        <v>12</v>
      </c>
      <c r="B19" s="15">
        <v>7</v>
      </c>
      <c r="C19" s="16">
        <v>9</v>
      </c>
      <c r="D19" s="17">
        <v>16</v>
      </c>
    </row>
    <row r="20" spans="1:4" ht="18" customHeight="1" x14ac:dyDescent="0.2">
      <c r="A20" s="14">
        <v>13</v>
      </c>
      <c r="B20" s="15">
        <v>7</v>
      </c>
      <c r="C20" s="16">
        <v>10</v>
      </c>
      <c r="D20" s="17">
        <v>17</v>
      </c>
    </row>
    <row r="21" spans="1:4" ht="18" customHeight="1" x14ac:dyDescent="0.2">
      <c r="A21" s="14">
        <v>14</v>
      </c>
      <c r="B21" s="15">
        <v>10</v>
      </c>
      <c r="C21" s="16">
        <v>6</v>
      </c>
      <c r="D21" s="17">
        <v>16</v>
      </c>
    </row>
    <row r="22" spans="1:4" ht="18" customHeight="1" x14ac:dyDescent="0.2">
      <c r="A22" s="18" t="s">
        <v>68</v>
      </c>
      <c r="B22" s="15">
        <v>36</v>
      </c>
      <c r="C22" s="16">
        <v>38</v>
      </c>
      <c r="D22" s="17">
        <v>74</v>
      </c>
    </row>
    <row r="23" spans="1:4" ht="18" customHeight="1" x14ac:dyDescent="0.2">
      <c r="A23" s="18" t="s">
        <v>69</v>
      </c>
      <c r="B23" s="15">
        <v>115</v>
      </c>
      <c r="C23" s="16">
        <v>104</v>
      </c>
      <c r="D23" s="17">
        <v>219</v>
      </c>
    </row>
    <row r="24" spans="1:4" ht="18" customHeight="1" x14ac:dyDescent="0.2">
      <c r="A24" s="14">
        <v>15</v>
      </c>
      <c r="B24" s="15">
        <v>10</v>
      </c>
      <c r="C24" s="16">
        <v>14</v>
      </c>
      <c r="D24" s="17">
        <v>24</v>
      </c>
    </row>
    <row r="25" spans="1:4" ht="18" customHeight="1" x14ac:dyDescent="0.2">
      <c r="A25" s="14">
        <v>16</v>
      </c>
      <c r="B25" s="15">
        <v>10</v>
      </c>
      <c r="C25" s="16">
        <v>2</v>
      </c>
      <c r="D25" s="17">
        <v>12</v>
      </c>
    </row>
    <row r="26" spans="1:4" ht="18" customHeight="1" x14ac:dyDescent="0.2">
      <c r="A26" s="14">
        <v>17</v>
      </c>
      <c r="B26" s="15">
        <v>11</v>
      </c>
      <c r="C26" s="16">
        <v>12</v>
      </c>
      <c r="D26" s="17">
        <v>23</v>
      </c>
    </row>
    <row r="27" spans="1:4" ht="18" customHeight="1" x14ac:dyDescent="0.2">
      <c r="A27" s="14">
        <v>18</v>
      </c>
      <c r="B27" s="15">
        <v>10</v>
      </c>
      <c r="C27" s="16">
        <v>10</v>
      </c>
      <c r="D27" s="17">
        <v>20</v>
      </c>
    </row>
    <row r="28" spans="1:4" ht="18" customHeight="1" x14ac:dyDescent="0.2">
      <c r="A28" s="14">
        <v>19</v>
      </c>
      <c r="B28" s="15">
        <v>7</v>
      </c>
      <c r="C28" s="16">
        <v>16</v>
      </c>
      <c r="D28" s="17">
        <v>23</v>
      </c>
    </row>
    <row r="29" spans="1:4" ht="18" customHeight="1" x14ac:dyDescent="0.2">
      <c r="A29" s="18" t="s">
        <v>70</v>
      </c>
      <c r="B29" s="15">
        <v>48</v>
      </c>
      <c r="C29" s="16">
        <v>54</v>
      </c>
      <c r="D29" s="17">
        <v>102</v>
      </c>
    </row>
    <row r="30" spans="1:4" ht="18" customHeight="1" x14ac:dyDescent="0.2">
      <c r="A30" s="14">
        <v>20</v>
      </c>
      <c r="B30" s="15">
        <v>13</v>
      </c>
      <c r="C30" s="16">
        <v>11</v>
      </c>
      <c r="D30" s="17">
        <v>24</v>
      </c>
    </row>
    <row r="31" spans="1:4" ht="18" customHeight="1" x14ac:dyDescent="0.2">
      <c r="A31" s="14">
        <v>21</v>
      </c>
      <c r="B31" s="15">
        <v>13</v>
      </c>
      <c r="C31" s="16">
        <v>11</v>
      </c>
      <c r="D31" s="17">
        <v>24</v>
      </c>
    </row>
    <row r="32" spans="1:4" ht="18" customHeight="1" x14ac:dyDescent="0.2">
      <c r="A32" s="14">
        <v>22</v>
      </c>
      <c r="B32" s="15">
        <v>14</v>
      </c>
      <c r="C32" s="16">
        <v>12</v>
      </c>
      <c r="D32" s="17">
        <v>26</v>
      </c>
    </row>
    <row r="33" spans="1:4" ht="18" customHeight="1" x14ac:dyDescent="0.2">
      <c r="A33" s="14">
        <v>23</v>
      </c>
      <c r="B33" s="15">
        <v>14</v>
      </c>
      <c r="C33" s="16">
        <v>14</v>
      </c>
      <c r="D33" s="17">
        <v>28</v>
      </c>
    </row>
    <row r="34" spans="1:4" ht="18" customHeight="1" x14ac:dyDescent="0.2">
      <c r="A34" s="14">
        <v>24</v>
      </c>
      <c r="B34" s="15">
        <v>15</v>
      </c>
      <c r="C34" s="16">
        <v>14</v>
      </c>
      <c r="D34" s="17">
        <v>29</v>
      </c>
    </row>
    <row r="35" spans="1:4" ht="18" customHeight="1" x14ac:dyDescent="0.2">
      <c r="A35" s="18" t="s">
        <v>71</v>
      </c>
      <c r="B35" s="15">
        <v>69</v>
      </c>
      <c r="C35" s="16">
        <v>62</v>
      </c>
      <c r="D35" s="17">
        <v>131</v>
      </c>
    </row>
    <row r="36" spans="1:4" ht="18" customHeight="1" x14ac:dyDescent="0.2">
      <c r="A36" s="14">
        <v>25</v>
      </c>
      <c r="B36" s="15">
        <v>19</v>
      </c>
      <c r="C36" s="16">
        <v>15</v>
      </c>
      <c r="D36" s="17">
        <v>34</v>
      </c>
    </row>
    <row r="37" spans="1:4" ht="18" customHeight="1" x14ac:dyDescent="0.2">
      <c r="A37" s="14">
        <v>26</v>
      </c>
      <c r="B37" s="15">
        <v>8</v>
      </c>
      <c r="C37" s="16">
        <v>10</v>
      </c>
      <c r="D37" s="17">
        <v>18</v>
      </c>
    </row>
    <row r="38" spans="1:4" ht="18" customHeight="1" x14ac:dyDescent="0.2">
      <c r="A38" s="14">
        <v>27</v>
      </c>
      <c r="B38" s="15">
        <v>10</v>
      </c>
      <c r="C38" s="16">
        <v>15</v>
      </c>
      <c r="D38" s="17">
        <v>25</v>
      </c>
    </row>
    <row r="39" spans="1:4" ht="18" customHeight="1" x14ac:dyDescent="0.2">
      <c r="A39" s="14">
        <v>28</v>
      </c>
      <c r="B39" s="15">
        <v>8</v>
      </c>
      <c r="C39" s="16">
        <v>12</v>
      </c>
      <c r="D39" s="17">
        <v>20</v>
      </c>
    </row>
    <row r="40" spans="1:4" ht="18" customHeight="1" x14ac:dyDescent="0.2">
      <c r="A40" s="14">
        <v>29</v>
      </c>
      <c r="B40" s="15">
        <v>12</v>
      </c>
      <c r="C40" s="16">
        <v>8</v>
      </c>
      <c r="D40" s="17">
        <v>20</v>
      </c>
    </row>
    <row r="41" spans="1:4" ht="18" customHeight="1" x14ac:dyDescent="0.2">
      <c r="A41" s="18" t="s">
        <v>72</v>
      </c>
      <c r="B41" s="15">
        <v>57</v>
      </c>
      <c r="C41" s="16">
        <v>60</v>
      </c>
      <c r="D41" s="17">
        <v>117</v>
      </c>
    </row>
    <row r="42" spans="1:4" ht="18" customHeight="1" x14ac:dyDescent="0.2">
      <c r="A42" s="14">
        <v>30</v>
      </c>
      <c r="B42" s="15">
        <v>11</v>
      </c>
      <c r="C42" s="16">
        <v>11</v>
      </c>
      <c r="D42" s="17">
        <v>22</v>
      </c>
    </row>
    <row r="43" spans="1:4" ht="18" customHeight="1" x14ac:dyDescent="0.2">
      <c r="A43" s="14">
        <v>31</v>
      </c>
      <c r="B43" s="15">
        <v>8</v>
      </c>
      <c r="C43" s="16">
        <v>10</v>
      </c>
      <c r="D43" s="17">
        <v>18</v>
      </c>
    </row>
    <row r="44" spans="1:4" ht="18" customHeight="1" x14ac:dyDescent="0.2">
      <c r="A44" s="14">
        <v>32</v>
      </c>
      <c r="B44" s="15">
        <v>12</v>
      </c>
      <c r="C44" s="16">
        <v>4</v>
      </c>
      <c r="D44" s="17">
        <v>16</v>
      </c>
    </row>
    <row r="45" spans="1:4" ht="18" customHeight="1" x14ac:dyDescent="0.2">
      <c r="A45" s="14">
        <v>33</v>
      </c>
      <c r="B45" s="15">
        <v>12</v>
      </c>
      <c r="C45" s="16">
        <v>12</v>
      </c>
      <c r="D45" s="17">
        <v>24</v>
      </c>
    </row>
    <row r="46" spans="1:4" ht="18" customHeight="1" x14ac:dyDescent="0.2">
      <c r="A46" s="14">
        <v>34</v>
      </c>
      <c r="B46" s="15">
        <v>12</v>
      </c>
      <c r="C46" s="16">
        <v>14</v>
      </c>
      <c r="D46" s="17">
        <v>26</v>
      </c>
    </row>
    <row r="47" spans="1:4" ht="18" customHeight="1" x14ac:dyDescent="0.2">
      <c r="A47" s="18" t="s">
        <v>73</v>
      </c>
      <c r="B47" s="15">
        <v>55</v>
      </c>
      <c r="C47" s="16">
        <v>51</v>
      </c>
      <c r="D47" s="17">
        <v>106</v>
      </c>
    </row>
    <row r="48" spans="1:4" ht="18" customHeight="1" x14ac:dyDescent="0.2">
      <c r="A48" s="14">
        <v>35</v>
      </c>
      <c r="B48" s="15">
        <v>20</v>
      </c>
      <c r="C48" s="16">
        <v>29</v>
      </c>
      <c r="D48" s="17">
        <v>49</v>
      </c>
    </row>
    <row r="49" spans="1:4" ht="18" customHeight="1" x14ac:dyDescent="0.2">
      <c r="A49" s="14">
        <v>36</v>
      </c>
      <c r="B49" s="15">
        <v>15</v>
      </c>
      <c r="C49" s="16">
        <v>14</v>
      </c>
      <c r="D49" s="17">
        <v>29</v>
      </c>
    </row>
    <row r="50" spans="1:4" ht="18" customHeight="1" x14ac:dyDescent="0.2">
      <c r="A50" s="14">
        <v>37</v>
      </c>
      <c r="B50" s="15">
        <v>27</v>
      </c>
      <c r="C50" s="16">
        <v>10</v>
      </c>
      <c r="D50" s="17">
        <v>37</v>
      </c>
    </row>
    <row r="51" spans="1:4" ht="18" customHeight="1" x14ac:dyDescent="0.2">
      <c r="A51" s="14">
        <v>38</v>
      </c>
      <c r="B51" s="15">
        <v>20</v>
      </c>
      <c r="C51" s="16">
        <v>21</v>
      </c>
      <c r="D51" s="17">
        <v>41</v>
      </c>
    </row>
    <row r="52" spans="1:4" ht="18" customHeight="1" x14ac:dyDescent="0.2">
      <c r="A52" s="14">
        <v>39</v>
      </c>
      <c r="B52" s="15">
        <v>16</v>
      </c>
      <c r="C52" s="16">
        <v>17</v>
      </c>
      <c r="D52" s="17">
        <v>33</v>
      </c>
    </row>
    <row r="53" spans="1:4" ht="18" customHeight="1" x14ac:dyDescent="0.2">
      <c r="A53" s="18" t="s">
        <v>74</v>
      </c>
      <c r="B53" s="15">
        <v>98</v>
      </c>
      <c r="C53" s="16">
        <v>91</v>
      </c>
      <c r="D53" s="17">
        <v>189</v>
      </c>
    </row>
    <row r="54" spans="1:4" ht="18" customHeight="1" x14ac:dyDescent="0.2">
      <c r="A54" s="14">
        <v>40</v>
      </c>
      <c r="B54" s="15">
        <v>19</v>
      </c>
      <c r="C54" s="16">
        <v>14</v>
      </c>
      <c r="D54" s="17">
        <v>33</v>
      </c>
    </row>
    <row r="55" spans="1:4" ht="18" customHeight="1" x14ac:dyDescent="0.2">
      <c r="A55" s="14">
        <v>41</v>
      </c>
      <c r="B55" s="15">
        <v>15</v>
      </c>
      <c r="C55" s="16">
        <v>11</v>
      </c>
      <c r="D55" s="17">
        <v>26</v>
      </c>
    </row>
    <row r="56" spans="1:4" ht="18" customHeight="1" x14ac:dyDescent="0.2">
      <c r="A56" s="14">
        <v>42</v>
      </c>
      <c r="B56" s="15">
        <v>14</v>
      </c>
      <c r="C56" s="16">
        <v>13</v>
      </c>
      <c r="D56" s="17">
        <v>27</v>
      </c>
    </row>
    <row r="57" spans="1:4" ht="18" customHeight="1" x14ac:dyDescent="0.2">
      <c r="A57" s="14">
        <v>43</v>
      </c>
      <c r="B57" s="15">
        <v>11</v>
      </c>
      <c r="C57" s="16">
        <v>18</v>
      </c>
      <c r="D57" s="17">
        <v>29</v>
      </c>
    </row>
    <row r="58" spans="1:4" ht="18" customHeight="1" x14ac:dyDescent="0.2">
      <c r="A58" s="14">
        <v>44</v>
      </c>
      <c r="B58" s="15">
        <v>17</v>
      </c>
      <c r="C58" s="16">
        <v>24</v>
      </c>
      <c r="D58" s="17">
        <v>41</v>
      </c>
    </row>
    <row r="59" spans="1:4" ht="18" customHeight="1" x14ac:dyDescent="0.2">
      <c r="A59" s="18" t="s">
        <v>75</v>
      </c>
      <c r="B59" s="15">
        <v>76</v>
      </c>
      <c r="C59" s="16">
        <v>80</v>
      </c>
      <c r="D59" s="17">
        <v>156</v>
      </c>
    </row>
    <row r="60" spans="1:4" ht="18" customHeight="1" x14ac:dyDescent="0.2">
      <c r="A60" s="14">
        <v>45</v>
      </c>
      <c r="B60" s="15">
        <v>19</v>
      </c>
      <c r="C60" s="16">
        <v>18</v>
      </c>
      <c r="D60" s="17">
        <v>37</v>
      </c>
    </row>
    <row r="61" spans="1:4" ht="18" customHeight="1" x14ac:dyDescent="0.2">
      <c r="A61" s="14">
        <v>46</v>
      </c>
      <c r="B61" s="15">
        <v>14</v>
      </c>
      <c r="C61" s="16">
        <v>10</v>
      </c>
      <c r="D61" s="17">
        <v>24</v>
      </c>
    </row>
    <row r="62" spans="1:4" ht="18" customHeight="1" x14ac:dyDescent="0.2">
      <c r="A62" s="14">
        <v>47</v>
      </c>
      <c r="B62" s="15">
        <v>15</v>
      </c>
      <c r="C62" s="16">
        <v>12</v>
      </c>
      <c r="D62" s="17">
        <v>27</v>
      </c>
    </row>
    <row r="63" spans="1:4" ht="18" customHeight="1" x14ac:dyDescent="0.2">
      <c r="A63" s="14">
        <v>48</v>
      </c>
      <c r="B63" s="15">
        <v>21</v>
      </c>
      <c r="C63" s="16">
        <v>13</v>
      </c>
      <c r="D63" s="17">
        <v>34</v>
      </c>
    </row>
    <row r="64" spans="1:4" ht="18" customHeight="1" x14ac:dyDescent="0.2">
      <c r="A64" s="14">
        <v>49</v>
      </c>
      <c r="B64" s="15">
        <v>17</v>
      </c>
      <c r="C64" s="16">
        <v>21</v>
      </c>
      <c r="D64" s="17">
        <v>38</v>
      </c>
    </row>
    <row r="65" spans="1:4" ht="18" customHeight="1" x14ac:dyDescent="0.2">
      <c r="A65" s="18" t="s">
        <v>76</v>
      </c>
      <c r="B65" s="15">
        <v>86</v>
      </c>
      <c r="C65" s="16">
        <v>74</v>
      </c>
      <c r="D65" s="17">
        <v>160</v>
      </c>
    </row>
    <row r="66" spans="1:4" ht="18" customHeight="1" x14ac:dyDescent="0.2">
      <c r="A66" s="14">
        <v>50</v>
      </c>
      <c r="B66" s="15">
        <v>16</v>
      </c>
      <c r="C66" s="16">
        <v>23</v>
      </c>
      <c r="D66" s="17">
        <v>39</v>
      </c>
    </row>
    <row r="67" spans="1:4" ht="18" customHeight="1" x14ac:dyDescent="0.2">
      <c r="A67" s="14">
        <v>51</v>
      </c>
      <c r="B67" s="15">
        <v>14</v>
      </c>
      <c r="C67" s="16">
        <v>23</v>
      </c>
      <c r="D67" s="17">
        <v>37</v>
      </c>
    </row>
    <row r="68" spans="1:4" ht="18" customHeight="1" x14ac:dyDescent="0.2">
      <c r="A68" s="14">
        <v>52</v>
      </c>
      <c r="B68" s="15">
        <v>13</v>
      </c>
      <c r="C68" s="16">
        <v>16</v>
      </c>
      <c r="D68" s="17">
        <v>29</v>
      </c>
    </row>
    <row r="69" spans="1:4" ht="18" customHeight="1" x14ac:dyDescent="0.2">
      <c r="A69" s="14">
        <v>53</v>
      </c>
      <c r="B69" s="15">
        <v>21</v>
      </c>
      <c r="C69" s="16">
        <v>14</v>
      </c>
      <c r="D69" s="17">
        <v>35</v>
      </c>
    </row>
    <row r="70" spans="1:4" ht="18" customHeight="1" x14ac:dyDescent="0.2">
      <c r="A70" s="14">
        <v>54</v>
      </c>
      <c r="B70" s="15">
        <v>18</v>
      </c>
      <c r="C70" s="16">
        <v>14</v>
      </c>
      <c r="D70" s="17">
        <v>32</v>
      </c>
    </row>
    <row r="71" spans="1:4" ht="18" customHeight="1" x14ac:dyDescent="0.2">
      <c r="A71" s="18" t="s">
        <v>77</v>
      </c>
      <c r="B71" s="15">
        <v>82</v>
      </c>
      <c r="C71" s="16">
        <v>90</v>
      </c>
      <c r="D71" s="17">
        <v>172</v>
      </c>
    </row>
    <row r="72" spans="1:4" ht="18" customHeight="1" x14ac:dyDescent="0.2">
      <c r="A72" s="14">
        <v>55</v>
      </c>
      <c r="B72" s="15">
        <v>14</v>
      </c>
      <c r="C72" s="16">
        <v>19</v>
      </c>
      <c r="D72" s="17">
        <v>33</v>
      </c>
    </row>
    <row r="73" spans="1:4" ht="18" customHeight="1" x14ac:dyDescent="0.2">
      <c r="A73" s="14">
        <v>56</v>
      </c>
      <c r="B73" s="15">
        <v>23</v>
      </c>
      <c r="C73" s="16">
        <v>20</v>
      </c>
      <c r="D73" s="17">
        <v>43</v>
      </c>
    </row>
    <row r="74" spans="1:4" ht="18" customHeight="1" x14ac:dyDescent="0.2">
      <c r="A74" s="14">
        <v>57</v>
      </c>
      <c r="B74" s="15">
        <v>19</v>
      </c>
      <c r="C74" s="16">
        <v>14</v>
      </c>
      <c r="D74" s="17">
        <v>33</v>
      </c>
    </row>
    <row r="75" spans="1:4" ht="18" customHeight="1" x14ac:dyDescent="0.2">
      <c r="A75" s="14">
        <v>58</v>
      </c>
      <c r="B75" s="15">
        <v>22</v>
      </c>
      <c r="C75" s="16">
        <v>19</v>
      </c>
      <c r="D75" s="17">
        <v>41</v>
      </c>
    </row>
    <row r="76" spans="1:4" ht="18" customHeight="1" x14ac:dyDescent="0.2">
      <c r="A76" s="14">
        <v>59</v>
      </c>
      <c r="B76" s="15">
        <v>20</v>
      </c>
      <c r="C76" s="16">
        <v>27</v>
      </c>
      <c r="D76" s="17">
        <v>47</v>
      </c>
    </row>
    <row r="77" spans="1:4" ht="18" customHeight="1" x14ac:dyDescent="0.2">
      <c r="A77" s="18" t="s">
        <v>78</v>
      </c>
      <c r="B77" s="15">
        <v>98</v>
      </c>
      <c r="C77" s="16">
        <v>99</v>
      </c>
      <c r="D77" s="17">
        <v>197</v>
      </c>
    </row>
    <row r="78" spans="1:4" ht="18" customHeight="1" x14ac:dyDescent="0.2">
      <c r="A78" s="14">
        <v>60</v>
      </c>
      <c r="B78" s="15">
        <v>25</v>
      </c>
      <c r="C78" s="16">
        <v>26</v>
      </c>
      <c r="D78" s="17">
        <v>51</v>
      </c>
    </row>
    <row r="79" spans="1:4" ht="18" customHeight="1" x14ac:dyDescent="0.2">
      <c r="A79" s="14">
        <v>61</v>
      </c>
      <c r="B79" s="15">
        <v>30</v>
      </c>
      <c r="C79" s="16">
        <v>25</v>
      </c>
      <c r="D79" s="17">
        <v>55</v>
      </c>
    </row>
    <row r="80" spans="1:4" ht="18" customHeight="1" x14ac:dyDescent="0.2">
      <c r="A80" s="14">
        <v>62</v>
      </c>
      <c r="B80" s="15">
        <v>32</v>
      </c>
      <c r="C80" s="16">
        <v>38</v>
      </c>
      <c r="D80" s="17">
        <v>70</v>
      </c>
    </row>
    <row r="81" spans="1:4" ht="18" customHeight="1" x14ac:dyDescent="0.2">
      <c r="A81" s="14">
        <v>63</v>
      </c>
      <c r="B81" s="15">
        <v>15</v>
      </c>
      <c r="C81" s="16">
        <v>21</v>
      </c>
      <c r="D81" s="17">
        <v>36</v>
      </c>
    </row>
    <row r="82" spans="1:4" ht="18" customHeight="1" x14ac:dyDescent="0.2">
      <c r="A82" s="14">
        <v>64</v>
      </c>
      <c r="B82" s="15">
        <v>14</v>
      </c>
      <c r="C82" s="16">
        <v>13</v>
      </c>
      <c r="D82" s="17">
        <v>27</v>
      </c>
    </row>
    <row r="83" spans="1:4" ht="18" customHeight="1" x14ac:dyDescent="0.2">
      <c r="A83" s="18" t="s">
        <v>79</v>
      </c>
      <c r="B83" s="15">
        <v>116</v>
      </c>
      <c r="C83" s="16">
        <v>123</v>
      </c>
      <c r="D83" s="17">
        <v>239</v>
      </c>
    </row>
    <row r="84" spans="1:4" ht="18" customHeight="1" x14ac:dyDescent="0.2">
      <c r="A84" s="18" t="s">
        <v>80</v>
      </c>
      <c r="B84" s="15">
        <v>785</v>
      </c>
      <c r="C84" s="16">
        <v>784</v>
      </c>
      <c r="D84" s="17">
        <v>1569</v>
      </c>
    </row>
    <row r="85" spans="1:4" ht="18" customHeight="1" x14ac:dyDescent="0.2">
      <c r="A85" s="14">
        <v>65</v>
      </c>
      <c r="B85" s="15">
        <v>27</v>
      </c>
      <c r="C85" s="16">
        <v>29</v>
      </c>
      <c r="D85" s="17">
        <v>56</v>
      </c>
    </row>
    <row r="86" spans="1:4" ht="18" customHeight="1" x14ac:dyDescent="0.2">
      <c r="A86" s="14">
        <v>66</v>
      </c>
      <c r="B86" s="15">
        <v>12</v>
      </c>
      <c r="C86" s="16">
        <v>20</v>
      </c>
      <c r="D86" s="17">
        <v>32</v>
      </c>
    </row>
    <row r="87" spans="1:4" ht="18" customHeight="1" x14ac:dyDescent="0.2">
      <c r="A87" s="14">
        <v>67</v>
      </c>
      <c r="B87" s="15">
        <v>19</v>
      </c>
      <c r="C87" s="16">
        <v>15</v>
      </c>
      <c r="D87" s="17">
        <v>34</v>
      </c>
    </row>
    <row r="88" spans="1:4" ht="18" customHeight="1" x14ac:dyDescent="0.2">
      <c r="A88" s="14">
        <v>68</v>
      </c>
      <c r="B88" s="15">
        <v>22</v>
      </c>
      <c r="C88" s="16">
        <v>23</v>
      </c>
      <c r="D88" s="17">
        <v>45</v>
      </c>
    </row>
    <row r="89" spans="1:4" ht="18" customHeight="1" x14ac:dyDescent="0.2">
      <c r="A89" s="14">
        <v>69</v>
      </c>
      <c r="B89" s="15">
        <v>18</v>
      </c>
      <c r="C89" s="16">
        <v>20</v>
      </c>
      <c r="D89" s="17">
        <v>38</v>
      </c>
    </row>
    <row r="90" spans="1:4" ht="18" customHeight="1" x14ac:dyDescent="0.2">
      <c r="A90" s="18" t="s">
        <v>81</v>
      </c>
      <c r="B90" s="15">
        <v>98</v>
      </c>
      <c r="C90" s="16">
        <v>107</v>
      </c>
      <c r="D90" s="17">
        <v>205</v>
      </c>
    </row>
    <row r="91" spans="1:4" ht="18" customHeight="1" x14ac:dyDescent="0.2">
      <c r="A91" s="14">
        <v>70</v>
      </c>
      <c r="B91" s="15">
        <v>19</v>
      </c>
      <c r="C91" s="16">
        <v>17</v>
      </c>
      <c r="D91" s="17">
        <v>36</v>
      </c>
    </row>
    <row r="92" spans="1:4" ht="18" customHeight="1" x14ac:dyDescent="0.2">
      <c r="A92" s="14">
        <v>71</v>
      </c>
      <c r="B92" s="15">
        <v>20</v>
      </c>
      <c r="C92" s="16">
        <v>15</v>
      </c>
      <c r="D92" s="17">
        <v>35</v>
      </c>
    </row>
    <row r="93" spans="1:4" ht="18" customHeight="1" x14ac:dyDescent="0.2">
      <c r="A93" s="14">
        <v>72</v>
      </c>
      <c r="B93" s="15">
        <v>17</v>
      </c>
      <c r="C93" s="16">
        <v>30</v>
      </c>
      <c r="D93" s="17">
        <v>47</v>
      </c>
    </row>
    <row r="94" spans="1:4" ht="18" customHeight="1" x14ac:dyDescent="0.2">
      <c r="A94" s="14">
        <v>73</v>
      </c>
      <c r="B94" s="15">
        <v>23</v>
      </c>
      <c r="C94" s="16">
        <v>30</v>
      </c>
      <c r="D94" s="17">
        <v>53</v>
      </c>
    </row>
    <row r="95" spans="1:4" ht="18" customHeight="1" x14ac:dyDescent="0.2">
      <c r="A95" s="14">
        <v>74</v>
      </c>
      <c r="B95" s="15">
        <v>12</v>
      </c>
      <c r="C95" s="16">
        <v>21</v>
      </c>
      <c r="D95" s="17">
        <v>33</v>
      </c>
    </row>
    <row r="96" spans="1:4" ht="18" customHeight="1" x14ac:dyDescent="0.2">
      <c r="A96" s="18" t="s">
        <v>82</v>
      </c>
      <c r="B96" s="15">
        <v>91</v>
      </c>
      <c r="C96" s="16">
        <v>113</v>
      </c>
      <c r="D96" s="17">
        <v>204</v>
      </c>
    </row>
    <row r="97" spans="1:4" ht="18" customHeight="1" x14ac:dyDescent="0.2">
      <c r="A97" s="14">
        <v>75</v>
      </c>
      <c r="B97" s="15">
        <v>20</v>
      </c>
      <c r="C97" s="16">
        <v>15</v>
      </c>
      <c r="D97" s="17">
        <v>35</v>
      </c>
    </row>
    <row r="98" spans="1:4" ht="18" customHeight="1" x14ac:dyDescent="0.2">
      <c r="A98" s="14">
        <v>76</v>
      </c>
      <c r="B98" s="15">
        <v>19</v>
      </c>
      <c r="C98" s="16">
        <v>33</v>
      </c>
      <c r="D98" s="17">
        <v>52</v>
      </c>
    </row>
    <row r="99" spans="1:4" ht="18" customHeight="1" x14ac:dyDescent="0.2">
      <c r="A99" s="14">
        <v>77</v>
      </c>
      <c r="B99" s="15">
        <v>15</v>
      </c>
      <c r="C99" s="16">
        <v>22</v>
      </c>
      <c r="D99" s="17">
        <v>37</v>
      </c>
    </row>
    <row r="100" spans="1:4" ht="18" customHeight="1" x14ac:dyDescent="0.2">
      <c r="A100" s="14">
        <v>78</v>
      </c>
      <c r="B100" s="15">
        <v>11</v>
      </c>
      <c r="C100" s="16">
        <v>13</v>
      </c>
      <c r="D100" s="17">
        <v>24</v>
      </c>
    </row>
    <row r="101" spans="1:4" ht="18" customHeight="1" x14ac:dyDescent="0.2">
      <c r="A101" s="14">
        <v>79</v>
      </c>
      <c r="B101" s="15">
        <v>16</v>
      </c>
      <c r="C101" s="16">
        <v>19</v>
      </c>
      <c r="D101" s="17">
        <v>35</v>
      </c>
    </row>
    <row r="102" spans="1:4" ht="18" customHeight="1" x14ac:dyDescent="0.2">
      <c r="A102" s="18" t="s">
        <v>83</v>
      </c>
      <c r="B102" s="15">
        <v>81</v>
      </c>
      <c r="C102" s="16">
        <v>102</v>
      </c>
      <c r="D102" s="17">
        <v>183</v>
      </c>
    </row>
    <row r="103" spans="1:4" ht="18" customHeight="1" x14ac:dyDescent="0.2">
      <c r="A103" s="14">
        <v>80</v>
      </c>
      <c r="B103" s="15">
        <v>9</v>
      </c>
      <c r="C103" s="16">
        <v>22</v>
      </c>
      <c r="D103" s="17">
        <v>31</v>
      </c>
    </row>
    <row r="104" spans="1:4" ht="18" customHeight="1" x14ac:dyDescent="0.2">
      <c r="A104" s="14">
        <v>81</v>
      </c>
      <c r="B104" s="15">
        <v>13</v>
      </c>
      <c r="C104" s="16">
        <v>22</v>
      </c>
      <c r="D104" s="17">
        <v>35</v>
      </c>
    </row>
    <row r="105" spans="1:4" ht="18" customHeight="1" x14ac:dyDescent="0.2">
      <c r="A105" s="14">
        <v>82</v>
      </c>
      <c r="B105" s="15">
        <v>23</v>
      </c>
      <c r="C105" s="16">
        <v>25</v>
      </c>
      <c r="D105" s="17">
        <v>48</v>
      </c>
    </row>
    <row r="106" spans="1:4" ht="18" customHeight="1" x14ac:dyDescent="0.2">
      <c r="A106" s="14">
        <v>83</v>
      </c>
      <c r="B106" s="15">
        <v>6</v>
      </c>
      <c r="C106" s="16">
        <v>21</v>
      </c>
      <c r="D106" s="17">
        <v>27</v>
      </c>
    </row>
    <row r="107" spans="1:4" ht="18" customHeight="1" x14ac:dyDescent="0.2">
      <c r="A107" s="14">
        <v>84</v>
      </c>
      <c r="B107" s="15">
        <v>10</v>
      </c>
      <c r="C107" s="16">
        <v>14</v>
      </c>
      <c r="D107" s="17">
        <v>24</v>
      </c>
    </row>
    <row r="108" spans="1:4" ht="18" customHeight="1" x14ac:dyDescent="0.2">
      <c r="A108" s="18" t="s">
        <v>84</v>
      </c>
      <c r="B108" s="15">
        <v>61</v>
      </c>
      <c r="C108" s="16">
        <v>104</v>
      </c>
      <c r="D108" s="17">
        <v>165</v>
      </c>
    </row>
    <row r="109" spans="1:4" ht="18" customHeight="1" x14ac:dyDescent="0.2">
      <c r="A109" s="14">
        <v>85</v>
      </c>
      <c r="B109" s="15">
        <v>6</v>
      </c>
      <c r="C109" s="16">
        <v>14</v>
      </c>
      <c r="D109" s="17">
        <v>20</v>
      </c>
    </row>
    <row r="110" spans="1:4" ht="18" customHeight="1" x14ac:dyDescent="0.2">
      <c r="A110" s="14">
        <v>86</v>
      </c>
      <c r="B110" s="15">
        <v>3</v>
      </c>
      <c r="C110" s="16">
        <v>9</v>
      </c>
      <c r="D110" s="17">
        <v>12</v>
      </c>
    </row>
    <row r="111" spans="1:4" ht="18" customHeight="1" x14ac:dyDescent="0.2">
      <c r="A111" s="14">
        <v>87</v>
      </c>
      <c r="B111" s="15">
        <v>9</v>
      </c>
      <c r="C111" s="16">
        <v>16</v>
      </c>
      <c r="D111" s="17">
        <v>25</v>
      </c>
    </row>
    <row r="112" spans="1:4" ht="18" customHeight="1" x14ac:dyDescent="0.2">
      <c r="A112" s="14">
        <v>88</v>
      </c>
      <c r="B112" s="15">
        <v>7</v>
      </c>
      <c r="C112" s="16">
        <v>16</v>
      </c>
      <c r="D112" s="17">
        <v>23</v>
      </c>
    </row>
    <row r="113" spans="1:4" ht="18" customHeight="1" x14ac:dyDescent="0.2">
      <c r="A113" s="14">
        <v>89</v>
      </c>
      <c r="B113" s="15">
        <v>1</v>
      </c>
      <c r="C113" s="16">
        <v>10</v>
      </c>
      <c r="D113" s="17">
        <v>11</v>
      </c>
    </row>
    <row r="114" spans="1:4" ht="18" customHeight="1" x14ac:dyDescent="0.2">
      <c r="A114" s="18" t="s">
        <v>85</v>
      </c>
      <c r="B114" s="15">
        <v>26</v>
      </c>
      <c r="C114" s="16">
        <v>65</v>
      </c>
      <c r="D114" s="17">
        <v>91</v>
      </c>
    </row>
    <row r="115" spans="1:4" ht="18" customHeight="1" x14ac:dyDescent="0.2">
      <c r="A115" s="14">
        <v>90</v>
      </c>
      <c r="B115" s="15">
        <v>5</v>
      </c>
      <c r="C115" s="16">
        <v>15</v>
      </c>
      <c r="D115" s="17">
        <v>20</v>
      </c>
    </row>
    <row r="116" spans="1:4" ht="18" customHeight="1" x14ac:dyDescent="0.2">
      <c r="A116" s="14">
        <v>91</v>
      </c>
      <c r="B116" s="15">
        <v>1</v>
      </c>
      <c r="C116" s="16">
        <v>4</v>
      </c>
      <c r="D116" s="17">
        <v>5</v>
      </c>
    </row>
    <row r="117" spans="1:4" ht="18" customHeight="1" x14ac:dyDescent="0.2">
      <c r="A117" s="14">
        <v>92</v>
      </c>
      <c r="B117" s="15">
        <v>3</v>
      </c>
      <c r="C117" s="16">
        <v>4</v>
      </c>
      <c r="D117" s="17">
        <v>7</v>
      </c>
    </row>
    <row r="118" spans="1:4" ht="18" customHeight="1" x14ac:dyDescent="0.2">
      <c r="A118" s="14">
        <v>93</v>
      </c>
      <c r="B118" s="15">
        <v>2</v>
      </c>
      <c r="C118" s="16">
        <v>3</v>
      </c>
      <c r="D118" s="17">
        <v>5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86</v>
      </c>
      <c r="B120" s="15">
        <v>13</v>
      </c>
      <c r="C120" s="16">
        <v>29</v>
      </c>
      <c r="D120" s="17">
        <v>42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2</v>
      </c>
      <c r="C124" s="16">
        <v>1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3</v>
      </c>
      <c r="C126" s="16">
        <v>9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89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90</v>
      </c>
      <c r="B130" s="4">
        <v>373</v>
      </c>
      <c r="C130" s="5">
        <v>533</v>
      </c>
      <c r="D130" s="6">
        <v>906</v>
      </c>
    </row>
    <row r="131" spans="1:4" ht="18" customHeight="1" x14ac:dyDescent="0.2">
      <c r="A131" s="20" t="s">
        <v>65</v>
      </c>
      <c r="B131" s="7">
        <v>1273</v>
      </c>
      <c r="C131" s="8">
        <v>1421</v>
      </c>
      <c r="D131" s="9">
        <v>269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9</vt:i4>
      </vt:variant>
      <vt:variant>
        <vt:lpstr>名前付き一覧</vt:lpstr>
      </vt:variant>
      <vt:variant>
        <vt:i4>88</vt:i4>
      </vt:variant>
    </vt:vector>
  </HeadingPairs>
  <TitlesOfParts>
    <vt:vector size="177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0099富山地域）</vt:lpstr>
      <vt:lpstr>年齢別・性別人口(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）'!Print_Titles</vt:lpstr>
      <vt:lpstr>'年齢別・性別人口(0101下タ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09-09-02T05:51:37Z</cp:lastPrinted>
  <dcterms:created xsi:type="dcterms:W3CDTF">2003-03-26T04:07:19Z</dcterms:created>
  <dcterms:modified xsi:type="dcterms:W3CDTF">2023-03-02T07:53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